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5\HP2605\"/>
    </mc:Choice>
  </mc:AlternateContent>
  <xr:revisionPtr revIDLastSave="0" documentId="13_ncr:1_{9F1A5688-3E52-4556-A6DE-D6E95DBB32BE}" xr6:coauthVersionLast="47" xr6:coauthVersionMax="47" xr10:uidLastSave="{00000000-0000-0000-0000-000000000000}"/>
  <bookViews>
    <workbookView xWindow="2010" yWindow="6975" windowWidth="10800" windowHeight="5535" xr2:uid="{00000000-000D-0000-FFFF-FFFF00000000}"/>
  </bookViews>
  <sheets>
    <sheet name="目次" sheetId="91" r:id="rId1"/>
    <sheet name="年齢別・性別人口(01総曲輪)" sheetId="2" r:id="rId2"/>
    <sheet name="年齢別・性別人口(02愛宕)" sheetId="3" r:id="rId3"/>
    <sheet name="年齢別・性別人口(03安野屋)" sheetId="4" r:id="rId4"/>
    <sheet name="年齢別・性別人口(04八人町)" sheetId="5" r:id="rId5"/>
    <sheet name="年齢別・性別人口(05五番町)" sheetId="6" r:id="rId6"/>
    <sheet name="年齢別・性別人口(06柳町)" sheetId="7" r:id="rId7"/>
    <sheet name="年齢別・性別人口(07清水町)" sheetId="8" r:id="rId8"/>
    <sheet name="年齢別・性別人口(08星井町)" sheetId="9" r:id="rId9"/>
    <sheet name="年齢別・性別人口(09西田地方)" sheetId="10" r:id="rId10"/>
    <sheet name="年齢別・性別人口(10堀川)" sheetId="11" r:id="rId11"/>
    <sheet name="年齢別・性別人口(11堀川南)" sheetId="12" r:id="rId12"/>
    <sheet name="年齢別・性別人口(12東部)" sheetId="13" r:id="rId13"/>
    <sheet name="年齢別・性別人口(13奥田)" sheetId="14" r:id="rId14"/>
    <sheet name="年齢別・性別人口(14奥田北)" sheetId="15" r:id="rId15"/>
    <sheet name="年齢別・性別人口(15桜谷)" sheetId="16" r:id="rId16"/>
    <sheet name="年齢別・性別人口(16五福)" sheetId="17" r:id="rId17"/>
    <sheet name="年齢別・性別人口(17神明)" sheetId="18" r:id="rId18"/>
    <sheet name="年齢別・性別人口(18岩瀬)" sheetId="19" r:id="rId19"/>
    <sheet name="年齢別・性別人口(19萩浦)" sheetId="20" r:id="rId20"/>
    <sheet name="年齢別・性別人口(20大広田)" sheetId="21" r:id="rId21"/>
    <sheet name="年齢別・性別人口(21浜黒崎)" sheetId="22" r:id="rId22"/>
    <sheet name="年齢別・性別人口(22針原)" sheetId="23" r:id="rId23"/>
    <sheet name="年齢別・性別人口(23豊田)" sheetId="24" r:id="rId24"/>
    <sheet name="年齢別・性別人口(24広田)" sheetId="25" r:id="rId25"/>
    <sheet name="年齢別・性別人口(25新庄)" sheetId="26" r:id="rId26"/>
    <sheet name="年齢別・性別人口(26藤ノ木)" sheetId="27" r:id="rId27"/>
    <sheet name="年齢別・性別人口(27山室)" sheetId="28" r:id="rId28"/>
    <sheet name="年齢別・性別人口(28山室中部)" sheetId="29" r:id="rId29"/>
    <sheet name="年齢別・性別人口(29太田)" sheetId="30" r:id="rId30"/>
    <sheet name="年齢別・性別人口(30蜷川)" sheetId="31" r:id="rId31"/>
    <sheet name="年齢別・性別人口(31新保)" sheetId="32" r:id="rId32"/>
    <sheet name="年齢別・性別人口(32熊野)" sheetId="33" r:id="rId33"/>
    <sheet name="年齢別・性別人口(33月岡)" sheetId="34" r:id="rId34"/>
    <sheet name="年齢別・性別人口(34四方)" sheetId="35" r:id="rId35"/>
    <sheet name="年齢別・性別人口(35八幡)" sheetId="36" r:id="rId36"/>
    <sheet name="年齢別・性別人口(36草島)" sheetId="37" r:id="rId37"/>
    <sheet name="年齢別・性別人口(37倉垣)" sheetId="38" r:id="rId38"/>
    <sheet name="年齢別・性別人口(38呉羽)" sheetId="39" r:id="rId39"/>
    <sheet name="年齢別・性別人口(39長岡)" sheetId="40" r:id="rId40"/>
    <sheet name="年齢別・性別人口(40寒江)" sheetId="41" r:id="rId41"/>
    <sheet name="年齢別・性別人口(41古沢)" sheetId="42" r:id="rId42"/>
    <sheet name="年齢別・性別人口(42老田)" sheetId="43" r:id="rId43"/>
    <sheet name="年齢別・性別人口(43池多)" sheetId="44" r:id="rId44"/>
    <sheet name="年齢別・性別人口(44水橋中部)" sheetId="45" r:id="rId45"/>
    <sheet name="年齢別・性別人口(45水橋西部)" sheetId="46" r:id="rId46"/>
    <sheet name="年齢別・性別人口(46水橋東部)" sheetId="47" r:id="rId47"/>
    <sheet name="年齢別・性別人口(47三郷)" sheetId="48" r:id="rId48"/>
    <sheet name="年齢別・性別人口(48上条)" sheetId="49" r:id="rId49"/>
    <sheet name="年齢別・性別人口(49光陽)" sheetId="50" r:id="rId50"/>
    <sheet name="年齢別・性別人口(50新庄北）" sheetId="51" r:id="rId51"/>
    <sheet name="年齢別・性別人口(0099富山地域)" sheetId="52" r:id="rId52"/>
    <sheet name="年齢別・性別人口0101下タ)" sheetId="53" r:id="rId53"/>
    <sheet name="年齢別・性別人口(0102小羽)" sheetId="54" r:id="rId54"/>
    <sheet name="年齢別・性別人口(0103船峅)" sheetId="55" r:id="rId55"/>
    <sheet name="年齢別・性別人口(0104大沢野)" sheetId="56" r:id="rId56"/>
    <sheet name="年齢別・性別人口(0105大久保)" sheetId="57" r:id="rId57"/>
    <sheet name="年齢別・性別人口(0199大沢野地域)" sheetId="58" r:id="rId58"/>
    <sheet name="年齢別・性別人口(0201上滝)" sheetId="59" r:id="rId59"/>
    <sheet name="年齢別・性別人口(0202大山)" sheetId="60" r:id="rId60"/>
    <sheet name="年齢別・性別人口(0203大庄)" sheetId="61" r:id="rId61"/>
    <sheet name="年齢別・性別人口(0204福沢)" sheetId="62" r:id="rId62"/>
    <sheet name="年齢別・性別人口(0299大山地域)" sheetId="63" r:id="rId63"/>
    <sheet name="年齢別・性別人口(0301八尾)" sheetId="64" r:id="rId64"/>
    <sheet name="年齢別・性別人口(0302保内)" sheetId="65" r:id="rId65"/>
    <sheet name="年齢別・性別人口(0303杉原)" sheetId="66" r:id="rId66"/>
    <sheet name="年齢別・性別人口(0304卯花)" sheetId="67" r:id="rId67"/>
    <sheet name="年齢別・性別人口(0305室牧)" sheetId="68" r:id="rId68"/>
    <sheet name="年齢別・性別人口(0306黒瀬谷)" sheetId="69" r:id="rId69"/>
    <sheet name="年齢別・性別人口(0307野積)" sheetId="70" r:id="rId70"/>
    <sheet name="年齢別・性別人口(0308仁歩)" sheetId="71" r:id="rId71"/>
    <sheet name="年齢別・性別人口(0309大長谷)" sheetId="72" r:id="rId72"/>
    <sheet name="年齢別・性別人口(0399八尾地域)" sheetId="73" r:id="rId73"/>
    <sheet name="年齢別・性別人口(0401速星)" sheetId="74" r:id="rId74"/>
    <sheet name="年齢別・性別人口(0402鵜坂)" sheetId="75" r:id="rId75"/>
    <sheet name="年齢別・性別人口(0403朝日)" sheetId="76" r:id="rId76"/>
    <sheet name="年齢別・性別人口(0404宮川)" sheetId="77" r:id="rId77"/>
    <sheet name="年齢別・性別人口(0405婦中熊野)" sheetId="78" r:id="rId78"/>
    <sheet name="年齢別・性別人口(0406古里)" sheetId="79" r:id="rId79"/>
    <sheet name="年齢別・性別人口(0407音川)" sheetId="80" r:id="rId80"/>
    <sheet name="年齢別・性別人口(0408神保)" sheetId="81" r:id="rId81"/>
    <sheet name="年齢別・性別人口(0499婦中地域)" sheetId="82" r:id="rId82"/>
    <sheet name="年齢別・性別人口(0501山田南部)" sheetId="83" r:id="rId83"/>
    <sheet name="年齢別・性別人口(0502山田中部)" sheetId="84" r:id="rId84"/>
    <sheet name="年齢別・性別人口(0503山田西部)" sheetId="85" r:id="rId85"/>
    <sheet name="年齢別・性別人口(0504山田東部)" sheetId="86" r:id="rId86"/>
    <sheet name="年齢別・性別人口(0599山田地域)" sheetId="87" r:id="rId87"/>
    <sheet name="年齢別・性別人口(0601細入北部)" sheetId="88" r:id="rId88"/>
    <sheet name="年齢別・性別人口(0602細入南部)" sheetId="89" r:id="rId89"/>
    <sheet name="年齢別・性別人口(0699細入地域)" sheetId="90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686" uniqueCount="221">
  <si>
    <t>《75～79》</t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《25～29》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</t>
    <rPh sb="0" eb="2">
      <t>ネンレイ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【0～14】</t>
  </si>
  <si>
    <t>《0～4》</t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《20～24》</t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《5～9》</t>
  </si>
  <si>
    <t>《10～14》</t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《15～19》</t>
  </si>
  <si>
    <t>《30～34》</t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《45～49》</t>
  </si>
  <si>
    <t>《35～39》</t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《65～69》</t>
  </si>
  <si>
    <t>《40～44》</t>
  </si>
  <si>
    <t>《50～54》</t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計</t>
    <rPh sb="0" eb="1">
      <t>ケイ</t>
    </rPh>
    <phoneticPr fontId="2"/>
  </si>
  <si>
    <t>《55～59》</t>
  </si>
  <si>
    <t>《60～64》</t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15～64】</t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70～74》</t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《80～84》</t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《85～89》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《90～94》</t>
  </si>
  <si>
    <t>《95～99》</t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101～</t>
  </si>
  <si>
    <t>《100～》</t>
  </si>
  <si>
    <t>【合計】</t>
    <rPh sb="1" eb="3">
      <t>ゴウケイ</t>
    </rPh>
    <phoneticPr fontId="2"/>
  </si>
  <si>
    <t>【65～】</t>
  </si>
  <si>
    <t>男</t>
    <rPh sb="0" eb="1">
      <t>オトコ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女</t>
    <rPh sb="0" eb="1">
      <t>オンナ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令和8年5月末</t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8年5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4"/>
      <name val="ＭＳ 明朝"/>
      <family val="1"/>
    </font>
    <font>
      <sz val="12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6"/>
      <name val="ＭＳ Ｐ明朝"/>
      <family val="1"/>
      <charset val="128"/>
    </font>
    <font>
      <sz val="11"/>
      <name val="BIZ UD明朝 Medium"/>
      <family val="1"/>
    </font>
    <font>
      <b/>
      <sz val="11"/>
      <name val="BIZ UD明朝 Medium"/>
      <family val="1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38" fontId="1" fillId="0" borderId="0" applyFont="0" applyFill="0" applyBorder="0" applyAlignment="0" applyProtection="0"/>
  </cellStyleXfs>
  <cellXfs count="58">
    <xf numFmtId="0" fontId="0" fillId="0" borderId="0" xfId="0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38" fontId="1" fillId="0" borderId="2" xfId="1" applyFont="1" applyBorder="1" applyAlignment="1">
      <alignment horizontal="distributed" vertical="center"/>
    </xf>
    <xf numFmtId="38" fontId="1" fillId="0" borderId="3" xfId="1" applyFont="1" applyBorder="1" applyAlignment="1">
      <alignment horizontal="distributed" vertical="center"/>
    </xf>
    <xf numFmtId="38" fontId="1" fillId="0" borderId="3" xfId="1" applyFont="1" applyBorder="1" applyAlignment="1">
      <alignment horizontal="center" vertical="center"/>
    </xf>
    <xf numFmtId="38" fontId="1" fillId="0" borderId="4" xfId="1" applyFont="1" applyBorder="1" applyAlignment="1">
      <alignment horizontal="distributed" vertical="center"/>
    </xf>
    <xf numFmtId="0" fontId="4" fillId="0" borderId="5" xfId="0" applyFont="1" applyBorder="1" applyAlignment="1">
      <alignment horizontal="center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  <xf numFmtId="38" fontId="1" fillId="0" borderId="23" xfId="3" applyFont="1" applyBorder="1" applyAlignment="1">
      <alignment vertical="center"/>
    </xf>
    <xf numFmtId="38" fontId="1" fillId="0" borderId="9" xfId="3" applyFont="1" applyBorder="1" applyAlignment="1">
      <alignment vertical="center"/>
    </xf>
    <xf numFmtId="38" fontId="1" fillId="0" borderId="13" xfId="3" applyFont="1" applyBorder="1" applyAlignment="1">
      <alignment vertical="center"/>
    </xf>
    <xf numFmtId="38" fontId="1" fillId="0" borderId="24" xfId="3" applyFont="1" applyBorder="1" applyAlignment="1">
      <alignment vertical="center"/>
    </xf>
    <xf numFmtId="38" fontId="1" fillId="0" borderId="11" xfId="3" applyFont="1" applyBorder="1" applyAlignment="1">
      <alignment vertical="center"/>
    </xf>
    <xf numFmtId="38" fontId="1" fillId="0" borderId="15" xfId="3" applyFont="1" applyBorder="1" applyAlignment="1">
      <alignment vertical="center"/>
    </xf>
    <xf numFmtId="38" fontId="1" fillId="0" borderId="25" xfId="3" applyFont="1" applyBorder="1" applyAlignment="1">
      <alignment vertical="center"/>
    </xf>
    <xf numFmtId="38" fontId="1" fillId="0" borderId="26" xfId="3" applyFont="1" applyBorder="1" applyAlignment="1">
      <alignment vertical="center"/>
    </xf>
    <xf numFmtId="38" fontId="1" fillId="0" borderId="27" xfId="3" applyFont="1" applyBorder="1" applyAlignment="1">
      <alignment vertical="center"/>
    </xf>
    <xf numFmtId="38" fontId="1" fillId="0" borderId="19" xfId="3" applyFont="1" applyBorder="1" applyAlignment="1">
      <alignment vertical="center"/>
    </xf>
  </cellXfs>
  <cellStyles count="4">
    <cellStyle name="ハイパーリンク" xfId="2" builtinId="8"/>
    <cellStyle name="桁区切り_HP2604（公表用）" xfId="3" xr:uid="{9BCF1AA6-FEAE-4947-83B1-79D986630E5D}"/>
    <cellStyle name="桁区切り_HP2605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9E8534-E1E6-425C-8933-441CC67DBBEF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7"/>
  <hyperlinks>
    <hyperlink ref="C5" location="'年齢別・性別人口(02愛宕)'!A1" display="愛宕" xr:uid="{20E130ED-7A3B-4BE5-BB65-17102B109B01}"/>
    <hyperlink ref="C6" location="'年齢別・性別人口(03安野屋)'!A1" display="安野屋" xr:uid="{9354925B-ACEE-4E51-8A9F-554C1FA6D15A}"/>
    <hyperlink ref="C7" location="'年齢別・性別人口(04八人町)'!A1" display="八人町" xr:uid="{085FF7B8-51AA-4E79-A81F-7D615C3C9511}"/>
    <hyperlink ref="C8" location="'年齢別・性別人口(05五番町)'!A1" display="五番町" xr:uid="{9BF3E0DB-D328-4D47-9AD6-AA16C5A95E50}"/>
    <hyperlink ref="C9" location="'年齢別・性別人口(06柳町)'!A1" display="柳町" xr:uid="{18F775CA-1ECA-4968-967C-7EBE0ED627B8}"/>
    <hyperlink ref="C10" location="'年齢別・性別人口(07清水町)'!A1" display="清水町" xr:uid="{B4F20CF8-845B-4D0B-A558-5C3A4DCE0014}"/>
    <hyperlink ref="C11" location="'年齢別・性別人口(08星井町)'!A1" display="星井町" xr:uid="{557CA588-EBE7-4E09-94D7-BF6816CC9A17}"/>
    <hyperlink ref="C12" location="'年齢別・性別人口(09西田地方)'!A1" display="西田地方" xr:uid="{5C18646D-6829-40AA-BD62-CE4BDF766B37}"/>
    <hyperlink ref="C13" location="'年齢別・性別人口(10堀川)'!A1" display="堀川" xr:uid="{738C023A-47E6-4687-B78C-F0F4147EF55D}"/>
    <hyperlink ref="C14" location="'年齢別・性別人口(11堀川南)'!A1" display="堀川南" xr:uid="{5B52134D-01A0-46C8-AEBF-1DEC18907179}"/>
    <hyperlink ref="C15" location="'年齢別・性別人口(12東部)'!A1" display="東部" xr:uid="{1C178885-E11E-4B4F-B56A-8D35468DE54E}"/>
    <hyperlink ref="C16" location="'年齢別・性別人口(13奥田)'!A1" display="奥田" xr:uid="{1567C25D-EE7B-4E46-979A-3E4E98CDB30D}"/>
    <hyperlink ref="C17" location="'年齢別・性別人口(14奥田北)'!A1" display="奥田北" xr:uid="{12B17C52-6AA6-4EEB-B8CC-B6EE795095FC}"/>
    <hyperlink ref="C19" location="'年齢別・性別人口(16五福)'!A1" display="五福" xr:uid="{86F546BF-43C9-4A98-BE8B-9E8E39914B9C}"/>
    <hyperlink ref="C20" location="'年齢別・性別人口(17神明)'!A1" display="神明" xr:uid="{569E877C-4939-4CE2-8CC0-AC986215C208}"/>
    <hyperlink ref="C21" location="'年齢別・性別人口(18岩瀬)'!A1" display="岩瀬" xr:uid="{50F3FA65-0D25-4F8F-8541-07190844CCA4}"/>
    <hyperlink ref="C22" location="'年齢別・性別人口(19萩浦)'!A1" display="萩浦" xr:uid="{911B8869-CF90-4A77-9713-F5182B4162DB}"/>
    <hyperlink ref="C23" location="'年齢別・性別人口(20大広田)'!A1" display="大広田" xr:uid="{DE91214D-E12E-4247-A45A-25C3104B66DB}"/>
    <hyperlink ref="C24" location="'年齢別・性別人口(21浜黒崎)'!A1" display="浜黒崎" xr:uid="{27527234-46DE-4BEC-96BE-2E5A3C507912}"/>
    <hyperlink ref="C25" location="'年齢別・性別人口(22針原)'!A1" display="針原" xr:uid="{7EB50C37-7A70-4E63-B653-6FBCF98C8CC6}"/>
    <hyperlink ref="C26" location="'年齢別・性別人口(23豊田)'!A1" display="豊田" xr:uid="{D6C26174-5310-4964-8C30-654CA567AFAF}"/>
    <hyperlink ref="C27" location="'年齢別・性別人口(24広田)'!A1" display="広田" xr:uid="{018F849E-F1B4-4B4F-8889-E165CA356719}"/>
    <hyperlink ref="C28" location="'年齢別・性別人口(25新庄)'!A1" display="新庄" xr:uid="{63B414F3-9E58-4A65-AF30-5096DABDEF3F}"/>
    <hyperlink ref="C29" location="'年齢別・性別人口(26藤ノ木)'!A1" display="藤ノ木" xr:uid="{5241E5B6-78D2-45D2-A7D4-6B3EC8CFAE8A}"/>
    <hyperlink ref="C30" location="'年齢別・性別人口(27山室)'!A1" display="山室" xr:uid="{FEAE791E-A90F-4983-BEDE-91C681ED75AA}"/>
    <hyperlink ref="C31" location="'年齢別・性別人口(28山室中部)'!A1" display="山室中部" xr:uid="{FD119A74-3BD5-45DA-A6BD-9D1A34324D36}"/>
    <hyperlink ref="C32" location="'年齢別・性別人口(29太田)'!A1" display="太田" xr:uid="{975B0165-D064-4CE8-BD9C-8C2967749A0B}"/>
    <hyperlink ref="C33" location="'年齢別・性別人口(30蜷川)'!A1" display="蜷川" xr:uid="{F7B25FD0-A572-4931-8E99-774902F244C4}"/>
    <hyperlink ref="C34" location="'年齢別・性別人口(31新保)'!A1" display="新保" xr:uid="{86B2D3BF-1701-407C-9122-88D3013DC626}"/>
    <hyperlink ref="C35" location="'年齢別・性別人口(32熊野)'!A1" display="熊野" xr:uid="{4AA2E01F-FA7B-4707-922E-3CFBE8805313}"/>
    <hyperlink ref="C36" location="'年齢別・性別人口(33月岡)'!A1" display="月岡" xr:uid="{273B8116-4B09-4A67-8754-EC8EBBF062F2}"/>
    <hyperlink ref="C37" location="'年齢別・性別人口(34四方)'!A1" display="四方" xr:uid="{8CB9D453-E372-46F6-843C-24B3DCBC5B9E}"/>
    <hyperlink ref="C38" location="'年齢別・性別人口(35八幡)'!A1" display="八幡" xr:uid="{97EC1804-53F8-4779-957E-BC26028004CF}"/>
    <hyperlink ref="C39" location="'年齢別・性別人口(36草島)'!A1" display="草島" xr:uid="{9B95BD35-312E-4676-8464-90347B7EB8A9}"/>
    <hyperlink ref="C40" location="'年齢別・性別人口(37倉垣)'!A1" display="倉垣" xr:uid="{ABCD138D-FA36-4DDE-A2A6-B609B3B315FB}"/>
    <hyperlink ref="C41" location="'年齢別・性別人口(38呉羽)'!A1" display="呉羽" xr:uid="{01CD2E0F-57DF-42B4-9241-BCF22E519869}"/>
    <hyperlink ref="C42" location="'年齢別・性別人口(39長岡)'!A1" display="長岡" xr:uid="{60198F78-6B3A-47DE-9B3D-77DEBF22D9A2}"/>
    <hyperlink ref="C43" location="'年齢別・性別人口(40寒江)'!A1" display="寒江" xr:uid="{768D1C59-D25C-4A8C-B17C-7C5359C90F70}"/>
    <hyperlink ref="C44" location="'年齢別・性別人口(41古沢)'!A1" display="古沢" xr:uid="{0CB78921-74A7-4EBA-BF63-E332AB9875B2}"/>
    <hyperlink ref="C45" location="'年齢別・性別人口(42老田)'!A1" display="老田" xr:uid="{1A4C40AF-EC21-45F6-A859-553A3C6F65D2}"/>
    <hyperlink ref="C46" location="'年齢別・性別人口(43池多)'!A1" display="池多" xr:uid="{B1930277-71B6-4229-955B-B701DDD9DC61}"/>
    <hyperlink ref="C47" location="'年齢別・性別人口(44水橋中部)'!A1" display="水橋中部" xr:uid="{9FCAFE72-6C17-4479-AC7B-97A80F4C5081}"/>
    <hyperlink ref="C48" location="'年齢別・性別人口(45水橋西部)'!A1" display="水橋西部" xr:uid="{8B771692-0357-4968-96AC-A5E64619C794}"/>
    <hyperlink ref="C49" location="'年齢別・性別人口(46水橋東部)'!A1" display="水橋東部" xr:uid="{B290BC61-8C96-4569-82EC-65BE00F309CA}"/>
    <hyperlink ref="C50" location="'年齢別・性別人口(47三郷)'!A1" display="三郷" xr:uid="{CCD790D6-8E6B-4B14-963A-7F68F616011E}"/>
    <hyperlink ref="C51" location="'年齢別・性別人口(48上条)'!A1" display="上条" xr:uid="{C2FD9211-7717-4C60-8711-75CB4074979F}"/>
    <hyperlink ref="C52" location="'年齢別・性別人口(49光陽)'!A1" display="光陽" xr:uid="{CA1A50B3-7356-42E5-951B-E8032F64777F}"/>
    <hyperlink ref="C53" location="'年齢別・性別人口(50新庄北）'!A1" display="新庄北" xr:uid="{7D660C2F-8AE1-45E3-BE1A-2ED467BFEC68}"/>
    <hyperlink ref="C54" location="'年齢別・性別人口(0099富山地域)'!A1" display="富山地域（合計）" xr:uid="{A1C47CE4-9A09-4A5C-A742-40829360C10B}"/>
    <hyperlink ref="F4" location="'年齢別・性別人口0101下タ)'!A1" display="下タ" xr:uid="{548A43B3-4E53-4F33-AEAE-FEABB862F3D9}"/>
    <hyperlink ref="F5" location="'年齢別・性別人口(0102小羽)'!A1" display="小羽" xr:uid="{2C09549D-8293-469E-B9DC-F9DF38753A24}"/>
    <hyperlink ref="F6" location="'年齢別・性別人口(0103船峅)'!A1" display="船峅" xr:uid="{2F609161-592F-4A7A-9263-98C47A0D27BA}"/>
    <hyperlink ref="F7" location="'年齢別・性別人口(0104大沢野)'!A1" display="大沢野" xr:uid="{DEF7E9C6-F4EF-4780-BCDF-F4F4886D987B}"/>
    <hyperlink ref="F8" location="'年齢別・性別人口(0105大久保)'!A1" display="大久保" xr:uid="{72B7BEDB-1EE4-44DF-9910-A8FB0BF5E796}"/>
    <hyperlink ref="F9" location="'年齢別・性別人口(0199大沢野地域)'!A1" display="大沢野地域（合計）" xr:uid="{F89049A8-1CE1-4EE8-AF59-A36248904E4B}"/>
    <hyperlink ref="F12" location="'年齢別・性別人口(0201上滝)'!A1" display="上滝" xr:uid="{1EF34391-F2C5-4CF5-9FE4-4D75038BD831}"/>
    <hyperlink ref="F13" location="'年齢別・性別人口(0202大山)'!A1" display="大山" xr:uid="{B338FB7E-0700-49B7-94C2-3FE77BBB057E}"/>
    <hyperlink ref="F14" location="'年齢別・性別人口(0203大庄)'!A1" display="大庄" xr:uid="{2E80C158-8178-4784-9F84-5A5889BA826A}"/>
    <hyperlink ref="F15" location="'年齢別・性別人口(0204福沢)'!A1" display="福沢" xr:uid="{9C86FE6E-1560-446C-BF45-17527142477E}"/>
    <hyperlink ref="F16" location="'年齢別・性別人口(0299大山地域)'!A1" display="大山地域（合計）" xr:uid="{B2053045-42FF-43EA-AF1B-23E91128304E}"/>
    <hyperlink ref="F19" location="'年齢別・性別人口(0301八尾)'!A1" display="八尾" xr:uid="{AA9565A6-1D74-4158-A0C0-ACD0C8C4E19F}"/>
    <hyperlink ref="F20" location="'年齢別・性別人口(0302保内)'!A1" display="保内" xr:uid="{D74C8E08-6679-4E8D-986B-906DB7625143}"/>
    <hyperlink ref="F21" location="'年齢別・性別人口(0303杉原)'!A1" display="杉原" xr:uid="{EE52253D-7662-49BF-BFC3-C6323E9E4441}"/>
    <hyperlink ref="F22" location="'年齢別・性別人口(0304卯花)'!A1" display="卯花" xr:uid="{791E06BC-0454-4FF9-94B0-D4B6B725DA10}"/>
    <hyperlink ref="F23" location="'年齢別・性別人口(0305室牧)'!A1" display="室牧" xr:uid="{EC16C61A-6A3C-47D0-93A9-842354242875}"/>
    <hyperlink ref="F24" location="'年齢別・性別人口(0306黒瀬谷)'!A1" display="黒瀬谷" xr:uid="{EFDBAA77-067F-414B-BCF8-9292D2BCDE5D}"/>
    <hyperlink ref="F25" location="'年齢別・性別人口(0307野積)'!A1" display="野積" xr:uid="{B08AA652-E2AA-4EAA-B379-0ABD6E2BBC12}"/>
    <hyperlink ref="F26" location="'年齢別・性別人口(0308仁歩)'!A1" display="仁歩" xr:uid="{B2C711C1-F7D3-4C5F-8EBB-F0D0143AECBC}"/>
    <hyperlink ref="F27" location="'年齢別・性別人口(0309大長谷)'!A1" display="大長谷" xr:uid="{7E5788A8-F5AE-4410-8485-0C428A147934}"/>
    <hyperlink ref="F28" location="'年齢別・性別人口(0399八尾地域)'!A1" display="八尾地域（合計）" xr:uid="{301E5ED4-7158-47EC-BB85-D00D6CCA84EE}"/>
    <hyperlink ref="F31" location="'年齢別・性別人口(0401速星)'!A1" display="速星" xr:uid="{56C306D6-9DBB-442F-B024-59F3901E3A68}"/>
    <hyperlink ref="F32" location="'年齢別・性別人口(0402鵜坂)'!A1" display="鵜坂" xr:uid="{DD39701C-8FF6-4E39-8B2A-E8E5DA62F84D}"/>
    <hyperlink ref="F33" location="'年齢別・性別人口(0403朝日)'!A1" display="朝日" xr:uid="{4C0883DE-76E2-4EC4-A1A7-CA82D532013F}"/>
    <hyperlink ref="F34" location="'年齢別・性別人口(0404宮川)'!A1" display="宮川" xr:uid="{001AAD53-F3A6-466D-91D5-942E8BA81681}"/>
    <hyperlink ref="F35" location="'年齢別・性別人口(0405婦中熊野)'!A1" display="婦中熊野" xr:uid="{FDE61C68-6166-471F-9D92-1E3C4875709C}"/>
    <hyperlink ref="F36" location="'年齢別・性別人口(0406古里)'!A1" display="古里" xr:uid="{BF489FCD-3ED8-4767-BF8B-9E44271CEE22}"/>
    <hyperlink ref="F37" location="'年齢別・性別人口(0407音川)'!A1" display="音川" xr:uid="{1F297098-849F-43DC-8C46-7BDF5657D04D}"/>
    <hyperlink ref="F38" location="'年齢別・性別人口(0408神保)'!A1" display="神保" xr:uid="{E1442A90-3198-4D5E-B10B-72C5466EB6E5}"/>
    <hyperlink ref="F39" location="'年齢別・性別人口(0499婦中地域)'!A1" display="婦中地域（合計）" xr:uid="{DBECC5C6-8D06-4B86-9433-53C223BAFCEB}"/>
    <hyperlink ref="F42" location="'年齢別・性別人口(0501山田南部)'!A1" display="山田南部" xr:uid="{4BD704FA-F17B-4FA9-92FB-00CF5C399A7A}"/>
    <hyperlink ref="F43" location="'年齢別・性別人口(0502山田中部)'!A1" display="山田中部" xr:uid="{7E93FD93-3477-4D70-9A3F-E5073101B148}"/>
    <hyperlink ref="F44" location="'年齢別・性別人口(0503山田西部)'!A1" display="山田西部" xr:uid="{F2061850-88BA-4A49-B72C-368E3A2AA97F}"/>
    <hyperlink ref="F45" location="'年齢別・性別人口(0504山田東部)'!A1" display="山田東部" xr:uid="{4EF2AACC-BDCE-4E2F-8BF3-ED67DEAC8FCF}"/>
    <hyperlink ref="F46" location="'年齢別・性別人口(0599山田地域)'!A1" display="山田地域（合計）" xr:uid="{74487166-4D53-48BB-87C4-15DC9BDA372F}"/>
    <hyperlink ref="F49" location="'年齢別・性別人口(0601細入北部)'!A1" display="細入北部" xr:uid="{6E238AAD-F1AF-4D36-B8DF-2AB23BFB325B}"/>
    <hyperlink ref="F50" location="'年齢別・性別人口(0602細入南部)'!A1" display="細入南部" xr:uid="{26DD0EC4-F183-4428-92BF-8B547DD62A9E}"/>
    <hyperlink ref="F51" location="'年齢別・性別人口(0699細入地域)'!A1" display="細入地域（合計）" xr:uid="{6CC1973E-A1B0-436E-BBB6-DCE2B1634020}"/>
    <hyperlink ref="C18" location="'年齢別・性別人口(15桜谷)'!A1" display="桜谷" xr:uid="{2DDEBE0C-E2BC-42EC-A22B-271971028B8A}"/>
    <hyperlink ref="C4" location="'年齢別・性別人口(01総曲輪)'!A1" display="総曲輪" xr:uid="{EA6C4076-6FEE-44AB-9A57-5C29DC654C11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9</v>
      </c>
      <c r="C5" s="13">
        <v>19</v>
      </c>
      <c r="D5" s="17">
        <v>38</v>
      </c>
    </row>
    <row r="6" spans="1:4" ht="18" customHeight="1" x14ac:dyDescent="0.15">
      <c r="A6" s="5">
        <v>1</v>
      </c>
      <c r="B6" s="22">
        <v>13</v>
      </c>
      <c r="C6" s="14">
        <v>17</v>
      </c>
      <c r="D6" s="18">
        <v>30</v>
      </c>
    </row>
    <row r="7" spans="1:4" ht="18" customHeight="1" x14ac:dyDescent="0.15">
      <c r="A7" s="5">
        <v>2</v>
      </c>
      <c r="B7" s="22">
        <v>21</v>
      </c>
      <c r="C7" s="14">
        <v>17</v>
      </c>
      <c r="D7" s="18">
        <v>38</v>
      </c>
    </row>
    <row r="8" spans="1:4" ht="18" customHeight="1" x14ac:dyDescent="0.15">
      <c r="A8" s="5">
        <v>3</v>
      </c>
      <c r="B8" s="22">
        <v>26</v>
      </c>
      <c r="C8" s="14">
        <v>22</v>
      </c>
      <c r="D8" s="18">
        <v>48</v>
      </c>
    </row>
    <row r="9" spans="1:4" ht="18" customHeight="1" x14ac:dyDescent="0.15">
      <c r="A9" s="5">
        <v>4</v>
      </c>
      <c r="B9" s="22">
        <v>17</v>
      </c>
      <c r="C9" s="14">
        <v>15</v>
      </c>
      <c r="D9" s="18">
        <v>32</v>
      </c>
    </row>
    <row r="10" spans="1:4" ht="18" customHeight="1" x14ac:dyDescent="0.15">
      <c r="A10" s="5" t="s">
        <v>7</v>
      </c>
      <c r="B10" s="22">
        <v>96</v>
      </c>
      <c r="C10" s="14">
        <v>90</v>
      </c>
      <c r="D10" s="18">
        <v>186</v>
      </c>
    </row>
    <row r="11" spans="1:4" ht="18" customHeight="1" x14ac:dyDescent="0.15">
      <c r="A11" s="5">
        <v>5</v>
      </c>
      <c r="B11" s="22">
        <v>28</v>
      </c>
      <c r="C11" s="14">
        <v>18</v>
      </c>
      <c r="D11" s="18">
        <v>46</v>
      </c>
    </row>
    <row r="12" spans="1:4" ht="18" customHeight="1" x14ac:dyDescent="0.15">
      <c r="A12" s="5">
        <v>6</v>
      </c>
      <c r="B12" s="22">
        <v>22</v>
      </c>
      <c r="C12" s="14">
        <v>26</v>
      </c>
      <c r="D12" s="18">
        <v>48</v>
      </c>
    </row>
    <row r="13" spans="1:4" ht="18" customHeight="1" x14ac:dyDescent="0.15">
      <c r="A13" s="5">
        <v>7</v>
      </c>
      <c r="B13" s="22">
        <v>21</v>
      </c>
      <c r="C13" s="14">
        <v>23</v>
      </c>
      <c r="D13" s="18">
        <v>44</v>
      </c>
    </row>
    <row r="14" spans="1:4" ht="18" customHeight="1" x14ac:dyDescent="0.15">
      <c r="A14" s="5">
        <v>8</v>
      </c>
      <c r="B14" s="22">
        <v>32</v>
      </c>
      <c r="C14" s="14">
        <v>21</v>
      </c>
      <c r="D14" s="18">
        <v>53</v>
      </c>
    </row>
    <row r="15" spans="1:4" ht="18" customHeight="1" x14ac:dyDescent="0.15">
      <c r="A15" s="5">
        <v>9</v>
      </c>
      <c r="B15" s="22">
        <v>22</v>
      </c>
      <c r="C15" s="14">
        <v>27</v>
      </c>
      <c r="D15" s="18">
        <v>49</v>
      </c>
    </row>
    <row r="16" spans="1:4" ht="18" customHeight="1" x14ac:dyDescent="0.15">
      <c r="A16" s="5" t="s">
        <v>11</v>
      </c>
      <c r="B16" s="22">
        <v>125</v>
      </c>
      <c r="C16" s="14">
        <v>115</v>
      </c>
      <c r="D16" s="18">
        <v>240</v>
      </c>
    </row>
    <row r="17" spans="1:4" ht="18" customHeight="1" x14ac:dyDescent="0.15">
      <c r="A17" s="5">
        <v>10</v>
      </c>
      <c r="B17" s="22">
        <v>28</v>
      </c>
      <c r="C17" s="14">
        <v>26</v>
      </c>
      <c r="D17" s="18">
        <v>54</v>
      </c>
    </row>
    <row r="18" spans="1:4" ht="18" customHeight="1" x14ac:dyDescent="0.15">
      <c r="A18" s="5">
        <v>11</v>
      </c>
      <c r="B18" s="22">
        <v>23</v>
      </c>
      <c r="C18" s="14">
        <v>30</v>
      </c>
      <c r="D18" s="18">
        <v>53</v>
      </c>
    </row>
    <row r="19" spans="1:4" ht="18" customHeight="1" x14ac:dyDescent="0.15">
      <c r="A19" s="5">
        <v>12</v>
      </c>
      <c r="B19" s="22">
        <v>28</v>
      </c>
      <c r="C19" s="14">
        <v>31</v>
      </c>
      <c r="D19" s="18">
        <v>59</v>
      </c>
    </row>
    <row r="20" spans="1:4" ht="18" customHeight="1" x14ac:dyDescent="0.15">
      <c r="A20" s="5">
        <v>13</v>
      </c>
      <c r="B20" s="22">
        <v>26</v>
      </c>
      <c r="C20" s="14">
        <v>24</v>
      </c>
      <c r="D20" s="18">
        <v>50</v>
      </c>
    </row>
    <row r="21" spans="1:4" ht="18" customHeight="1" x14ac:dyDescent="0.15">
      <c r="A21" s="5">
        <v>14</v>
      </c>
      <c r="B21" s="22">
        <v>28</v>
      </c>
      <c r="C21" s="14">
        <v>37</v>
      </c>
      <c r="D21" s="18">
        <v>65</v>
      </c>
    </row>
    <row r="22" spans="1:4" ht="18" customHeight="1" x14ac:dyDescent="0.15">
      <c r="A22" s="5" t="s">
        <v>12</v>
      </c>
      <c r="B22" s="22">
        <v>133</v>
      </c>
      <c r="C22" s="14">
        <v>148</v>
      </c>
      <c r="D22" s="18">
        <v>281</v>
      </c>
    </row>
    <row r="23" spans="1:4" ht="18" customHeight="1" x14ac:dyDescent="0.15">
      <c r="A23" s="5" t="s">
        <v>6</v>
      </c>
      <c r="B23" s="22">
        <v>354</v>
      </c>
      <c r="C23" s="14">
        <v>353</v>
      </c>
      <c r="D23" s="18">
        <v>707</v>
      </c>
    </row>
    <row r="24" spans="1:4" ht="18" customHeight="1" x14ac:dyDescent="0.15">
      <c r="A24" s="5">
        <v>15</v>
      </c>
      <c r="B24" s="22">
        <v>32</v>
      </c>
      <c r="C24" s="14">
        <v>25</v>
      </c>
      <c r="D24" s="18">
        <v>57</v>
      </c>
    </row>
    <row r="25" spans="1:4" ht="18" customHeight="1" x14ac:dyDescent="0.15">
      <c r="A25" s="5">
        <v>16</v>
      </c>
      <c r="B25" s="22">
        <v>32</v>
      </c>
      <c r="C25" s="14">
        <v>15</v>
      </c>
      <c r="D25" s="18">
        <v>47</v>
      </c>
    </row>
    <row r="26" spans="1:4" ht="18" customHeight="1" x14ac:dyDescent="0.15">
      <c r="A26" s="5">
        <v>17</v>
      </c>
      <c r="B26" s="22">
        <v>32</v>
      </c>
      <c r="C26" s="14">
        <v>32</v>
      </c>
      <c r="D26" s="18">
        <v>64</v>
      </c>
    </row>
    <row r="27" spans="1:4" ht="18" customHeight="1" x14ac:dyDescent="0.15">
      <c r="A27" s="5">
        <v>18</v>
      </c>
      <c r="B27" s="22">
        <v>24</v>
      </c>
      <c r="C27" s="14">
        <v>39</v>
      </c>
      <c r="D27" s="18">
        <v>63</v>
      </c>
    </row>
    <row r="28" spans="1:4" ht="18" customHeight="1" x14ac:dyDescent="0.15">
      <c r="A28" s="5">
        <v>19</v>
      </c>
      <c r="B28" s="22">
        <v>27</v>
      </c>
      <c r="C28" s="14">
        <v>26</v>
      </c>
      <c r="D28" s="18">
        <v>53</v>
      </c>
    </row>
    <row r="29" spans="1:4" ht="18" customHeight="1" x14ac:dyDescent="0.15">
      <c r="A29" s="5" t="s">
        <v>14</v>
      </c>
      <c r="B29" s="22">
        <v>147</v>
      </c>
      <c r="C29" s="14">
        <v>137</v>
      </c>
      <c r="D29" s="18">
        <v>284</v>
      </c>
    </row>
    <row r="30" spans="1:4" ht="18" customHeight="1" x14ac:dyDescent="0.15">
      <c r="A30" s="5">
        <v>20</v>
      </c>
      <c r="B30" s="22">
        <v>24</v>
      </c>
      <c r="C30" s="14">
        <v>24</v>
      </c>
      <c r="D30" s="18">
        <v>48</v>
      </c>
    </row>
    <row r="31" spans="1:4" ht="18" customHeight="1" x14ac:dyDescent="0.15">
      <c r="A31" s="5">
        <v>21</v>
      </c>
      <c r="B31" s="22">
        <v>12</v>
      </c>
      <c r="C31" s="14">
        <v>26</v>
      </c>
      <c r="D31" s="18">
        <v>38</v>
      </c>
    </row>
    <row r="32" spans="1:4" ht="18" customHeight="1" x14ac:dyDescent="0.15">
      <c r="A32" s="5">
        <v>22</v>
      </c>
      <c r="B32" s="22">
        <v>26</v>
      </c>
      <c r="C32" s="14">
        <v>22</v>
      </c>
      <c r="D32" s="18">
        <v>48</v>
      </c>
    </row>
    <row r="33" spans="1:4" ht="18" customHeight="1" x14ac:dyDescent="0.15">
      <c r="A33" s="5">
        <v>23</v>
      </c>
      <c r="B33" s="22">
        <v>29</v>
      </c>
      <c r="C33" s="14">
        <v>16</v>
      </c>
      <c r="D33" s="18">
        <v>45</v>
      </c>
    </row>
    <row r="34" spans="1:4" ht="18" customHeight="1" x14ac:dyDescent="0.15">
      <c r="A34" s="5">
        <v>24</v>
      </c>
      <c r="B34" s="22">
        <v>27</v>
      </c>
      <c r="C34" s="14">
        <v>20</v>
      </c>
      <c r="D34" s="18">
        <v>47</v>
      </c>
    </row>
    <row r="35" spans="1:4" ht="18" customHeight="1" x14ac:dyDescent="0.15">
      <c r="A35" s="5" t="s">
        <v>9</v>
      </c>
      <c r="B35" s="22">
        <v>118</v>
      </c>
      <c r="C35" s="14">
        <v>108</v>
      </c>
      <c r="D35" s="18">
        <v>226</v>
      </c>
    </row>
    <row r="36" spans="1:4" ht="18" customHeight="1" x14ac:dyDescent="0.15">
      <c r="A36" s="5">
        <v>25</v>
      </c>
      <c r="B36" s="22">
        <v>19</v>
      </c>
      <c r="C36" s="14">
        <v>24</v>
      </c>
      <c r="D36" s="18">
        <v>43</v>
      </c>
    </row>
    <row r="37" spans="1:4" ht="18" customHeight="1" x14ac:dyDescent="0.15">
      <c r="A37" s="5">
        <v>26</v>
      </c>
      <c r="B37" s="22">
        <v>28</v>
      </c>
      <c r="C37" s="14">
        <v>25</v>
      </c>
      <c r="D37" s="18">
        <v>53</v>
      </c>
    </row>
    <row r="38" spans="1:4" ht="18" customHeight="1" x14ac:dyDescent="0.15">
      <c r="A38" s="5">
        <v>27</v>
      </c>
      <c r="B38" s="22">
        <v>28</v>
      </c>
      <c r="C38" s="14">
        <v>30</v>
      </c>
      <c r="D38" s="18">
        <v>58</v>
      </c>
    </row>
    <row r="39" spans="1:4" ht="18" customHeight="1" x14ac:dyDescent="0.15">
      <c r="A39" s="5">
        <v>28</v>
      </c>
      <c r="B39" s="22">
        <v>31</v>
      </c>
      <c r="C39" s="14">
        <v>27</v>
      </c>
      <c r="D39" s="18">
        <v>58</v>
      </c>
    </row>
    <row r="40" spans="1:4" ht="18" customHeight="1" x14ac:dyDescent="0.15">
      <c r="A40" s="5">
        <v>29</v>
      </c>
      <c r="B40" s="22">
        <v>36</v>
      </c>
      <c r="C40" s="14">
        <v>35</v>
      </c>
      <c r="D40" s="18">
        <v>71</v>
      </c>
    </row>
    <row r="41" spans="1:4" ht="18" customHeight="1" x14ac:dyDescent="0.15">
      <c r="A41" s="5" t="s">
        <v>2</v>
      </c>
      <c r="B41" s="22">
        <v>142</v>
      </c>
      <c r="C41" s="14">
        <v>141</v>
      </c>
      <c r="D41" s="18">
        <v>283</v>
      </c>
    </row>
    <row r="42" spans="1:4" ht="18" customHeight="1" x14ac:dyDescent="0.15">
      <c r="A42" s="5">
        <v>30</v>
      </c>
      <c r="B42" s="22">
        <v>30</v>
      </c>
      <c r="C42" s="14">
        <v>27</v>
      </c>
      <c r="D42" s="18">
        <v>57</v>
      </c>
    </row>
    <row r="43" spans="1:4" ht="18" customHeight="1" x14ac:dyDescent="0.15">
      <c r="A43" s="5">
        <v>31</v>
      </c>
      <c r="B43" s="22">
        <v>20</v>
      </c>
      <c r="C43" s="14">
        <v>27</v>
      </c>
      <c r="D43" s="18">
        <v>47</v>
      </c>
    </row>
    <row r="44" spans="1:4" ht="18" customHeight="1" x14ac:dyDescent="0.15">
      <c r="A44" s="5">
        <v>32</v>
      </c>
      <c r="B44" s="22">
        <v>33</v>
      </c>
      <c r="C44" s="14">
        <v>18</v>
      </c>
      <c r="D44" s="18">
        <v>51</v>
      </c>
    </row>
    <row r="45" spans="1:4" ht="18" customHeight="1" x14ac:dyDescent="0.15">
      <c r="A45" s="5">
        <v>33</v>
      </c>
      <c r="B45" s="22">
        <v>32</v>
      </c>
      <c r="C45" s="14">
        <v>24</v>
      </c>
      <c r="D45" s="18">
        <v>56</v>
      </c>
    </row>
    <row r="46" spans="1:4" ht="18" customHeight="1" x14ac:dyDescent="0.15">
      <c r="A46" s="5">
        <v>34</v>
      </c>
      <c r="B46" s="22">
        <v>42</v>
      </c>
      <c r="C46" s="14">
        <v>38</v>
      </c>
      <c r="D46" s="18">
        <v>80</v>
      </c>
    </row>
    <row r="47" spans="1:4" ht="18" customHeight="1" x14ac:dyDescent="0.15">
      <c r="A47" s="5" t="s">
        <v>15</v>
      </c>
      <c r="B47" s="22">
        <v>157</v>
      </c>
      <c r="C47" s="14">
        <v>134</v>
      </c>
      <c r="D47" s="18">
        <v>291</v>
      </c>
    </row>
    <row r="48" spans="1:4" ht="18" customHeight="1" x14ac:dyDescent="0.15">
      <c r="A48" s="5">
        <v>35</v>
      </c>
      <c r="B48" s="22">
        <v>31</v>
      </c>
      <c r="C48" s="14">
        <v>32</v>
      </c>
      <c r="D48" s="18">
        <v>63</v>
      </c>
    </row>
    <row r="49" spans="1:4" ht="18" customHeight="1" x14ac:dyDescent="0.15">
      <c r="A49" s="5">
        <v>36</v>
      </c>
      <c r="B49" s="22">
        <v>28</v>
      </c>
      <c r="C49" s="14">
        <v>27</v>
      </c>
      <c r="D49" s="18">
        <v>55</v>
      </c>
    </row>
    <row r="50" spans="1:4" ht="18" customHeight="1" x14ac:dyDescent="0.15">
      <c r="A50" s="5">
        <v>37</v>
      </c>
      <c r="B50" s="22">
        <v>38</v>
      </c>
      <c r="C50" s="14">
        <v>32</v>
      </c>
      <c r="D50" s="18">
        <v>70</v>
      </c>
    </row>
    <row r="51" spans="1:4" ht="18" customHeight="1" x14ac:dyDescent="0.15">
      <c r="A51" s="5">
        <v>38</v>
      </c>
      <c r="B51" s="22">
        <v>34</v>
      </c>
      <c r="C51" s="14">
        <v>36</v>
      </c>
      <c r="D51" s="18">
        <v>70</v>
      </c>
    </row>
    <row r="52" spans="1:4" ht="18" customHeight="1" x14ac:dyDescent="0.15">
      <c r="A52" s="5">
        <v>39</v>
      </c>
      <c r="B52" s="22">
        <v>44</v>
      </c>
      <c r="C52" s="14">
        <v>44</v>
      </c>
      <c r="D52" s="18">
        <v>88</v>
      </c>
    </row>
    <row r="53" spans="1:4" ht="18" customHeight="1" x14ac:dyDescent="0.15">
      <c r="A53" s="5" t="s">
        <v>18</v>
      </c>
      <c r="B53" s="22">
        <v>175</v>
      </c>
      <c r="C53" s="14">
        <v>171</v>
      </c>
      <c r="D53" s="18">
        <v>346</v>
      </c>
    </row>
    <row r="54" spans="1:4" ht="18" customHeight="1" x14ac:dyDescent="0.15">
      <c r="A54" s="5">
        <v>40</v>
      </c>
      <c r="B54" s="22">
        <v>45</v>
      </c>
      <c r="C54" s="14">
        <v>32</v>
      </c>
      <c r="D54" s="18">
        <v>77</v>
      </c>
    </row>
    <row r="55" spans="1:4" ht="18" customHeight="1" x14ac:dyDescent="0.15">
      <c r="A55" s="5">
        <v>41</v>
      </c>
      <c r="B55" s="22">
        <v>39</v>
      </c>
      <c r="C55" s="14">
        <v>45</v>
      </c>
      <c r="D55" s="18">
        <v>84</v>
      </c>
    </row>
    <row r="56" spans="1:4" ht="18" customHeight="1" x14ac:dyDescent="0.15">
      <c r="A56" s="5">
        <v>42</v>
      </c>
      <c r="B56" s="22">
        <v>43</v>
      </c>
      <c r="C56" s="14">
        <v>32</v>
      </c>
      <c r="D56" s="18">
        <v>75</v>
      </c>
    </row>
    <row r="57" spans="1:4" ht="18" customHeight="1" x14ac:dyDescent="0.15">
      <c r="A57" s="5">
        <v>43</v>
      </c>
      <c r="B57" s="22">
        <v>31</v>
      </c>
      <c r="C57" s="14">
        <v>22</v>
      </c>
      <c r="D57" s="18">
        <v>53</v>
      </c>
    </row>
    <row r="58" spans="1:4" ht="18" customHeight="1" x14ac:dyDescent="0.15">
      <c r="A58" s="5">
        <v>44</v>
      </c>
      <c r="B58" s="22">
        <v>39</v>
      </c>
      <c r="C58" s="14">
        <v>42</v>
      </c>
      <c r="D58" s="18">
        <v>81</v>
      </c>
    </row>
    <row r="59" spans="1:4" ht="18" customHeight="1" x14ac:dyDescent="0.15">
      <c r="A59" s="5" t="s">
        <v>21</v>
      </c>
      <c r="B59" s="22">
        <v>197</v>
      </c>
      <c r="C59" s="14">
        <v>173</v>
      </c>
      <c r="D59" s="18">
        <v>370</v>
      </c>
    </row>
    <row r="60" spans="1:4" ht="18" customHeight="1" x14ac:dyDescent="0.15">
      <c r="A60" s="5">
        <v>45</v>
      </c>
      <c r="B60" s="22">
        <v>37</v>
      </c>
      <c r="C60" s="14">
        <v>32</v>
      </c>
      <c r="D60" s="18">
        <v>69</v>
      </c>
    </row>
    <row r="61" spans="1:4" ht="18" customHeight="1" x14ac:dyDescent="0.15">
      <c r="A61" s="5">
        <v>46</v>
      </c>
      <c r="B61" s="22">
        <v>43</v>
      </c>
      <c r="C61" s="14">
        <v>38</v>
      </c>
      <c r="D61" s="18">
        <v>81</v>
      </c>
    </row>
    <row r="62" spans="1:4" ht="18" customHeight="1" x14ac:dyDescent="0.15">
      <c r="A62" s="5">
        <v>47</v>
      </c>
      <c r="B62" s="22">
        <v>42</v>
      </c>
      <c r="C62" s="14">
        <v>38</v>
      </c>
      <c r="D62" s="18">
        <v>80</v>
      </c>
    </row>
    <row r="63" spans="1:4" ht="18" customHeight="1" x14ac:dyDescent="0.15">
      <c r="A63" s="5">
        <v>48</v>
      </c>
      <c r="B63" s="22">
        <v>47</v>
      </c>
      <c r="C63" s="14">
        <v>45</v>
      </c>
      <c r="D63" s="18">
        <v>92</v>
      </c>
    </row>
    <row r="64" spans="1:4" ht="18" customHeight="1" x14ac:dyDescent="0.15">
      <c r="A64" s="5">
        <v>49</v>
      </c>
      <c r="B64" s="22">
        <v>46</v>
      </c>
      <c r="C64" s="14">
        <v>45</v>
      </c>
      <c r="D64" s="18">
        <v>91</v>
      </c>
    </row>
    <row r="65" spans="1:4" ht="18" customHeight="1" x14ac:dyDescent="0.15">
      <c r="A65" s="5" t="s">
        <v>17</v>
      </c>
      <c r="B65" s="22">
        <v>215</v>
      </c>
      <c r="C65" s="14">
        <v>198</v>
      </c>
      <c r="D65" s="18">
        <v>413</v>
      </c>
    </row>
    <row r="66" spans="1:4" ht="18" customHeight="1" x14ac:dyDescent="0.15">
      <c r="A66" s="5">
        <v>50</v>
      </c>
      <c r="B66" s="22">
        <v>40</v>
      </c>
      <c r="C66" s="14">
        <v>45</v>
      </c>
      <c r="D66" s="18">
        <v>85</v>
      </c>
    </row>
    <row r="67" spans="1:4" ht="18" customHeight="1" x14ac:dyDescent="0.15">
      <c r="A67" s="5">
        <v>51</v>
      </c>
      <c r="B67" s="22">
        <v>49</v>
      </c>
      <c r="C67" s="14">
        <v>57</v>
      </c>
      <c r="D67" s="18">
        <v>106</v>
      </c>
    </row>
    <row r="68" spans="1:4" ht="18" customHeight="1" x14ac:dyDescent="0.15">
      <c r="A68" s="5">
        <v>52</v>
      </c>
      <c r="B68" s="22">
        <v>66</v>
      </c>
      <c r="C68" s="14">
        <v>74</v>
      </c>
      <c r="D68" s="18">
        <v>140</v>
      </c>
    </row>
    <row r="69" spans="1:4" ht="18" customHeight="1" x14ac:dyDescent="0.15">
      <c r="A69" s="5">
        <v>53</v>
      </c>
      <c r="B69" s="22">
        <v>58</v>
      </c>
      <c r="C69" s="14">
        <v>65</v>
      </c>
      <c r="D69" s="18">
        <v>123</v>
      </c>
    </row>
    <row r="70" spans="1:4" ht="18" customHeight="1" x14ac:dyDescent="0.15">
      <c r="A70" s="5">
        <v>54</v>
      </c>
      <c r="B70" s="22">
        <v>56</v>
      </c>
      <c r="C70" s="14">
        <v>59</v>
      </c>
      <c r="D70" s="18">
        <v>115</v>
      </c>
    </row>
    <row r="71" spans="1:4" ht="18" customHeight="1" x14ac:dyDescent="0.15">
      <c r="A71" s="5" t="s">
        <v>22</v>
      </c>
      <c r="B71" s="22">
        <v>269</v>
      </c>
      <c r="C71" s="14">
        <v>300</v>
      </c>
      <c r="D71" s="18">
        <v>569</v>
      </c>
    </row>
    <row r="72" spans="1:4" ht="18" customHeight="1" x14ac:dyDescent="0.15">
      <c r="A72" s="5">
        <v>55</v>
      </c>
      <c r="B72" s="22">
        <v>55</v>
      </c>
      <c r="C72" s="14">
        <v>55</v>
      </c>
      <c r="D72" s="18">
        <v>110</v>
      </c>
    </row>
    <row r="73" spans="1:4" ht="18" customHeight="1" x14ac:dyDescent="0.15">
      <c r="A73" s="5">
        <v>56</v>
      </c>
      <c r="B73" s="22">
        <v>60</v>
      </c>
      <c r="C73" s="14">
        <v>40</v>
      </c>
      <c r="D73" s="18">
        <v>100</v>
      </c>
    </row>
    <row r="74" spans="1:4" ht="18" customHeight="1" x14ac:dyDescent="0.15">
      <c r="A74" s="5">
        <v>57</v>
      </c>
      <c r="B74" s="22">
        <v>60</v>
      </c>
      <c r="C74" s="14">
        <v>37</v>
      </c>
      <c r="D74" s="18">
        <v>97</v>
      </c>
    </row>
    <row r="75" spans="1:4" ht="18" customHeight="1" x14ac:dyDescent="0.15">
      <c r="A75" s="5">
        <v>58</v>
      </c>
      <c r="B75" s="22">
        <v>59</v>
      </c>
      <c r="C75" s="14">
        <v>54</v>
      </c>
      <c r="D75" s="18">
        <v>113</v>
      </c>
    </row>
    <row r="76" spans="1:4" ht="18" customHeight="1" x14ac:dyDescent="0.15">
      <c r="A76" s="5">
        <v>59</v>
      </c>
      <c r="B76" s="22">
        <v>39</v>
      </c>
      <c r="C76" s="14">
        <v>38</v>
      </c>
      <c r="D76" s="18">
        <v>77</v>
      </c>
    </row>
    <row r="77" spans="1:4" ht="18" customHeight="1" x14ac:dyDescent="0.15">
      <c r="A77" s="5" t="s">
        <v>27</v>
      </c>
      <c r="B77" s="22">
        <v>273</v>
      </c>
      <c r="C77" s="14">
        <v>224</v>
      </c>
      <c r="D77" s="18">
        <v>497</v>
      </c>
    </row>
    <row r="78" spans="1:4" ht="18" customHeight="1" x14ac:dyDescent="0.15">
      <c r="A78" s="5">
        <v>60</v>
      </c>
      <c r="B78" s="22">
        <v>22</v>
      </c>
      <c r="C78" s="14">
        <v>37</v>
      </c>
      <c r="D78" s="18">
        <v>59</v>
      </c>
    </row>
    <row r="79" spans="1:4" ht="18" customHeight="1" x14ac:dyDescent="0.15">
      <c r="A79" s="5">
        <v>61</v>
      </c>
      <c r="B79" s="22">
        <v>40</v>
      </c>
      <c r="C79" s="14">
        <v>40</v>
      </c>
      <c r="D79" s="18">
        <v>80</v>
      </c>
    </row>
    <row r="80" spans="1:4" ht="18" customHeight="1" x14ac:dyDescent="0.15">
      <c r="A80" s="5">
        <v>62</v>
      </c>
      <c r="B80" s="22">
        <v>29</v>
      </c>
      <c r="C80" s="14">
        <v>35</v>
      </c>
      <c r="D80" s="18">
        <v>64</v>
      </c>
    </row>
    <row r="81" spans="1:4" ht="18" customHeight="1" x14ac:dyDescent="0.15">
      <c r="A81" s="5">
        <v>63</v>
      </c>
      <c r="B81" s="22">
        <v>43</v>
      </c>
      <c r="C81" s="14">
        <v>39</v>
      </c>
      <c r="D81" s="18">
        <v>82</v>
      </c>
    </row>
    <row r="82" spans="1:4" ht="18" customHeight="1" x14ac:dyDescent="0.15">
      <c r="A82" s="5">
        <v>64</v>
      </c>
      <c r="B82" s="22">
        <v>37</v>
      </c>
      <c r="C82" s="14">
        <v>39</v>
      </c>
      <c r="D82" s="18">
        <v>76</v>
      </c>
    </row>
    <row r="83" spans="1:4" ht="18" customHeight="1" x14ac:dyDescent="0.15">
      <c r="A83" s="5" t="s">
        <v>28</v>
      </c>
      <c r="B83" s="22">
        <v>171</v>
      </c>
      <c r="C83" s="14">
        <v>190</v>
      </c>
      <c r="D83" s="18">
        <v>361</v>
      </c>
    </row>
    <row r="84" spans="1:4" ht="18" customHeight="1" x14ac:dyDescent="0.15">
      <c r="A84" s="5" t="s">
        <v>31</v>
      </c>
      <c r="B84" s="22">
        <v>1864</v>
      </c>
      <c r="C84" s="14">
        <v>1776</v>
      </c>
      <c r="D84" s="18">
        <v>3640</v>
      </c>
    </row>
    <row r="85" spans="1:4" ht="18" customHeight="1" x14ac:dyDescent="0.15">
      <c r="A85" s="5">
        <v>65</v>
      </c>
      <c r="B85" s="22">
        <v>45</v>
      </c>
      <c r="C85" s="14">
        <v>37</v>
      </c>
      <c r="D85" s="18">
        <v>82</v>
      </c>
    </row>
    <row r="86" spans="1:4" ht="18" customHeight="1" x14ac:dyDescent="0.15">
      <c r="A86" s="5">
        <v>66</v>
      </c>
      <c r="B86" s="22">
        <v>32</v>
      </c>
      <c r="C86" s="14">
        <v>40</v>
      </c>
      <c r="D86" s="18">
        <v>72</v>
      </c>
    </row>
    <row r="87" spans="1:4" ht="18" customHeight="1" x14ac:dyDescent="0.15">
      <c r="A87" s="5">
        <v>67</v>
      </c>
      <c r="B87" s="22">
        <v>32</v>
      </c>
      <c r="C87" s="14">
        <v>42</v>
      </c>
      <c r="D87" s="18">
        <v>74</v>
      </c>
    </row>
    <row r="88" spans="1:4" ht="18" customHeight="1" x14ac:dyDescent="0.15">
      <c r="A88" s="5">
        <v>68</v>
      </c>
      <c r="B88" s="22">
        <v>39</v>
      </c>
      <c r="C88" s="14">
        <v>34</v>
      </c>
      <c r="D88" s="18">
        <v>73</v>
      </c>
    </row>
    <row r="89" spans="1:4" ht="18" customHeight="1" x14ac:dyDescent="0.15">
      <c r="A89" s="5">
        <v>69</v>
      </c>
      <c r="B89" s="22">
        <v>37</v>
      </c>
      <c r="C89" s="14">
        <v>31</v>
      </c>
      <c r="D89" s="18">
        <v>68</v>
      </c>
    </row>
    <row r="90" spans="1:4" ht="18" customHeight="1" x14ac:dyDescent="0.15">
      <c r="A90" s="5" t="s">
        <v>20</v>
      </c>
      <c r="B90" s="22">
        <v>185</v>
      </c>
      <c r="C90" s="14">
        <v>184</v>
      </c>
      <c r="D90" s="18">
        <v>369</v>
      </c>
    </row>
    <row r="91" spans="1:4" ht="18" customHeight="1" x14ac:dyDescent="0.15">
      <c r="A91" s="5">
        <v>70</v>
      </c>
      <c r="B91" s="22">
        <v>31</v>
      </c>
      <c r="C91" s="14">
        <v>36</v>
      </c>
      <c r="D91" s="18">
        <v>67</v>
      </c>
    </row>
    <row r="92" spans="1:4" ht="18" customHeight="1" x14ac:dyDescent="0.15">
      <c r="A92" s="5">
        <v>71</v>
      </c>
      <c r="B92" s="22">
        <v>26</v>
      </c>
      <c r="C92" s="14">
        <v>33</v>
      </c>
      <c r="D92" s="18">
        <v>59</v>
      </c>
    </row>
    <row r="93" spans="1:4" ht="18" customHeight="1" x14ac:dyDescent="0.15">
      <c r="A93" s="5">
        <v>72</v>
      </c>
      <c r="B93" s="22">
        <v>46</v>
      </c>
      <c r="C93" s="14">
        <v>38</v>
      </c>
      <c r="D93" s="18">
        <v>84</v>
      </c>
    </row>
    <row r="94" spans="1:4" ht="18" customHeight="1" x14ac:dyDescent="0.15">
      <c r="A94" s="5">
        <v>73</v>
      </c>
      <c r="B94" s="22">
        <v>32</v>
      </c>
      <c r="C94" s="14">
        <v>38</v>
      </c>
      <c r="D94" s="18">
        <v>70</v>
      </c>
    </row>
    <row r="95" spans="1:4" ht="18" customHeight="1" x14ac:dyDescent="0.15">
      <c r="A95" s="5">
        <v>74</v>
      </c>
      <c r="B95" s="22">
        <v>25</v>
      </c>
      <c r="C95" s="14">
        <v>39</v>
      </c>
      <c r="D95" s="18">
        <v>64</v>
      </c>
    </row>
    <row r="96" spans="1:4" ht="18" customHeight="1" x14ac:dyDescent="0.15">
      <c r="A96" s="5" t="s">
        <v>33</v>
      </c>
      <c r="B96" s="22">
        <v>160</v>
      </c>
      <c r="C96" s="14">
        <v>184</v>
      </c>
      <c r="D96" s="18">
        <v>344</v>
      </c>
    </row>
    <row r="97" spans="1:4" ht="18" customHeight="1" x14ac:dyDescent="0.15">
      <c r="A97" s="5">
        <v>75</v>
      </c>
      <c r="B97" s="22">
        <v>44</v>
      </c>
      <c r="C97" s="14">
        <v>42</v>
      </c>
      <c r="D97" s="18">
        <v>86</v>
      </c>
    </row>
    <row r="98" spans="1:4" ht="18" customHeight="1" x14ac:dyDescent="0.15">
      <c r="A98" s="5">
        <v>76</v>
      </c>
      <c r="B98" s="22">
        <v>36</v>
      </c>
      <c r="C98" s="14">
        <v>47</v>
      </c>
      <c r="D98" s="18">
        <v>83</v>
      </c>
    </row>
    <row r="99" spans="1:4" ht="18" customHeight="1" x14ac:dyDescent="0.15">
      <c r="A99" s="5">
        <v>77</v>
      </c>
      <c r="B99" s="22">
        <v>36</v>
      </c>
      <c r="C99" s="14">
        <v>45</v>
      </c>
      <c r="D99" s="18">
        <v>81</v>
      </c>
    </row>
    <row r="100" spans="1:4" ht="18" customHeight="1" x14ac:dyDescent="0.15">
      <c r="A100" s="5">
        <v>78</v>
      </c>
      <c r="B100" s="22">
        <v>42</v>
      </c>
      <c r="C100" s="14">
        <v>67</v>
      </c>
      <c r="D100" s="18">
        <v>109</v>
      </c>
    </row>
    <row r="101" spans="1:4" ht="18" customHeight="1" x14ac:dyDescent="0.15">
      <c r="A101" s="5">
        <v>79</v>
      </c>
      <c r="B101" s="22">
        <v>37</v>
      </c>
      <c r="C101" s="14">
        <v>56</v>
      </c>
      <c r="D101" s="18">
        <v>93</v>
      </c>
    </row>
    <row r="102" spans="1:4" ht="18" customHeight="1" x14ac:dyDescent="0.15">
      <c r="A102" s="5" t="s">
        <v>0</v>
      </c>
      <c r="B102" s="22">
        <v>195</v>
      </c>
      <c r="C102" s="14">
        <v>257</v>
      </c>
      <c r="D102" s="18">
        <v>452</v>
      </c>
    </row>
    <row r="103" spans="1:4" ht="18" customHeight="1" x14ac:dyDescent="0.15">
      <c r="A103" s="5">
        <v>80</v>
      </c>
      <c r="B103" s="22">
        <v>18</v>
      </c>
      <c r="C103" s="14">
        <v>28</v>
      </c>
      <c r="D103" s="18">
        <v>46</v>
      </c>
    </row>
    <row r="104" spans="1:4" ht="18" customHeight="1" x14ac:dyDescent="0.15">
      <c r="A104" s="5">
        <v>81</v>
      </c>
      <c r="B104" s="22">
        <v>30</v>
      </c>
      <c r="C104" s="14">
        <v>41</v>
      </c>
      <c r="D104" s="18">
        <v>71</v>
      </c>
    </row>
    <row r="105" spans="1:4" ht="18" customHeight="1" x14ac:dyDescent="0.15">
      <c r="A105" s="5">
        <v>82</v>
      </c>
      <c r="B105" s="22">
        <v>30</v>
      </c>
      <c r="C105" s="14">
        <v>52</v>
      </c>
      <c r="D105" s="18">
        <v>82</v>
      </c>
    </row>
    <row r="106" spans="1:4" ht="18" customHeight="1" x14ac:dyDescent="0.15">
      <c r="A106" s="5">
        <v>83</v>
      </c>
      <c r="B106" s="22">
        <v>28</v>
      </c>
      <c r="C106" s="14">
        <v>29</v>
      </c>
      <c r="D106" s="18">
        <v>57</v>
      </c>
    </row>
    <row r="107" spans="1:4" ht="18" customHeight="1" x14ac:dyDescent="0.15">
      <c r="A107" s="5">
        <v>84</v>
      </c>
      <c r="B107" s="22">
        <v>24</v>
      </c>
      <c r="C107" s="14">
        <v>59</v>
      </c>
      <c r="D107" s="18">
        <v>83</v>
      </c>
    </row>
    <row r="108" spans="1:4" ht="18" customHeight="1" x14ac:dyDescent="0.15">
      <c r="A108" s="5" t="s">
        <v>35</v>
      </c>
      <c r="B108" s="22">
        <v>130</v>
      </c>
      <c r="C108" s="14">
        <v>209</v>
      </c>
      <c r="D108" s="18">
        <v>339</v>
      </c>
    </row>
    <row r="109" spans="1:4" ht="18" customHeight="1" x14ac:dyDescent="0.15">
      <c r="A109" s="5">
        <v>85</v>
      </c>
      <c r="B109" s="22">
        <v>23</v>
      </c>
      <c r="C109" s="14">
        <v>40</v>
      </c>
      <c r="D109" s="18">
        <v>63</v>
      </c>
    </row>
    <row r="110" spans="1:4" ht="18" customHeight="1" x14ac:dyDescent="0.15">
      <c r="A110" s="5">
        <v>86</v>
      </c>
      <c r="B110" s="22">
        <v>22</v>
      </c>
      <c r="C110" s="14">
        <v>26</v>
      </c>
      <c r="D110" s="18">
        <v>48</v>
      </c>
    </row>
    <row r="111" spans="1:4" ht="18" customHeight="1" x14ac:dyDescent="0.15">
      <c r="A111" s="5">
        <v>87</v>
      </c>
      <c r="B111" s="22">
        <v>16</v>
      </c>
      <c r="C111" s="14">
        <v>33</v>
      </c>
      <c r="D111" s="18">
        <v>49</v>
      </c>
    </row>
    <row r="112" spans="1:4" ht="18" customHeight="1" x14ac:dyDescent="0.15">
      <c r="A112" s="5">
        <v>88</v>
      </c>
      <c r="B112" s="22">
        <v>18</v>
      </c>
      <c r="C112" s="14">
        <v>34</v>
      </c>
      <c r="D112" s="18">
        <v>52</v>
      </c>
    </row>
    <row r="113" spans="1:4" ht="18" customHeight="1" x14ac:dyDescent="0.15">
      <c r="A113" s="5">
        <v>89</v>
      </c>
      <c r="B113" s="22">
        <v>4</v>
      </c>
      <c r="C113" s="14">
        <v>31</v>
      </c>
      <c r="D113" s="18">
        <v>35</v>
      </c>
    </row>
    <row r="114" spans="1:4" ht="18" customHeight="1" x14ac:dyDescent="0.15">
      <c r="A114" s="5" t="s">
        <v>37</v>
      </c>
      <c r="B114" s="22">
        <v>83</v>
      </c>
      <c r="C114" s="14">
        <v>164</v>
      </c>
      <c r="D114" s="18">
        <v>247</v>
      </c>
    </row>
    <row r="115" spans="1:4" ht="18" customHeight="1" x14ac:dyDescent="0.15">
      <c r="A115" s="5">
        <v>90</v>
      </c>
      <c r="B115" s="22">
        <v>7</v>
      </c>
      <c r="C115" s="14">
        <v>29</v>
      </c>
      <c r="D115" s="18">
        <v>36</v>
      </c>
    </row>
    <row r="116" spans="1:4" ht="18" customHeight="1" x14ac:dyDescent="0.15">
      <c r="A116" s="5">
        <v>91</v>
      </c>
      <c r="B116" s="22">
        <v>10</v>
      </c>
      <c r="C116" s="14">
        <v>17</v>
      </c>
      <c r="D116" s="18">
        <v>27</v>
      </c>
    </row>
    <row r="117" spans="1:4" ht="18" customHeight="1" x14ac:dyDescent="0.15">
      <c r="A117" s="5">
        <v>92</v>
      </c>
      <c r="B117" s="22">
        <v>5</v>
      </c>
      <c r="C117" s="14">
        <v>15</v>
      </c>
      <c r="D117" s="18">
        <v>20</v>
      </c>
    </row>
    <row r="118" spans="1:4" ht="18" customHeight="1" x14ac:dyDescent="0.15">
      <c r="A118" s="5">
        <v>93</v>
      </c>
      <c r="B118" s="22">
        <v>1</v>
      </c>
      <c r="C118" s="14">
        <v>27</v>
      </c>
      <c r="D118" s="18">
        <v>28</v>
      </c>
    </row>
    <row r="119" spans="1:4" ht="18" customHeight="1" x14ac:dyDescent="0.15">
      <c r="A119" s="5">
        <v>94</v>
      </c>
      <c r="B119" s="22">
        <v>1</v>
      </c>
      <c r="C119" s="14">
        <v>13</v>
      </c>
      <c r="D119" s="18">
        <v>14</v>
      </c>
    </row>
    <row r="120" spans="1:4" ht="18" customHeight="1" x14ac:dyDescent="0.15">
      <c r="A120" s="5" t="s">
        <v>39</v>
      </c>
      <c r="B120" s="22">
        <v>24</v>
      </c>
      <c r="C120" s="14">
        <v>101</v>
      </c>
      <c r="D120" s="18">
        <v>125</v>
      </c>
    </row>
    <row r="121" spans="1:4" ht="18" customHeight="1" x14ac:dyDescent="0.15">
      <c r="A121" s="5">
        <v>95</v>
      </c>
      <c r="B121" s="22">
        <v>1</v>
      </c>
      <c r="C121" s="14">
        <v>13</v>
      </c>
      <c r="D121" s="18">
        <v>14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3</v>
      </c>
      <c r="C123" s="14">
        <v>5</v>
      </c>
      <c r="D123" s="18">
        <v>8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2</v>
      </c>
      <c r="C125" s="14">
        <v>2</v>
      </c>
      <c r="D125" s="18">
        <v>4</v>
      </c>
    </row>
    <row r="126" spans="1:4" ht="18" customHeight="1" x14ac:dyDescent="0.15">
      <c r="A126" s="5" t="s">
        <v>40</v>
      </c>
      <c r="B126" s="22">
        <v>7</v>
      </c>
      <c r="C126" s="14">
        <v>32</v>
      </c>
      <c r="D126" s="18">
        <v>39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9</v>
      </c>
      <c r="D129" s="18">
        <v>10</v>
      </c>
    </row>
    <row r="130" spans="1:4" ht="18" customHeight="1" x14ac:dyDescent="0.15">
      <c r="A130" s="5" t="s">
        <v>46</v>
      </c>
      <c r="B130" s="22">
        <v>785</v>
      </c>
      <c r="C130" s="14">
        <v>1140</v>
      </c>
      <c r="D130" s="18">
        <v>1925</v>
      </c>
    </row>
    <row r="131" spans="1:4" ht="18" customHeight="1" x14ac:dyDescent="0.15">
      <c r="A131" s="7" t="s">
        <v>45</v>
      </c>
      <c r="B131" s="23">
        <v>3003</v>
      </c>
      <c r="C131" s="15">
        <v>3269</v>
      </c>
      <c r="D131" s="19">
        <v>62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7</v>
      </c>
      <c r="C5" s="13">
        <v>29</v>
      </c>
      <c r="D5" s="17">
        <v>66</v>
      </c>
    </row>
    <row r="6" spans="1:4" ht="18" customHeight="1" x14ac:dyDescent="0.15">
      <c r="A6" s="5">
        <v>1</v>
      </c>
      <c r="B6" s="22">
        <v>41</v>
      </c>
      <c r="C6" s="14">
        <v>26</v>
      </c>
      <c r="D6" s="18">
        <v>67</v>
      </c>
    </row>
    <row r="7" spans="1:4" ht="18" customHeight="1" x14ac:dyDescent="0.15">
      <c r="A7" s="5">
        <v>2</v>
      </c>
      <c r="B7" s="22">
        <v>29</v>
      </c>
      <c r="C7" s="14">
        <v>38</v>
      </c>
      <c r="D7" s="18">
        <v>67</v>
      </c>
    </row>
    <row r="8" spans="1:4" ht="18" customHeight="1" x14ac:dyDescent="0.15">
      <c r="A8" s="5">
        <v>3</v>
      </c>
      <c r="B8" s="22">
        <v>33</v>
      </c>
      <c r="C8" s="14">
        <v>40</v>
      </c>
      <c r="D8" s="18">
        <v>73</v>
      </c>
    </row>
    <row r="9" spans="1:4" ht="18" customHeight="1" x14ac:dyDescent="0.15">
      <c r="A9" s="5">
        <v>4</v>
      </c>
      <c r="B9" s="22">
        <v>28</v>
      </c>
      <c r="C9" s="14">
        <v>29</v>
      </c>
      <c r="D9" s="18">
        <v>57</v>
      </c>
    </row>
    <row r="10" spans="1:4" ht="18" customHeight="1" x14ac:dyDescent="0.15">
      <c r="A10" s="5" t="s">
        <v>7</v>
      </c>
      <c r="B10" s="22">
        <v>168</v>
      </c>
      <c r="C10" s="14">
        <v>162</v>
      </c>
      <c r="D10" s="18">
        <v>330</v>
      </c>
    </row>
    <row r="11" spans="1:4" ht="18" customHeight="1" x14ac:dyDescent="0.15">
      <c r="A11" s="5">
        <v>5</v>
      </c>
      <c r="B11" s="22">
        <v>58</v>
      </c>
      <c r="C11" s="14">
        <v>41</v>
      </c>
      <c r="D11" s="18">
        <v>99</v>
      </c>
    </row>
    <row r="12" spans="1:4" ht="18" customHeight="1" x14ac:dyDescent="0.15">
      <c r="A12" s="5">
        <v>6</v>
      </c>
      <c r="B12" s="22">
        <v>45</v>
      </c>
      <c r="C12" s="14">
        <v>41</v>
      </c>
      <c r="D12" s="18">
        <v>86</v>
      </c>
    </row>
    <row r="13" spans="1:4" ht="18" customHeight="1" x14ac:dyDescent="0.15">
      <c r="A13" s="5">
        <v>7</v>
      </c>
      <c r="B13" s="22">
        <v>51</v>
      </c>
      <c r="C13" s="14">
        <v>35</v>
      </c>
      <c r="D13" s="18">
        <v>86</v>
      </c>
    </row>
    <row r="14" spans="1:4" ht="18" customHeight="1" x14ac:dyDescent="0.15">
      <c r="A14" s="5">
        <v>8</v>
      </c>
      <c r="B14" s="22">
        <v>51</v>
      </c>
      <c r="C14" s="14">
        <v>43</v>
      </c>
      <c r="D14" s="18">
        <v>94</v>
      </c>
    </row>
    <row r="15" spans="1:4" ht="18" customHeight="1" x14ac:dyDescent="0.15">
      <c r="A15" s="5">
        <v>9</v>
      </c>
      <c r="B15" s="22">
        <v>46</v>
      </c>
      <c r="C15" s="14">
        <v>39</v>
      </c>
      <c r="D15" s="18">
        <v>85</v>
      </c>
    </row>
    <row r="16" spans="1:4" ht="18" customHeight="1" x14ac:dyDescent="0.15">
      <c r="A16" s="5" t="s">
        <v>11</v>
      </c>
      <c r="B16" s="22">
        <v>251</v>
      </c>
      <c r="C16" s="14">
        <v>199</v>
      </c>
      <c r="D16" s="18">
        <v>450</v>
      </c>
    </row>
    <row r="17" spans="1:4" ht="18" customHeight="1" x14ac:dyDescent="0.15">
      <c r="A17" s="5">
        <v>10</v>
      </c>
      <c r="B17" s="22">
        <v>50</v>
      </c>
      <c r="C17" s="14">
        <v>54</v>
      </c>
      <c r="D17" s="18">
        <v>104</v>
      </c>
    </row>
    <row r="18" spans="1:4" ht="18" customHeight="1" x14ac:dyDescent="0.15">
      <c r="A18" s="5">
        <v>11</v>
      </c>
      <c r="B18" s="22">
        <v>48</v>
      </c>
      <c r="C18" s="14">
        <v>41</v>
      </c>
      <c r="D18" s="18">
        <v>89</v>
      </c>
    </row>
    <row r="19" spans="1:4" ht="18" customHeight="1" x14ac:dyDescent="0.15">
      <c r="A19" s="5">
        <v>12</v>
      </c>
      <c r="B19" s="22">
        <v>58</v>
      </c>
      <c r="C19" s="14">
        <v>59</v>
      </c>
      <c r="D19" s="18">
        <v>117</v>
      </c>
    </row>
    <row r="20" spans="1:4" ht="18" customHeight="1" x14ac:dyDescent="0.15">
      <c r="A20" s="5">
        <v>13</v>
      </c>
      <c r="B20" s="22">
        <v>60</v>
      </c>
      <c r="C20" s="14">
        <v>41</v>
      </c>
      <c r="D20" s="18">
        <v>101</v>
      </c>
    </row>
    <row r="21" spans="1:4" ht="18" customHeight="1" x14ac:dyDescent="0.15">
      <c r="A21" s="5">
        <v>14</v>
      </c>
      <c r="B21" s="22">
        <v>46</v>
      </c>
      <c r="C21" s="14">
        <v>67</v>
      </c>
      <c r="D21" s="18">
        <v>113</v>
      </c>
    </row>
    <row r="22" spans="1:4" ht="18" customHeight="1" x14ac:dyDescent="0.15">
      <c r="A22" s="5" t="s">
        <v>12</v>
      </c>
      <c r="B22" s="22">
        <v>262</v>
      </c>
      <c r="C22" s="14">
        <v>262</v>
      </c>
      <c r="D22" s="18">
        <v>524</v>
      </c>
    </row>
    <row r="23" spans="1:4" ht="18" customHeight="1" x14ac:dyDescent="0.15">
      <c r="A23" s="5" t="s">
        <v>6</v>
      </c>
      <c r="B23" s="22">
        <v>681</v>
      </c>
      <c r="C23" s="14">
        <v>623</v>
      </c>
      <c r="D23" s="18">
        <v>1304</v>
      </c>
    </row>
    <row r="24" spans="1:4" ht="18" customHeight="1" x14ac:dyDescent="0.15">
      <c r="A24" s="5">
        <v>15</v>
      </c>
      <c r="B24" s="22">
        <v>69</v>
      </c>
      <c r="C24" s="14">
        <v>42</v>
      </c>
      <c r="D24" s="18">
        <v>111</v>
      </c>
    </row>
    <row r="25" spans="1:4" ht="18" customHeight="1" x14ac:dyDescent="0.15">
      <c r="A25" s="5">
        <v>16</v>
      </c>
      <c r="B25" s="22">
        <v>49</v>
      </c>
      <c r="C25" s="14">
        <v>41</v>
      </c>
      <c r="D25" s="18">
        <v>90</v>
      </c>
    </row>
    <row r="26" spans="1:4" ht="18" customHeight="1" x14ac:dyDescent="0.15">
      <c r="A26" s="5">
        <v>17</v>
      </c>
      <c r="B26" s="22">
        <v>44</v>
      </c>
      <c r="C26" s="14">
        <v>37</v>
      </c>
      <c r="D26" s="18">
        <v>81</v>
      </c>
    </row>
    <row r="27" spans="1:4" ht="18" customHeight="1" x14ac:dyDescent="0.15">
      <c r="A27" s="5">
        <v>18</v>
      </c>
      <c r="B27" s="22">
        <v>35</v>
      </c>
      <c r="C27" s="14">
        <v>62</v>
      </c>
      <c r="D27" s="18">
        <v>97</v>
      </c>
    </row>
    <row r="28" spans="1:4" ht="18" customHeight="1" x14ac:dyDescent="0.15">
      <c r="A28" s="5">
        <v>19</v>
      </c>
      <c r="B28" s="22">
        <v>58</v>
      </c>
      <c r="C28" s="14">
        <v>47</v>
      </c>
      <c r="D28" s="18">
        <v>105</v>
      </c>
    </row>
    <row r="29" spans="1:4" ht="18" customHeight="1" x14ac:dyDescent="0.15">
      <c r="A29" s="5" t="s">
        <v>14</v>
      </c>
      <c r="B29" s="22">
        <v>255</v>
      </c>
      <c r="C29" s="14">
        <v>229</v>
      </c>
      <c r="D29" s="18">
        <v>484</v>
      </c>
    </row>
    <row r="30" spans="1:4" ht="18" customHeight="1" x14ac:dyDescent="0.15">
      <c r="A30" s="5">
        <v>20</v>
      </c>
      <c r="B30" s="22">
        <v>46</v>
      </c>
      <c r="C30" s="14">
        <v>27</v>
      </c>
      <c r="D30" s="18">
        <v>73</v>
      </c>
    </row>
    <row r="31" spans="1:4" ht="18" customHeight="1" x14ac:dyDescent="0.15">
      <c r="A31" s="5">
        <v>21</v>
      </c>
      <c r="B31" s="22">
        <v>46</v>
      </c>
      <c r="C31" s="14">
        <v>51</v>
      </c>
      <c r="D31" s="18">
        <v>97</v>
      </c>
    </row>
    <row r="32" spans="1:4" ht="18" customHeight="1" x14ac:dyDescent="0.15">
      <c r="A32" s="5">
        <v>22</v>
      </c>
      <c r="B32" s="22">
        <v>46</v>
      </c>
      <c r="C32" s="14">
        <v>58</v>
      </c>
      <c r="D32" s="18">
        <v>104</v>
      </c>
    </row>
    <row r="33" spans="1:4" ht="18" customHeight="1" x14ac:dyDescent="0.15">
      <c r="A33" s="5">
        <v>23</v>
      </c>
      <c r="B33" s="22">
        <v>58</v>
      </c>
      <c r="C33" s="14">
        <v>40</v>
      </c>
      <c r="D33" s="18">
        <v>98</v>
      </c>
    </row>
    <row r="34" spans="1:4" ht="18" customHeight="1" x14ac:dyDescent="0.15">
      <c r="A34" s="5">
        <v>24</v>
      </c>
      <c r="B34" s="22">
        <v>71</v>
      </c>
      <c r="C34" s="14">
        <v>52</v>
      </c>
      <c r="D34" s="18">
        <v>123</v>
      </c>
    </row>
    <row r="35" spans="1:4" ht="18" customHeight="1" x14ac:dyDescent="0.15">
      <c r="A35" s="5" t="s">
        <v>9</v>
      </c>
      <c r="B35" s="22">
        <v>267</v>
      </c>
      <c r="C35" s="14">
        <v>228</v>
      </c>
      <c r="D35" s="18">
        <v>495</v>
      </c>
    </row>
    <row r="36" spans="1:4" ht="18" customHeight="1" x14ac:dyDescent="0.15">
      <c r="A36" s="5">
        <v>25</v>
      </c>
      <c r="B36" s="22">
        <v>64</v>
      </c>
      <c r="C36" s="14">
        <v>51</v>
      </c>
      <c r="D36" s="18">
        <v>115</v>
      </c>
    </row>
    <row r="37" spans="1:4" ht="18" customHeight="1" x14ac:dyDescent="0.15">
      <c r="A37" s="5">
        <v>26</v>
      </c>
      <c r="B37" s="22">
        <v>58</v>
      </c>
      <c r="C37" s="14">
        <v>57</v>
      </c>
      <c r="D37" s="18">
        <v>115</v>
      </c>
    </row>
    <row r="38" spans="1:4" ht="18" customHeight="1" x14ac:dyDescent="0.15">
      <c r="A38" s="5">
        <v>27</v>
      </c>
      <c r="B38" s="22">
        <v>53</v>
      </c>
      <c r="C38" s="14">
        <v>64</v>
      </c>
      <c r="D38" s="18">
        <v>117</v>
      </c>
    </row>
    <row r="39" spans="1:4" ht="18" customHeight="1" x14ac:dyDescent="0.15">
      <c r="A39" s="5">
        <v>28</v>
      </c>
      <c r="B39" s="22">
        <v>70</v>
      </c>
      <c r="C39" s="14">
        <v>62</v>
      </c>
      <c r="D39" s="18">
        <v>132</v>
      </c>
    </row>
    <row r="40" spans="1:4" ht="18" customHeight="1" x14ac:dyDescent="0.15">
      <c r="A40" s="5">
        <v>29</v>
      </c>
      <c r="B40" s="22">
        <v>71</v>
      </c>
      <c r="C40" s="14">
        <v>64</v>
      </c>
      <c r="D40" s="18">
        <v>135</v>
      </c>
    </row>
    <row r="41" spans="1:4" ht="18" customHeight="1" x14ac:dyDescent="0.15">
      <c r="A41" s="5" t="s">
        <v>2</v>
      </c>
      <c r="B41" s="22">
        <v>316</v>
      </c>
      <c r="C41" s="14">
        <v>298</v>
      </c>
      <c r="D41" s="18">
        <v>614</v>
      </c>
    </row>
    <row r="42" spans="1:4" ht="18" customHeight="1" x14ac:dyDescent="0.15">
      <c r="A42" s="5">
        <v>30</v>
      </c>
      <c r="B42" s="22">
        <v>61</v>
      </c>
      <c r="C42" s="14">
        <v>58</v>
      </c>
      <c r="D42" s="18">
        <v>119</v>
      </c>
    </row>
    <row r="43" spans="1:4" ht="18" customHeight="1" x14ac:dyDescent="0.15">
      <c r="A43" s="5">
        <v>31</v>
      </c>
      <c r="B43" s="22">
        <v>60</v>
      </c>
      <c r="C43" s="14">
        <v>60</v>
      </c>
      <c r="D43" s="18">
        <v>120</v>
      </c>
    </row>
    <row r="44" spans="1:4" ht="18" customHeight="1" x14ac:dyDescent="0.15">
      <c r="A44" s="5">
        <v>32</v>
      </c>
      <c r="B44" s="22">
        <v>67</v>
      </c>
      <c r="C44" s="14">
        <v>59</v>
      </c>
      <c r="D44" s="18">
        <v>126</v>
      </c>
    </row>
    <row r="45" spans="1:4" ht="18" customHeight="1" x14ac:dyDescent="0.15">
      <c r="A45" s="5">
        <v>33</v>
      </c>
      <c r="B45" s="22">
        <v>59</v>
      </c>
      <c r="C45" s="14">
        <v>53</v>
      </c>
      <c r="D45" s="18">
        <v>112</v>
      </c>
    </row>
    <row r="46" spans="1:4" ht="18" customHeight="1" x14ac:dyDescent="0.15">
      <c r="A46" s="5">
        <v>34</v>
      </c>
      <c r="B46" s="22">
        <v>64</v>
      </c>
      <c r="C46" s="14">
        <v>60</v>
      </c>
      <c r="D46" s="18">
        <v>124</v>
      </c>
    </row>
    <row r="47" spans="1:4" ht="18" customHeight="1" x14ac:dyDescent="0.15">
      <c r="A47" s="5" t="s">
        <v>15</v>
      </c>
      <c r="B47" s="22">
        <v>311</v>
      </c>
      <c r="C47" s="14">
        <v>290</v>
      </c>
      <c r="D47" s="18">
        <v>601</v>
      </c>
    </row>
    <row r="48" spans="1:4" ht="18" customHeight="1" x14ac:dyDescent="0.15">
      <c r="A48" s="5">
        <v>35</v>
      </c>
      <c r="B48" s="22">
        <v>57</v>
      </c>
      <c r="C48" s="14">
        <v>58</v>
      </c>
      <c r="D48" s="18">
        <v>115</v>
      </c>
    </row>
    <row r="49" spans="1:4" ht="18" customHeight="1" x14ac:dyDescent="0.15">
      <c r="A49" s="5">
        <v>36</v>
      </c>
      <c r="B49" s="22">
        <v>64</v>
      </c>
      <c r="C49" s="14">
        <v>58</v>
      </c>
      <c r="D49" s="18">
        <v>122</v>
      </c>
    </row>
    <row r="50" spans="1:4" ht="18" customHeight="1" x14ac:dyDescent="0.15">
      <c r="A50" s="5">
        <v>37</v>
      </c>
      <c r="B50" s="22">
        <v>61</v>
      </c>
      <c r="C50" s="14">
        <v>57</v>
      </c>
      <c r="D50" s="18">
        <v>118</v>
      </c>
    </row>
    <row r="51" spans="1:4" ht="18" customHeight="1" x14ac:dyDescent="0.15">
      <c r="A51" s="5">
        <v>38</v>
      </c>
      <c r="B51" s="22">
        <v>62</v>
      </c>
      <c r="C51" s="14">
        <v>43</v>
      </c>
      <c r="D51" s="18">
        <v>105</v>
      </c>
    </row>
    <row r="52" spans="1:4" ht="18" customHeight="1" x14ac:dyDescent="0.15">
      <c r="A52" s="5">
        <v>39</v>
      </c>
      <c r="B52" s="22">
        <v>67</v>
      </c>
      <c r="C52" s="14">
        <v>70</v>
      </c>
      <c r="D52" s="18">
        <v>137</v>
      </c>
    </row>
    <row r="53" spans="1:4" ht="18" customHeight="1" x14ac:dyDescent="0.15">
      <c r="A53" s="5" t="s">
        <v>18</v>
      </c>
      <c r="B53" s="22">
        <v>311</v>
      </c>
      <c r="C53" s="14">
        <v>286</v>
      </c>
      <c r="D53" s="18">
        <v>597</v>
      </c>
    </row>
    <row r="54" spans="1:4" ht="18" customHeight="1" x14ac:dyDescent="0.15">
      <c r="A54" s="5">
        <v>40</v>
      </c>
      <c r="B54" s="22">
        <v>59</v>
      </c>
      <c r="C54" s="14">
        <v>63</v>
      </c>
      <c r="D54" s="18">
        <v>122</v>
      </c>
    </row>
    <row r="55" spans="1:4" ht="18" customHeight="1" x14ac:dyDescent="0.15">
      <c r="A55" s="5">
        <v>41</v>
      </c>
      <c r="B55" s="22">
        <v>68</v>
      </c>
      <c r="C55" s="14">
        <v>69</v>
      </c>
      <c r="D55" s="18">
        <v>137</v>
      </c>
    </row>
    <row r="56" spans="1:4" ht="18" customHeight="1" x14ac:dyDescent="0.15">
      <c r="A56" s="5">
        <v>42</v>
      </c>
      <c r="B56" s="22">
        <v>65</v>
      </c>
      <c r="C56" s="14">
        <v>62</v>
      </c>
      <c r="D56" s="18">
        <v>127</v>
      </c>
    </row>
    <row r="57" spans="1:4" ht="18" customHeight="1" x14ac:dyDescent="0.15">
      <c r="A57" s="5">
        <v>43</v>
      </c>
      <c r="B57" s="22">
        <v>67</v>
      </c>
      <c r="C57" s="14">
        <v>74</v>
      </c>
      <c r="D57" s="18">
        <v>141</v>
      </c>
    </row>
    <row r="58" spans="1:4" ht="18" customHeight="1" x14ac:dyDescent="0.15">
      <c r="A58" s="5">
        <v>44</v>
      </c>
      <c r="B58" s="22">
        <v>64</v>
      </c>
      <c r="C58" s="14">
        <v>82</v>
      </c>
      <c r="D58" s="18">
        <v>146</v>
      </c>
    </row>
    <row r="59" spans="1:4" ht="18" customHeight="1" x14ac:dyDescent="0.15">
      <c r="A59" s="5" t="s">
        <v>21</v>
      </c>
      <c r="B59" s="22">
        <v>323</v>
      </c>
      <c r="C59" s="14">
        <v>350</v>
      </c>
      <c r="D59" s="18">
        <v>673</v>
      </c>
    </row>
    <row r="60" spans="1:4" ht="18" customHeight="1" x14ac:dyDescent="0.15">
      <c r="A60" s="5">
        <v>45</v>
      </c>
      <c r="B60" s="22">
        <v>71</v>
      </c>
      <c r="C60" s="14">
        <v>72</v>
      </c>
      <c r="D60" s="18">
        <v>143</v>
      </c>
    </row>
    <row r="61" spans="1:4" ht="18" customHeight="1" x14ac:dyDescent="0.15">
      <c r="A61" s="5">
        <v>46</v>
      </c>
      <c r="B61" s="22">
        <v>73</v>
      </c>
      <c r="C61" s="14">
        <v>67</v>
      </c>
      <c r="D61" s="18">
        <v>140</v>
      </c>
    </row>
    <row r="62" spans="1:4" ht="18" customHeight="1" x14ac:dyDescent="0.15">
      <c r="A62" s="5">
        <v>47</v>
      </c>
      <c r="B62" s="22">
        <v>70</v>
      </c>
      <c r="C62" s="14">
        <v>79</v>
      </c>
      <c r="D62" s="18">
        <v>149</v>
      </c>
    </row>
    <row r="63" spans="1:4" ht="18" customHeight="1" x14ac:dyDescent="0.15">
      <c r="A63" s="5">
        <v>48</v>
      </c>
      <c r="B63" s="22">
        <v>72</v>
      </c>
      <c r="C63" s="14">
        <v>74</v>
      </c>
      <c r="D63" s="18">
        <v>146</v>
      </c>
    </row>
    <row r="64" spans="1:4" ht="18" customHeight="1" x14ac:dyDescent="0.15">
      <c r="A64" s="5">
        <v>49</v>
      </c>
      <c r="B64" s="22">
        <v>96</v>
      </c>
      <c r="C64" s="14">
        <v>86</v>
      </c>
      <c r="D64" s="18">
        <v>182</v>
      </c>
    </row>
    <row r="65" spans="1:4" ht="18" customHeight="1" x14ac:dyDescent="0.15">
      <c r="A65" s="5" t="s">
        <v>17</v>
      </c>
      <c r="B65" s="22">
        <v>382</v>
      </c>
      <c r="C65" s="14">
        <v>378</v>
      </c>
      <c r="D65" s="18">
        <v>760</v>
      </c>
    </row>
    <row r="66" spans="1:4" ht="18" customHeight="1" x14ac:dyDescent="0.15">
      <c r="A66" s="5">
        <v>50</v>
      </c>
      <c r="B66" s="22">
        <v>83</v>
      </c>
      <c r="C66" s="14">
        <v>102</v>
      </c>
      <c r="D66" s="18">
        <v>185</v>
      </c>
    </row>
    <row r="67" spans="1:4" ht="18" customHeight="1" x14ac:dyDescent="0.15">
      <c r="A67" s="5">
        <v>51</v>
      </c>
      <c r="B67" s="22">
        <v>84</v>
      </c>
      <c r="C67" s="14">
        <v>90</v>
      </c>
      <c r="D67" s="18">
        <v>174</v>
      </c>
    </row>
    <row r="68" spans="1:4" ht="18" customHeight="1" x14ac:dyDescent="0.15">
      <c r="A68" s="5">
        <v>52</v>
      </c>
      <c r="B68" s="22">
        <v>95</v>
      </c>
      <c r="C68" s="14">
        <v>97</v>
      </c>
      <c r="D68" s="18">
        <v>192</v>
      </c>
    </row>
    <row r="69" spans="1:4" ht="18" customHeight="1" x14ac:dyDescent="0.15">
      <c r="A69" s="5">
        <v>53</v>
      </c>
      <c r="B69" s="22">
        <v>121</v>
      </c>
      <c r="C69" s="14">
        <v>104</v>
      </c>
      <c r="D69" s="18">
        <v>225</v>
      </c>
    </row>
    <row r="70" spans="1:4" ht="18" customHeight="1" x14ac:dyDescent="0.15">
      <c r="A70" s="5">
        <v>54</v>
      </c>
      <c r="B70" s="22">
        <v>125</v>
      </c>
      <c r="C70" s="14">
        <v>115</v>
      </c>
      <c r="D70" s="18">
        <v>240</v>
      </c>
    </row>
    <row r="71" spans="1:4" ht="18" customHeight="1" x14ac:dyDescent="0.15">
      <c r="A71" s="5" t="s">
        <v>22</v>
      </c>
      <c r="B71" s="22">
        <v>508</v>
      </c>
      <c r="C71" s="14">
        <v>508</v>
      </c>
      <c r="D71" s="18">
        <v>1016</v>
      </c>
    </row>
    <row r="72" spans="1:4" ht="18" customHeight="1" x14ac:dyDescent="0.15">
      <c r="A72" s="5">
        <v>55</v>
      </c>
      <c r="B72" s="22">
        <v>102</v>
      </c>
      <c r="C72" s="14">
        <v>110</v>
      </c>
      <c r="D72" s="18">
        <v>212</v>
      </c>
    </row>
    <row r="73" spans="1:4" ht="18" customHeight="1" x14ac:dyDescent="0.15">
      <c r="A73" s="5">
        <v>56</v>
      </c>
      <c r="B73" s="22">
        <v>93</v>
      </c>
      <c r="C73" s="14">
        <v>109</v>
      </c>
      <c r="D73" s="18">
        <v>202</v>
      </c>
    </row>
    <row r="74" spans="1:4" ht="18" customHeight="1" x14ac:dyDescent="0.15">
      <c r="A74" s="5">
        <v>57</v>
      </c>
      <c r="B74" s="22">
        <v>83</v>
      </c>
      <c r="C74" s="14">
        <v>105</v>
      </c>
      <c r="D74" s="18">
        <v>188</v>
      </c>
    </row>
    <row r="75" spans="1:4" ht="18" customHeight="1" x14ac:dyDescent="0.15">
      <c r="A75" s="5">
        <v>58</v>
      </c>
      <c r="B75" s="22">
        <v>94</v>
      </c>
      <c r="C75" s="14">
        <v>85</v>
      </c>
      <c r="D75" s="18">
        <v>179</v>
      </c>
    </row>
    <row r="76" spans="1:4" ht="18" customHeight="1" x14ac:dyDescent="0.15">
      <c r="A76" s="5">
        <v>59</v>
      </c>
      <c r="B76" s="22">
        <v>85</v>
      </c>
      <c r="C76" s="14">
        <v>89</v>
      </c>
      <c r="D76" s="18">
        <v>174</v>
      </c>
    </row>
    <row r="77" spans="1:4" ht="18" customHeight="1" x14ac:dyDescent="0.15">
      <c r="A77" s="5" t="s">
        <v>27</v>
      </c>
      <c r="B77" s="22">
        <v>457</v>
      </c>
      <c r="C77" s="14">
        <v>498</v>
      </c>
      <c r="D77" s="18">
        <v>955</v>
      </c>
    </row>
    <row r="78" spans="1:4" ht="18" customHeight="1" x14ac:dyDescent="0.15">
      <c r="A78" s="5">
        <v>60</v>
      </c>
      <c r="B78" s="22">
        <v>68</v>
      </c>
      <c r="C78" s="14">
        <v>85</v>
      </c>
      <c r="D78" s="18">
        <v>153</v>
      </c>
    </row>
    <row r="79" spans="1:4" ht="18" customHeight="1" x14ac:dyDescent="0.15">
      <c r="A79" s="5">
        <v>61</v>
      </c>
      <c r="B79" s="22">
        <v>92</v>
      </c>
      <c r="C79" s="14">
        <v>81</v>
      </c>
      <c r="D79" s="18">
        <v>173</v>
      </c>
    </row>
    <row r="80" spans="1:4" ht="18" customHeight="1" x14ac:dyDescent="0.15">
      <c r="A80" s="5">
        <v>62</v>
      </c>
      <c r="B80" s="22">
        <v>83</v>
      </c>
      <c r="C80" s="14">
        <v>92</v>
      </c>
      <c r="D80" s="18">
        <v>175</v>
      </c>
    </row>
    <row r="81" spans="1:4" ht="18" customHeight="1" x14ac:dyDescent="0.15">
      <c r="A81" s="5">
        <v>63</v>
      </c>
      <c r="B81" s="22">
        <v>83</v>
      </c>
      <c r="C81" s="14">
        <v>82</v>
      </c>
      <c r="D81" s="18">
        <v>165</v>
      </c>
    </row>
    <row r="82" spans="1:4" ht="18" customHeight="1" x14ac:dyDescent="0.15">
      <c r="A82" s="5">
        <v>64</v>
      </c>
      <c r="B82" s="22">
        <v>78</v>
      </c>
      <c r="C82" s="14">
        <v>80</v>
      </c>
      <c r="D82" s="18">
        <v>158</v>
      </c>
    </row>
    <row r="83" spans="1:4" ht="18" customHeight="1" x14ac:dyDescent="0.15">
      <c r="A83" s="5" t="s">
        <v>28</v>
      </c>
      <c r="B83" s="22">
        <v>404</v>
      </c>
      <c r="C83" s="14">
        <v>420</v>
      </c>
      <c r="D83" s="18">
        <v>824</v>
      </c>
    </row>
    <row r="84" spans="1:4" ht="18" customHeight="1" x14ac:dyDescent="0.15">
      <c r="A84" s="5" t="s">
        <v>31</v>
      </c>
      <c r="B84" s="22">
        <v>3534</v>
      </c>
      <c r="C84" s="14">
        <v>3485</v>
      </c>
      <c r="D84" s="18">
        <v>7019</v>
      </c>
    </row>
    <row r="85" spans="1:4" ht="18" customHeight="1" x14ac:dyDescent="0.15">
      <c r="A85" s="5">
        <v>65</v>
      </c>
      <c r="B85" s="22">
        <v>77</v>
      </c>
      <c r="C85" s="14">
        <v>80</v>
      </c>
      <c r="D85" s="18">
        <v>157</v>
      </c>
    </row>
    <row r="86" spans="1:4" ht="18" customHeight="1" x14ac:dyDescent="0.15">
      <c r="A86" s="5">
        <v>66</v>
      </c>
      <c r="B86" s="22">
        <v>72</v>
      </c>
      <c r="C86" s="14">
        <v>74</v>
      </c>
      <c r="D86" s="18">
        <v>146</v>
      </c>
    </row>
    <row r="87" spans="1:4" ht="18" customHeight="1" x14ac:dyDescent="0.15">
      <c r="A87" s="5">
        <v>67</v>
      </c>
      <c r="B87" s="22">
        <v>62</v>
      </c>
      <c r="C87" s="14">
        <v>73</v>
      </c>
      <c r="D87" s="18">
        <v>135</v>
      </c>
    </row>
    <row r="88" spans="1:4" ht="18" customHeight="1" x14ac:dyDescent="0.15">
      <c r="A88" s="5">
        <v>68</v>
      </c>
      <c r="B88" s="22">
        <v>63</v>
      </c>
      <c r="C88" s="14">
        <v>62</v>
      </c>
      <c r="D88" s="18">
        <v>125</v>
      </c>
    </row>
    <row r="89" spans="1:4" ht="18" customHeight="1" x14ac:dyDescent="0.15">
      <c r="A89" s="5">
        <v>69</v>
      </c>
      <c r="B89" s="22">
        <v>70</v>
      </c>
      <c r="C89" s="14">
        <v>65</v>
      </c>
      <c r="D89" s="18">
        <v>135</v>
      </c>
    </row>
    <row r="90" spans="1:4" ht="18" customHeight="1" x14ac:dyDescent="0.15">
      <c r="A90" s="5" t="s">
        <v>20</v>
      </c>
      <c r="B90" s="22">
        <v>344</v>
      </c>
      <c r="C90" s="14">
        <v>354</v>
      </c>
      <c r="D90" s="18">
        <v>698</v>
      </c>
    </row>
    <row r="91" spans="1:4" ht="18" customHeight="1" x14ac:dyDescent="0.15">
      <c r="A91" s="5">
        <v>70</v>
      </c>
      <c r="B91" s="22">
        <v>64</v>
      </c>
      <c r="C91" s="14">
        <v>69</v>
      </c>
      <c r="D91" s="18">
        <v>133</v>
      </c>
    </row>
    <row r="92" spans="1:4" ht="18" customHeight="1" x14ac:dyDescent="0.15">
      <c r="A92" s="5">
        <v>71</v>
      </c>
      <c r="B92" s="22">
        <v>71</v>
      </c>
      <c r="C92" s="14">
        <v>67</v>
      </c>
      <c r="D92" s="18">
        <v>138</v>
      </c>
    </row>
    <row r="93" spans="1:4" ht="18" customHeight="1" x14ac:dyDescent="0.15">
      <c r="A93" s="5">
        <v>72</v>
      </c>
      <c r="B93" s="22">
        <v>55</v>
      </c>
      <c r="C93" s="14">
        <v>64</v>
      </c>
      <c r="D93" s="18">
        <v>119</v>
      </c>
    </row>
    <row r="94" spans="1:4" ht="18" customHeight="1" x14ac:dyDescent="0.15">
      <c r="A94" s="5">
        <v>73</v>
      </c>
      <c r="B94" s="22">
        <v>67</v>
      </c>
      <c r="C94" s="14">
        <v>62</v>
      </c>
      <c r="D94" s="18">
        <v>129</v>
      </c>
    </row>
    <row r="95" spans="1:4" ht="18" customHeight="1" x14ac:dyDescent="0.15">
      <c r="A95" s="5">
        <v>74</v>
      </c>
      <c r="B95" s="22">
        <v>54</v>
      </c>
      <c r="C95" s="14">
        <v>63</v>
      </c>
      <c r="D95" s="18">
        <v>117</v>
      </c>
    </row>
    <row r="96" spans="1:4" ht="18" customHeight="1" x14ac:dyDescent="0.15">
      <c r="A96" s="5" t="s">
        <v>33</v>
      </c>
      <c r="B96" s="22">
        <v>311</v>
      </c>
      <c r="C96" s="14">
        <v>325</v>
      </c>
      <c r="D96" s="18">
        <v>636</v>
      </c>
    </row>
    <row r="97" spans="1:4" ht="18" customHeight="1" x14ac:dyDescent="0.15">
      <c r="A97" s="5">
        <v>75</v>
      </c>
      <c r="B97" s="22">
        <v>66</v>
      </c>
      <c r="C97" s="14">
        <v>79</v>
      </c>
      <c r="D97" s="18">
        <v>145</v>
      </c>
    </row>
    <row r="98" spans="1:4" ht="18" customHeight="1" x14ac:dyDescent="0.15">
      <c r="A98" s="5">
        <v>76</v>
      </c>
      <c r="B98" s="22">
        <v>66</v>
      </c>
      <c r="C98" s="14">
        <v>86</v>
      </c>
      <c r="D98" s="18">
        <v>152</v>
      </c>
    </row>
    <row r="99" spans="1:4" ht="18" customHeight="1" x14ac:dyDescent="0.15">
      <c r="A99" s="5">
        <v>77</v>
      </c>
      <c r="B99" s="22">
        <v>79</v>
      </c>
      <c r="C99" s="14">
        <v>109</v>
      </c>
      <c r="D99" s="18">
        <v>188</v>
      </c>
    </row>
    <row r="100" spans="1:4" ht="18" customHeight="1" x14ac:dyDescent="0.15">
      <c r="A100" s="5">
        <v>78</v>
      </c>
      <c r="B100" s="22">
        <v>83</v>
      </c>
      <c r="C100" s="14">
        <v>81</v>
      </c>
      <c r="D100" s="18">
        <v>164</v>
      </c>
    </row>
    <row r="101" spans="1:4" ht="18" customHeight="1" x14ac:dyDescent="0.15">
      <c r="A101" s="5">
        <v>79</v>
      </c>
      <c r="B101" s="22">
        <v>52</v>
      </c>
      <c r="C101" s="14">
        <v>84</v>
      </c>
      <c r="D101" s="18">
        <v>136</v>
      </c>
    </row>
    <row r="102" spans="1:4" ht="18" customHeight="1" x14ac:dyDescent="0.15">
      <c r="A102" s="5" t="s">
        <v>0</v>
      </c>
      <c r="B102" s="22">
        <v>346</v>
      </c>
      <c r="C102" s="14">
        <v>439</v>
      </c>
      <c r="D102" s="18">
        <v>785</v>
      </c>
    </row>
    <row r="103" spans="1:4" ht="18" customHeight="1" x14ac:dyDescent="0.15">
      <c r="A103" s="5">
        <v>80</v>
      </c>
      <c r="B103" s="22">
        <v>41</v>
      </c>
      <c r="C103" s="14">
        <v>41</v>
      </c>
      <c r="D103" s="18">
        <v>82</v>
      </c>
    </row>
    <row r="104" spans="1:4" ht="18" customHeight="1" x14ac:dyDescent="0.15">
      <c r="A104" s="5">
        <v>81</v>
      </c>
      <c r="B104" s="22">
        <v>40</v>
      </c>
      <c r="C104" s="14">
        <v>62</v>
      </c>
      <c r="D104" s="18">
        <v>102</v>
      </c>
    </row>
    <row r="105" spans="1:4" ht="18" customHeight="1" x14ac:dyDescent="0.15">
      <c r="A105" s="5">
        <v>82</v>
      </c>
      <c r="B105" s="22">
        <v>50</v>
      </c>
      <c r="C105" s="14">
        <v>90</v>
      </c>
      <c r="D105" s="18">
        <v>140</v>
      </c>
    </row>
    <row r="106" spans="1:4" ht="18" customHeight="1" x14ac:dyDescent="0.15">
      <c r="A106" s="5">
        <v>83</v>
      </c>
      <c r="B106" s="22">
        <v>45</v>
      </c>
      <c r="C106" s="14">
        <v>57</v>
      </c>
      <c r="D106" s="18">
        <v>102</v>
      </c>
    </row>
    <row r="107" spans="1:4" ht="18" customHeight="1" x14ac:dyDescent="0.15">
      <c r="A107" s="5">
        <v>84</v>
      </c>
      <c r="B107" s="22">
        <v>42</v>
      </c>
      <c r="C107" s="14">
        <v>95</v>
      </c>
      <c r="D107" s="18">
        <v>137</v>
      </c>
    </row>
    <row r="108" spans="1:4" ht="18" customHeight="1" x14ac:dyDescent="0.15">
      <c r="A108" s="5" t="s">
        <v>35</v>
      </c>
      <c r="B108" s="22">
        <v>218</v>
      </c>
      <c r="C108" s="14">
        <v>345</v>
      </c>
      <c r="D108" s="18">
        <v>563</v>
      </c>
    </row>
    <row r="109" spans="1:4" ht="18" customHeight="1" x14ac:dyDescent="0.15">
      <c r="A109" s="5">
        <v>85</v>
      </c>
      <c r="B109" s="22">
        <v>26</v>
      </c>
      <c r="C109" s="14">
        <v>60</v>
      </c>
      <c r="D109" s="18">
        <v>86</v>
      </c>
    </row>
    <row r="110" spans="1:4" ht="18" customHeight="1" x14ac:dyDescent="0.15">
      <c r="A110" s="5">
        <v>86</v>
      </c>
      <c r="B110" s="22">
        <v>28</v>
      </c>
      <c r="C110" s="14">
        <v>59</v>
      </c>
      <c r="D110" s="18">
        <v>87</v>
      </c>
    </row>
    <row r="111" spans="1:4" ht="18" customHeight="1" x14ac:dyDescent="0.15">
      <c r="A111" s="5">
        <v>87</v>
      </c>
      <c r="B111" s="22">
        <v>32</v>
      </c>
      <c r="C111" s="14">
        <v>44</v>
      </c>
      <c r="D111" s="18">
        <v>76</v>
      </c>
    </row>
    <row r="112" spans="1:4" ht="18" customHeight="1" x14ac:dyDescent="0.15">
      <c r="A112" s="5">
        <v>88</v>
      </c>
      <c r="B112" s="22">
        <v>23</v>
      </c>
      <c r="C112" s="14">
        <v>36</v>
      </c>
      <c r="D112" s="18">
        <v>59</v>
      </c>
    </row>
    <row r="113" spans="1:4" ht="18" customHeight="1" x14ac:dyDescent="0.15">
      <c r="A113" s="5">
        <v>89</v>
      </c>
      <c r="B113" s="22">
        <v>18</v>
      </c>
      <c r="C113" s="14">
        <v>61</v>
      </c>
      <c r="D113" s="18">
        <v>79</v>
      </c>
    </row>
    <row r="114" spans="1:4" ht="18" customHeight="1" x14ac:dyDescent="0.15">
      <c r="A114" s="5" t="s">
        <v>37</v>
      </c>
      <c r="B114" s="22">
        <v>127</v>
      </c>
      <c r="C114" s="14">
        <v>260</v>
      </c>
      <c r="D114" s="18">
        <v>387</v>
      </c>
    </row>
    <row r="115" spans="1:4" ht="18" customHeight="1" x14ac:dyDescent="0.15">
      <c r="A115" s="5">
        <v>90</v>
      </c>
      <c r="B115" s="22">
        <v>18</v>
      </c>
      <c r="C115" s="14">
        <v>48</v>
      </c>
      <c r="D115" s="18">
        <v>66</v>
      </c>
    </row>
    <row r="116" spans="1:4" ht="18" customHeight="1" x14ac:dyDescent="0.15">
      <c r="A116" s="5">
        <v>91</v>
      </c>
      <c r="B116" s="22">
        <v>10</v>
      </c>
      <c r="C116" s="14">
        <v>34</v>
      </c>
      <c r="D116" s="18">
        <v>44</v>
      </c>
    </row>
    <row r="117" spans="1:4" ht="18" customHeight="1" x14ac:dyDescent="0.15">
      <c r="A117" s="5">
        <v>92</v>
      </c>
      <c r="B117" s="22">
        <v>16</v>
      </c>
      <c r="C117" s="14">
        <v>45</v>
      </c>
      <c r="D117" s="18">
        <v>61</v>
      </c>
    </row>
    <row r="118" spans="1:4" ht="18" customHeight="1" x14ac:dyDescent="0.15">
      <c r="A118" s="5">
        <v>93</v>
      </c>
      <c r="B118" s="22">
        <v>13</v>
      </c>
      <c r="C118" s="14">
        <v>32</v>
      </c>
      <c r="D118" s="18">
        <v>45</v>
      </c>
    </row>
    <row r="119" spans="1:4" ht="18" customHeight="1" x14ac:dyDescent="0.15">
      <c r="A119" s="5">
        <v>94</v>
      </c>
      <c r="B119" s="22">
        <v>8</v>
      </c>
      <c r="C119" s="14">
        <v>28</v>
      </c>
      <c r="D119" s="18">
        <v>36</v>
      </c>
    </row>
    <row r="120" spans="1:4" ht="18" customHeight="1" x14ac:dyDescent="0.15">
      <c r="A120" s="5" t="s">
        <v>39</v>
      </c>
      <c r="B120" s="22">
        <v>65</v>
      </c>
      <c r="C120" s="14">
        <v>187</v>
      </c>
      <c r="D120" s="18">
        <v>252</v>
      </c>
    </row>
    <row r="121" spans="1:4" ht="18" customHeight="1" x14ac:dyDescent="0.15">
      <c r="A121" s="5">
        <v>95</v>
      </c>
      <c r="B121" s="22">
        <v>3</v>
      </c>
      <c r="C121" s="14">
        <v>18</v>
      </c>
      <c r="D121" s="18">
        <v>21</v>
      </c>
    </row>
    <row r="122" spans="1:4" ht="18" customHeight="1" x14ac:dyDescent="0.15">
      <c r="A122" s="5">
        <v>96</v>
      </c>
      <c r="B122" s="22">
        <v>5</v>
      </c>
      <c r="C122" s="14">
        <v>15</v>
      </c>
      <c r="D122" s="18">
        <v>20</v>
      </c>
    </row>
    <row r="123" spans="1:4" ht="18" customHeight="1" x14ac:dyDescent="0.15">
      <c r="A123" s="5">
        <v>97</v>
      </c>
      <c r="B123" s="22">
        <v>0</v>
      </c>
      <c r="C123" s="14">
        <v>18</v>
      </c>
      <c r="D123" s="18">
        <v>18</v>
      </c>
    </row>
    <row r="124" spans="1:4" ht="18" customHeight="1" x14ac:dyDescent="0.15">
      <c r="A124" s="5">
        <v>98</v>
      </c>
      <c r="B124" s="22">
        <v>4</v>
      </c>
      <c r="C124" s="14">
        <v>9</v>
      </c>
      <c r="D124" s="18">
        <v>13</v>
      </c>
    </row>
    <row r="125" spans="1:4" ht="18" customHeight="1" x14ac:dyDescent="0.15">
      <c r="A125" s="5">
        <v>99</v>
      </c>
      <c r="B125" s="22">
        <v>2</v>
      </c>
      <c r="C125" s="14">
        <v>12</v>
      </c>
      <c r="D125" s="18">
        <v>14</v>
      </c>
    </row>
    <row r="126" spans="1:4" ht="18" customHeight="1" x14ac:dyDescent="0.15">
      <c r="A126" s="5" t="s">
        <v>40</v>
      </c>
      <c r="B126" s="22">
        <v>14</v>
      </c>
      <c r="C126" s="14">
        <v>72</v>
      </c>
      <c r="D126" s="18">
        <v>86</v>
      </c>
    </row>
    <row r="127" spans="1:4" ht="18" customHeight="1" x14ac:dyDescent="0.15">
      <c r="A127" s="5">
        <v>100</v>
      </c>
      <c r="B127" s="22">
        <v>2</v>
      </c>
      <c r="C127" s="14">
        <v>9</v>
      </c>
      <c r="D127" s="18">
        <v>11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2</v>
      </c>
      <c r="C129" s="14">
        <v>19</v>
      </c>
      <c r="D129" s="18">
        <v>21</v>
      </c>
    </row>
    <row r="130" spans="1:4" ht="18" customHeight="1" x14ac:dyDescent="0.15">
      <c r="A130" s="5" t="s">
        <v>46</v>
      </c>
      <c r="B130" s="22">
        <v>1427</v>
      </c>
      <c r="C130" s="14">
        <v>2001</v>
      </c>
      <c r="D130" s="18">
        <v>3428</v>
      </c>
    </row>
    <row r="131" spans="1:4" ht="18" customHeight="1" x14ac:dyDescent="0.15">
      <c r="A131" s="7" t="s">
        <v>45</v>
      </c>
      <c r="B131" s="23">
        <v>5642</v>
      </c>
      <c r="C131" s="15">
        <v>6109</v>
      </c>
      <c r="D131" s="19">
        <v>1175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9</v>
      </c>
      <c r="C5" s="13">
        <v>45</v>
      </c>
      <c r="D5" s="17">
        <v>94</v>
      </c>
    </row>
    <row r="6" spans="1:4" ht="18" customHeight="1" x14ac:dyDescent="0.15">
      <c r="A6" s="5">
        <v>1</v>
      </c>
      <c r="B6" s="22">
        <v>60</v>
      </c>
      <c r="C6" s="14">
        <v>55</v>
      </c>
      <c r="D6" s="18">
        <v>115</v>
      </c>
    </row>
    <row r="7" spans="1:4" ht="18" customHeight="1" x14ac:dyDescent="0.15">
      <c r="A7" s="5">
        <v>2</v>
      </c>
      <c r="B7" s="22">
        <v>65</v>
      </c>
      <c r="C7" s="14">
        <v>54</v>
      </c>
      <c r="D7" s="18">
        <v>119</v>
      </c>
    </row>
    <row r="8" spans="1:4" ht="18" customHeight="1" x14ac:dyDescent="0.15">
      <c r="A8" s="5">
        <v>3</v>
      </c>
      <c r="B8" s="22">
        <v>64</v>
      </c>
      <c r="C8" s="14">
        <v>50</v>
      </c>
      <c r="D8" s="18">
        <v>114</v>
      </c>
    </row>
    <row r="9" spans="1:4" ht="18" customHeight="1" x14ac:dyDescent="0.15">
      <c r="A9" s="5">
        <v>4</v>
      </c>
      <c r="B9" s="22">
        <v>72</v>
      </c>
      <c r="C9" s="14">
        <v>58</v>
      </c>
      <c r="D9" s="18">
        <v>130</v>
      </c>
    </row>
    <row r="10" spans="1:4" ht="18" customHeight="1" x14ac:dyDescent="0.15">
      <c r="A10" s="5" t="s">
        <v>7</v>
      </c>
      <c r="B10" s="22">
        <v>310</v>
      </c>
      <c r="C10" s="14">
        <v>262</v>
      </c>
      <c r="D10" s="18">
        <v>572</v>
      </c>
    </row>
    <row r="11" spans="1:4" ht="18" customHeight="1" x14ac:dyDescent="0.15">
      <c r="A11" s="5">
        <v>5</v>
      </c>
      <c r="B11" s="22">
        <v>63</v>
      </c>
      <c r="C11" s="14">
        <v>63</v>
      </c>
      <c r="D11" s="18">
        <v>126</v>
      </c>
    </row>
    <row r="12" spans="1:4" ht="18" customHeight="1" x14ac:dyDescent="0.15">
      <c r="A12" s="5">
        <v>6</v>
      </c>
      <c r="B12" s="22">
        <v>65</v>
      </c>
      <c r="C12" s="14">
        <v>53</v>
      </c>
      <c r="D12" s="18">
        <v>118</v>
      </c>
    </row>
    <row r="13" spans="1:4" ht="18" customHeight="1" x14ac:dyDescent="0.15">
      <c r="A13" s="5">
        <v>7</v>
      </c>
      <c r="B13" s="22">
        <v>54</v>
      </c>
      <c r="C13" s="14">
        <v>68</v>
      </c>
      <c r="D13" s="18">
        <v>122</v>
      </c>
    </row>
    <row r="14" spans="1:4" ht="18" customHeight="1" x14ac:dyDescent="0.15">
      <c r="A14" s="5">
        <v>8</v>
      </c>
      <c r="B14" s="22">
        <v>71</v>
      </c>
      <c r="C14" s="14">
        <v>69</v>
      </c>
      <c r="D14" s="18">
        <v>140</v>
      </c>
    </row>
    <row r="15" spans="1:4" ht="18" customHeight="1" x14ac:dyDescent="0.15">
      <c r="A15" s="5">
        <v>9</v>
      </c>
      <c r="B15" s="22">
        <v>80</v>
      </c>
      <c r="C15" s="14">
        <v>66</v>
      </c>
      <c r="D15" s="18">
        <v>146</v>
      </c>
    </row>
    <row r="16" spans="1:4" ht="18" customHeight="1" x14ac:dyDescent="0.15">
      <c r="A16" s="5" t="s">
        <v>11</v>
      </c>
      <c r="B16" s="22">
        <v>333</v>
      </c>
      <c r="C16" s="14">
        <v>319</v>
      </c>
      <c r="D16" s="18">
        <v>652</v>
      </c>
    </row>
    <row r="17" spans="1:4" ht="18" customHeight="1" x14ac:dyDescent="0.15">
      <c r="A17" s="5">
        <v>10</v>
      </c>
      <c r="B17" s="22">
        <v>78</v>
      </c>
      <c r="C17" s="14">
        <v>74</v>
      </c>
      <c r="D17" s="18">
        <v>152</v>
      </c>
    </row>
    <row r="18" spans="1:4" ht="18" customHeight="1" x14ac:dyDescent="0.15">
      <c r="A18" s="5">
        <v>11</v>
      </c>
      <c r="B18" s="22">
        <v>69</v>
      </c>
      <c r="C18" s="14">
        <v>65</v>
      </c>
      <c r="D18" s="18">
        <v>134</v>
      </c>
    </row>
    <row r="19" spans="1:4" ht="18" customHeight="1" x14ac:dyDescent="0.15">
      <c r="A19" s="5">
        <v>12</v>
      </c>
      <c r="B19" s="22">
        <v>87</v>
      </c>
      <c r="C19" s="14">
        <v>75</v>
      </c>
      <c r="D19" s="18">
        <v>162</v>
      </c>
    </row>
    <row r="20" spans="1:4" ht="18" customHeight="1" x14ac:dyDescent="0.15">
      <c r="A20" s="5">
        <v>13</v>
      </c>
      <c r="B20" s="22">
        <v>71</v>
      </c>
      <c r="C20" s="14">
        <v>55</v>
      </c>
      <c r="D20" s="18">
        <v>126</v>
      </c>
    </row>
    <row r="21" spans="1:4" ht="18" customHeight="1" x14ac:dyDescent="0.15">
      <c r="A21" s="5">
        <v>14</v>
      </c>
      <c r="B21" s="22">
        <v>74</v>
      </c>
      <c r="C21" s="14">
        <v>85</v>
      </c>
      <c r="D21" s="18">
        <v>159</v>
      </c>
    </row>
    <row r="22" spans="1:4" ht="18" customHeight="1" x14ac:dyDescent="0.15">
      <c r="A22" s="5" t="s">
        <v>12</v>
      </c>
      <c r="B22" s="22">
        <v>379</v>
      </c>
      <c r="C22" s="14">
        <v>354</v>
      </c>
      <c r="D22" s="18">
        <v>733</v>
      </c>
    </row>
    <row r="23" spans="1:4" ht="18" customHeight="1" x14ac:dyDescent="0.15">
      <c r="A23" s="5" t="s">
        <v>6</v>
      </c>
      <c r="B23" s="22">
        <v>1022</v>
      </c>
      <c r="C23" s="14">
        <v>935</v>
      </c>
      <c r="D23" s="18">
        <v>1957</v>
      </c>
    </row>
    <row r="24" spans="1:4" ht="18" customHeight="1" x14ac:dyDescent="0.15">
      <c r="A24" s="5">
        <v>15</v>
      </c>
      <c r="B24" s="22">
        <v>73</v>
      </c>
      <c r="C24" s="14">
        <v>76</v>
      </c>
      <c r="D24" s="18">
        <v>149</v>
      </c>
    </row>
    <row r="25" spans="1:4" ht="18" customHeight="1" x14ac:dyDescent="0.15">
      <c r="A25" s="5">
        <v>16</v>
      </c>
      <c r="B25" s="22">
        <v>76</v>
      </c>
      <c r="C25" s="14">
        <v>69</v>
      </c>
      <c r="D25" s="18">
        <v>145</v>
      </c>
    </row>
    <row r="26" spans="1:4" ht="18" customHeight="1" x14ac:dyDescent="0.15">
      <c r="A26" s="5">
        <v>17</v>
      </c>
      <c r="B26" s="22">
        <v>78</v>
      </c>
      <c r="C26" s="14">
        <v>60</v>
      </c>
      <c r="D26" s="18">
        <v>138</v>
      </c>
    </row>
    <row r="27" spans="1:4" ht="18" customHeight="1" x14ac:dyDescent="0.15">
      <c r="A27" s="5">
        <v>18</v>
      </c>
      <c r="B27" s="22">
        <v>62</v>
      </c>
      <c r="C27" s="14">
        <v>80</v>
      </c>
      <c r="D27" s="18">
        <v>142</v>
      </c>
    </row>
    <row r="28" spans="1:4" ht="18" customHeight="1" x14ac:dyDescent="0.15">
      <c r="A28" s="5">
        <v>19</v>
      </c>
      <c r="B28" s="22">
        <v>77</v>
      </c>
      <c r="C28" s="14">
        <v>71</v>
      </c>
      <c r="D28" s="18">
        <v>148</v>
      </c>
    </row>
    <row r="29" spans="1:4" ht="18" customHeight="1" x14ac:dyDescent="0.15">
      <c r="A29" s="5" t="s">
        <v>14</v>
      </c>
      <c r="B29" s="22">
        <v>366</v>
      </c>
      <c r="C29" s="14">
        <v>356</v>
      </c>
      <c r="D29" s="18">
        <v>722</v>
      </c>
    </row>
    <row r="30" spans="1:4" ht="18" customHeight="1" x14ac:dyDescent="0.15">
      <c r="A30" s="5">
        <v>20</v>
      </c>
      <c r="B30" s="22">
        <v>70</v>
      </c>
      <c r="C30" s="14">
        <v>58</v>
      </c>
      <c r="D30" s="18">
        <v>128</v>
      </c>
    </row>
    <row r="31" spans="1:4" ht="18" customHeight="1" x14ac:dyDescent="0.15">
      <c r="A31" s="5">
        <v>21</v>
      </c>
      <c r="B31" s="22">
        <v>69</v>
      </c>
      <c r="C31" s="14">
        <v>72</v>
      </c>
      <c r="D31" s="18">
        <v>141</v>
      </c>
    </row>
    <row r="32" spans="1:4" ht="18" customHeight="1" x14ac:dyDescent="0.15">
      <c r="A32" s="5">
        <v>22</v>
      </c>
      <c r="B32" s="22">
        <v>62</v>
      </c>
      <c r="C32" s="14">
        <v>49</v>
      </c>
      <c r="D32" s="18">
        <v>111</v>
      </c>
    </row>
    <row r="33" spans="1:4" ht="18" customHeight="1" x14ac:dyDescent="0.15">
      <c r="A33" s="5">
        <v>23</v>
      </c>
      <c r="B33" s="22">
        <v>60</v>
      </c>
      <c r="C33" s="14">
        <v>74</v>
      </c>
      <c r="D33" s="18">
        <v>134</v>
      </c>
    </row>
    <row r="34" spans="1:4" ht="18" customHeight="1" x14ac:dyDescent="0.15">
      <c r="A34" s="5">
        <v>24</v>
      </c>
      <c r="B34" s="22">
        <v>74</v>
      </c>
      <c r="C34" s="14">
        <v>73</v>
      </c>
      <c r="D34" s="18">
        <v>147</v>
      </c>
    </row>
    <row r="35" spans="1:4" ht="18" customHeight="1" x14ac:dyDescent="0.15">
      <c r="A35" s="5" t="s">
        <v>9</v>
      </c>
      <c r="B35" s="22">
        <v>335</v>
      </c>
      <c r="C35" s="14">
        <v>326</v>
      </c>
      <c r="D35" s="18">
        <v>661</v>
      </c>
    </row>
    <row r="36" spans="1:4" ht="18" customHeight="1" x14ac:dyDescent="0.15">
      <c r="A36" s="5">
        <v>25</v>
      </c>
      <c r="B36" s="22">
        <v>66</v>
      </c>
      <c r="C36" s="14">
        <v>81</v>
      </c>
      <c r="D36" s="18">
        <v>147</v>
      </c>
    </row>
    <row r="37" spans="1:4" ht="18" customHeight="1" x14ac:dyDescent="0.15">
      <c r="A37" s="5">
        <v>26</v>
      </c>
      <c r="B37" s="22">
        <v>85</v>
      </c>
      <c r="C37" s="14">
        <v>75</v>
      </c>
      <c r="D37" s="18">
        <v>160</v>
      </c>
    </row>
    <row r="38" spans="1:4" ht="18" customHeight="1" x14ac:dyDescent="0.15">
      <c r="A38" s="5">
        <v>27</v>
      </c>
      <c r="B38" s="22">
        <v>69</v>
      </c>
      <c r="C38" s="14">
        <v>64</v>
      </c>
      <c r="D38" s="18">
        <v>133</v>
      </c>
    </row>
    <row r="39" spans="1:4" ht="18" customHeight="1" x14ac:dyDescent="0.15">
      <c r="A39" s="5">
        <v>28</v>
      </c>
      <c r="B39" s="22">
        <v>86</v>
      </c>
      <c r="C39" s="14">
        <v>69</v>
      </c>
      <c r="D39" s="18">
        <v>155</v>
      </c>
    </row>
    <row r="40" spans="1:4" ht="18" customHeight="1" x14ac:dyDescent="0.15">
      <c r="A40" s="5">
        <v>29</v>
      </c>
      <c r="B40" s="22">
        <v>89</v>
      </c>
      <c r="C40" s="14">
        <v>95</v>
      </c>
      <c r="D40" s="18">
        <v>184</v>
      </c>
    </row>
    <row r="41" spans="1:4" ht="18" customHeight="1" x14ac:dyDescent="0.15">
      <c r="A41" s="5" t="s">
        <v>2</v>
      </c>
      <c r="B41" s="22">
        <v>395</v>
      </c>
      <c r="C41" s="14">
        <v>384</v>
      </c>
      <c r="D41" s="18">
        <v>779</v>
      </c>
    </row>
    <row r="42" spans="1:4" ht="18" customHeight="1" x14ac:dyDescent="0.15">
      <c r="A42" s="5">
        <v>30</v>
      </c>
      <c r="B42" s="22">
        <v>98</v>
      </c>
      <c r="C42" s="14">
        <v>73</v>
      </c>
      <c r="D42" s="18">
        <v>171</v>
      </c>
    </row>
    <row r="43" spans="1:4" ht="18" customHeight="1" x14ac:dyDescent="0.15">
      <c r="A43" s="5">
        <v>31</v>
      </c>
      <c r="B43" s="22">
        <v>96</v>
      </c>
      <c r="C43" s="14">
        <v>82</v>
      </c>
      <c r="D43" s="18">
        <v>178</v>
      </c>
    </row>
    <row r="44" spans="1:4" ht="18" customHeight="1" x14ac:dyDescent="0.15">
      <c r="A44" s="5">
        <v>32</v>
      </c>
      <c r="B44" s="22">
        <v>83</v>
      </c>
      <c r="C44" s="14">
        <v>84</v>
      </c>
      <c r="D44" s="18">
        <v>167</v>
      </c>
    </row>
    <row r="45" spans="1:4" ht="18" customHeight="1" x14ac:dyDescent="0.15">
      <c r="A45" s="5">
        <v>33</v>
      </c>
      <c r="B45" s="22">
        <v>66</v>
      </c>
      <c r="C45" s="14">
        <v>99</v>
      </c>
      <c r="D45" s="18">
        <v>165</v>
      </c>
    </row>
    <row r="46" spans="1:4" ht="18" customHeight="1" x14ac:dyDescent="0.15">
      <c r="A46" s="5">
        <v>34</v>
      </c>
      <c r="B46" s="22">
        <v>81</v>
      </c>
      <c r="C46" s="14">
        <v>82</v>
      </c>
      <c r="D46" s="18">
        <v>163</v>
      </c>
    </row>
    <row r="47" spans="1:4" ht="18" customHeight="1" x14ac:dyDescent="0.15">
      <c r="A47" s="5" t="s">
        <v>15</v>
      </c>
      <c r="B47" s="22">
        <v>424</v>
      </c>
      <c r="C47" s="14">
        <v>420</v>
      </c>
      <c r="D47" s="18">
        <v>844</v>
      </c>
    </row>
    <row r="48" spans="1:4" ht="18" customHeight="1" x14ac:dyDescent="0.15">
      <c r="A48" s="5">
        <v>35</v>
      </c>
      <c r="B48" s="22">
        <v>89</v>
      </c>
      <c r="C48" s="14">
        <v>91</v>
      </c>
      <c r="D48" s="18">
        <v>180</v>
      </c>
    </row>
    <row r="49" spans="1:4" ht="18" customHeight="1" x14ac:dyDescent="0.15">
      <c r="A49" s="5">
        <v>36</v>
      </c>
      <c r="B49" s="22">
        <v>96</v>
      </c>
      <c r="C49" s="14">
        <v>90</v>
      </c>
      <c r="D49" s="18">
        <v>186</v>
      </c>
    </row>
    <row r="50" spans="1:4" ht="18" customHeight="1" x14ac:dyDescent="0.15">
      <c r="A50" s="5">
        <v>37</v>
      </c>
      <c r="B50" s="22">
        <v>75</v>
      </c>
      <c r="C50" s="14">
        <v>81</v>
      </c>
      <c r="D50" s="18">
        <v>156</v>
      </c>
    </row>
    <row r="51" spans="1:4" ht="18" customHeight="1" x14ac:dyDescent="0.15">
      <c r="A51" s="5">
        <v>38</v>
      </c>
      <c r="B51" s="22">
        <v>84</v>
      </c>
      <c r="C51" s="14">
        <v>83</v>
      </c>
      <c r="D51" s="18">
        <v>167</v>
      </c>
    </row>
    <row r="52" spans="1:4" ht="18" customHeight="1" x14ac:dyDescent="0.15">
      <c r="A52" s="5">
        <v>39</v>
      </c>
      <c r="B52" s="22">
        <v>84</v>
      </c>
      <c r="C52" s="14">
        <v>81</v>
      </c>
      <c r="D52" s="18">
        <v>165</v>
      </c>
    </row>
    <row r="53" spans="1:4" ht="18" customHeight="1" x14ac:dyDescent="0.15">
      <c r="A53" s="5" t="s">
        <v>18</v>
      </c>
      <c r="B53" s="22">
        <v>428</v>
      </c>
      <c r="C53" s="14">
        <v>426</v>
      </c>
      <c r="D53" s="18">
        <v>854</v>
      </c>
    </row>
    <row r="54" spans="1:4" ht="18" customHeight="1" x14ac:dyDescent="0.15">
      <c r="A54" s="5">
        <v>40</v>
      </c>
      <c r="B54" s="22">
        <v>89</v>
      </c>
      <c r="C54" s="14">
        <v>76</v>
      </c>
      <c r="D54" s="18">
        <v>165</v>
      </c>
    </row>
    <row r="55" spans="1:4" ht="18" customHeight="1" x14ac:dyDescent="0.15">
      <c r="A55" s="5">
        <v>41</v>
      </c>
      <c r="B55" s="22">
        <v>93</v>
      </c>
      <c r="C55" s="14">
        <v>113</v>
      </c>
      <c r="D55" s="18">
        <v>206</v>
      </c>
    </row>
    <row r="56" spans="1:4" ht="18" customHeight="1" x14ac:dyDescent="0.15">
      <c r="A56" s="5">
        <v>42</v>
      </c>
      <c r="B56" s="22">
        <v>90</v>
      </c>
      <c r="C56" s="14">
        <v>87</v>
      </c>
      <c r="D56" s="18">
        <v>177</v>
      </c>
    </row>
    <row r="57" spans="1:4" ht="18" customHeight="1" x14ac:dyDescent="0.15">
      <c r="A57" s="5">
        <v>43</v>
      </c>
      <c r="B57" s="22">
        <v>104</v>
      </c>
      <c r="C57" s="14">
        <v>103</v>
      </c>
      <c r="D57" s="18">
        <v>207</v>
      </c>
    </row>
    <row r="58" spans="1:4" ht="18" customHeight="1" x14ac:dyDescent="0.15">
      <c r="A58" s="5">
        <v>44</v>
      </c>
      <c r="B58" s="22">
        <v>106</v>
      </c>
      <c r="C58" s="14">
        <v>109</v>
      </c>
      <c r="D58" s="18">
        <v>215</v>
      </c>
    </row>
    <row r="59" spans="1:4" ht="18" customHeight="1" x14ac:dyDescent="0.15">
      <c r="A59" s="5" t="s">
        <v>21</v>
      </c>
      <c r="B59" s="22">
        <v>482</v>
      </c>
      <c r="C59" s="14">
        <v>488</v>
      </c>
      <c r="D59" s="18">
        <v>970</v>
      </c>
    </row>
    <row r="60" spans="1:4" ht="18" customHeight="1" x14ac:dyDescent="0.15">
      <c r="A60" s="5">
        <v>45</v>
      </c>
      <c r="B60" s="22">
        <v>105</v>
      </c>
      <c r="C60" s="14">
        <v>110</v>
      </c>
      <c r="D60" s="18">
        <v>215</v>
      </c>
    </row>
    <row r="61" spans="1:4" ht="18" customHeight="1" x14ac:dyDescent="0.15">
      <c r="A61" s="5">
        <v>46</v>
      </c>
      <c r="B61" s="22">
        <v>103</v>
      </c>
      <c r="C61" s="14">
        <v>113</v>
      </c>
      <c r="D61" s="18">
        <v>216</v>
      </c>
    </row>
    <row r="62" spans="1:4" ht="18" customHeight="1" x14ac:dyDescent="0.15">
      <c r="A62" s="5">
        <v>47</v>
      </c>
      <c r="B62" s="22">
        <v>114</v>
      </c>
      <c r="C62" s="14">
        <v>118</v>
      </c>
      <c r="D62" s="18">
        <v>232</v>
      </c>
    </row>
    <row r="63" spans="1:4" ht="18" customHeight="1" x14ac:dyDescent="0.15">
      <c r="A63" s="5">
        <v>48</v>
      </c>
      <c r="B63" s="22">
        <v>141</v>
      </c>
      <c r="C63" s="14">
        <v>111</v>
      </c>
      <c r="D63" s="18">
        <v>252</v>
      </c>
    </row>
    <row r="64" spans="1:4" ht="18" customHeight="1" x14ac:dyDescent="0.15">
      <c r="A64" s="5">
        <v>49</v>
      </c>
      <c r="B64" s="22">
        <v>116</v>
      </c>
      <c r="C64" s="14">
        <v>126</v>
      </c>
      <c r="D64" s="18">
        <v>242</v>
      </c>
    </row>
    <row r="65" spans="1:4" ht="18" customHeight="1" x14ac:dyDescent="0.15">
      <c r="A65" s="5" t="s">
        <v>17</v>
      </c>
      <c r="B65" s="22">
        <v>579</v>
      </c>
      <c r="C65" s="14">
        <v>578</v>
      </c>
      <c r="D65" s="18">
        <v>1157</v>
      </c>
    </row>
    <row r="66" spans="1:4" ht="18" customHeight="1" x14ac:dyDescent="0.15">
      <c r="A66" s="5">
        <v>50</v>
      </c>
      <c r="B66" s="22">
        <v>134</v>
      </c>
      <c r="C66" s="14">
        <v>119</v>
      </c>
      <c r="D66" s="18">
        <v>253</v>
      </c>
    </row>
    <row r="67" spans="1:4" ht="18" customHeight="1" x14ac:dyDescent="0.15">
      <c r="A67" s="5">
        <v>51</v>
      </c>
      <c r="B67" s="22">
        <v>169</v>
      </c>
      <c r="C67" s="14">
        <v>145</v>
      </c>
      <c r="D67" s="18">
        <v>314</v>
      </c>
    </row>
    <row r="68" spans="1:4" ht="18" customHeight="1" x14ac:dyDescent="0.15">
      <c r="A68" s="5">
        <v>52</v>
      </c>
      <c r="B68" s="22">
        <v>123</v>
      </c>
      <c r="C68" s="14">
        <v>138</v>
      </c>
      <c r="D68" s="18">
        <v>261</v>
      </c>
    </row>
    <row r="69" spans="1:4" ht="18" customHeight="1" x14ac:dyDescent="0.15">
      <c r="A69" s="5">
        <v>53</v>
      </c>
      <c r="B69" s="22">
        <v>126</v>
      </c>
      <c r="C69" s="14">
        <v>111</v>
      </c>
      <c r="D69" s="18">
        <v>237</v>
      </c>
    </row>
    <row r="70" spans="1:4" ht="18" customHeight="1" x14ac:dyDescent="0.15">
      <c r="A70" s="5">
        <v>54</v>
      </c>
      <c r="B70" s="22">
        <v>130</v>
      </c>
      <c r="C70" s="14">
        <v>137</v>
      </c>
      <c r="D70" s="18">
        <v>267</v>
      </c>
    </row>
    <row r="71" spans="1:4" ht="18" customHeight="1" x14ac:dyDescent="0.15">
      <c r="A71" s="5" t="s">
        <v>22</v>
      </c>
      <c r="B71" s="22">
        <v>682</v>
      </c>
      <c r="C71" s="14">
        <v>650</v>
      </c>
      <c r="D71" s="18">
        <v>1332</v>
      </c>
    </row>
    <row r="72" spans="1:4" ht="18" customHeight="1" x14ac:dyDescent="0.15">
      <c r="A72" s="5">
        <v>55</v>
      </c>
      <c r="B72" s="22">
        <v>129</v>
      </c>
      <c r="C72" s="14">
        <v>120</v>
      </c>
      <c r="D72" s="18">
        <v>249</v>
      </c>
    </row>
    <row r="73" spans="1:4" ht="18" customHeight="1" x14ac:dyDescent="0.15">
      <c r="A73" s="5">
        <v>56</v>
      </c>
      <c r="B73" s="22">
        <v>92</v>
      </c>
      <c r="C73" s="14">
        <v>107</v>
      </c>
      <c r="D73" s="18">
        <v>199</v>
      </c>
    </row>
    <row r="74" spans="1:4" ht="18" customHeight="1" x14ac:dyDescent="0.15">
      <c r="A74" s="5">
        <v>57</v>
      </c>
      <c r="B74" s="22">
        <v>102</v>
      </c>
      <c r="C74" s="14">
        <v>99</v>
      </c>
      <c r="D74" s="18">
        <v>201</v>
      </c>
    </row>
    <row r="75" spans="1:4" ht="18" customHeight="1" x14ac:dyDescent="0.15">
      <c r="A75" s="5">
        <v>58</v>
      </c>
      <c r="B75" s="22">
        <v>118</v>
      </c>
      <c r="C75" s="14">
        <v>109</v>
      </c>
      <c r="D75" s="18">
        <v>227</v>
      </c>
    </row>
    <row r="76" spans="1:4" ht="18" customHeight="1" x14ac:dyDescent="0.15">
      <c r="A76" s="5">
        <v>59</v>
      </c>
      <c r="B76" s="22">
        <v>103</v>
      </c>
      <c r="C76" s="14">
        <v>94</v>
      </c>
      <c r="D76" s="18">
        <v>197</v>
      </c>
    </row>
    <row r="77" spans="1:4" ht="18" customHeight="1" x14ac:dyDescent="0.15">
      <c r="A77" s="5" t="s">
        <v>27</v>
      </c>
      <c r="B77" s="22">
        <v>544</v>
      </c>
      <c r="C77" s="14">
        <v>529</v>
      </c>
      <c r="D77" s="18">
        <v>1073</v>
      </c>
    </row>
    <row r="78" spans="1:4" ht="18" customHeight="1" x14ac:dyDescent="0.15">
      <c r="A78" s="5">
        <v>60</v>
      </c>
      <c r="B78" s="22">
        <v>82</v>
      </c>
      <c r="C78" s="14">
        <v>98</v>
      </c>
      <c r="D78" s="18">
        <v>180</v>
      </c>
    </row>
    <row r="79" spans="1:4" ht="18" customHeight="1" x14ac:dyDescent="0.15">
      <c r="A79" s="5">
        <v>61</v>
      </c>
      <c r="B79" s="22">
        <v>94</v>
      </c>
      <c r="C79" s="14">
        <v>99</v>
      </c>
      <c r="D79" s="18">
        <v>193</v>
      </c>
    </row>
    <row r="80" spans="1:4" ht="18" customHeight="1" x14ac:dyDescent="0.15">
      <c r="A80" s="5">
        <v>62</v>
      </c>
      <c r="B80" s="22">
        <v>86</v>
      </c>
      <c r="C80" s="14">
        <v>99</v>
      </c>
      <c r="D80" s="18">
        <v>185</v>
      </c>
    </row>
    <row r="81" spans="1:4" ht="18" customHeight="1" x14ac:dyDescent="0.15">
      <c r="A81" s="5">
        <v>63</v>
      </c>
      <c r="B81" s="22">
        <v>81</v>
      </c>
      <c r="C81" s="14">
        <v>76</v>
      </c>
      <c r="D81" s="18">
        <v>157</v>
      </c>
    </row>
    <row r="82" spans="1:4" ht="18" customHeight="1" x14ac:dyDescent="0.15">
      <c r="A82" s="5">
        <v>64</v>
      </c>
      <c r="B82" s="22">
        <v>75</v>
      </c>
      <c r="C82" s="14">
        <v>81</v>
      </c>
      <c r="D82" s="18">
        <v>156</v>
      </c>
    </row>
    <row r="83" spans="1:4" ht="18" customHeight="1" x14ac:dyDescent="0.15">
      <c r="A83" s="5" t="s">
        <v>28</v>
      </c>
      <c r="B83" s="22">
        <v>418</v>
      </c>
      <c r="C83" s="14">
        <v>453</v>
      </c>
      <c r="D83" s="18">
        <v>871</v>
      </c>
    </row>
    <row r="84" spans="1:4" ht="18" customHeight="1" x14ac:dyDescent="0.15">
      <c r="A84" s="5" t="s">
        <v>31</v>
      </c>
      <c r="B84" s="22">
        <v>4653</v>
      </c>
      <c r="C84" s="14">
        <v>4610</v>
      </c>
      <c r="D84" s="18">
        <v>9263</v>
      </c>
    </row>
    <row r="85" spans="1:4" ht="18" customHeight="1" x14ac:dyDescent="0.15">
      <c r="A85" s="5">
        <v>65</v>
      </c>
      <c r="B85" s="22">
        <v>72</v>
      </c>
      <c r="C85" s="14">
        <v>92</v>
      </c>
      <c r="D85" s="18">
        <v>164</v>
      </c>
    </row>
    <row r="86" spans="1:4" ht="18" customHeight="1" x14ac:dyDescent="0.15">
      <c r="A86" s="5">
        <v>66</v>
      </c>
      <c r="B86" s="22">
        <v>64</v>
      </c>
      <c r="C86" s="14">
        <v>81</v>
      </c>
      <c r="D86" s="18">
        <v>145</v>
      </c>
    </row>
    <row r="87" spans="1:4" ht="18" customHeight="1" x14ac:dyDescent="0.15">
      <c r="A87" s="5">
        <v>67</v>
      </c>
      <c r="B87" s="22">
        <v>86</v>
      </c>
      <c r="C87" s="14">
        <v>88</v>
      </c>
      <c r="D87" s="18">
        <v>174</v>
      </c>
    </row>
    <row r="88" spans="1:4" ht="18" customHeight="1" x14ac:dyDescent="0.15">
      <c r="A88" s="5">
        <v>68</v>
      </c>
      <c r="B88" s="22">
        <v>65</v>
      </c>
      <c r="C88" s="14">
        <v>66</v>
      </c>
      <c r="D88" s="18">
        <v>131</v>
      </c>
    </row>
    <row r="89" spans="1:4" ht="18" customHeight="1" x14ac:dyDescent="0.15">
      <c r="A89" s="5">
        <v>69</v>
      </c>
      <c r="B89" s="22">
        <v>66</v>
      </c>
      <c r="C89" s="14">
        <v>66</v>
      </c>
      <c r="D89" s="18">
        <v>132</v>
      </c>
    </row>
    <row r="90" spans="1:4" ht="18" customHeight="1" x14ac:dyDescent="0.15">
      <c r="A90" s="5" t="s">
        <v>20</v>
      </c>
      <c r="B90" s="22">
        <v>353</v>
      </c>
      <c r="C90" s="14">
        <v>393</v>
      </c>
      <c r="D90" s="18">
        <v>746</v>
      </c>
    </row>
    <row r="91" spans="1:4" ht="18" customHeight="1" x14ac:dyDescent="0.15">
      <c r="A91" s="5">
        <v>70</v>
      </c>
      <c r="B91" s="22">
        <v>78</v>
      </c>
      <c r="C91" s="14">
        <v>76</v>
      </c>
      <c r="D91" s="18">
        <v>154</v>
      </c>
    </row>
    <row r="92" spans="1:4" ht="18" customHeight="1" x14ac:dyDescent="0.15">
      <c r="A92" s="5">
        <v>71</v>
      </c>
      <c r="B92" s="22">
        <v>67</v>
      </c>
      <c r="C92" s="14">
        <v>84</v>
      </c>
      <c r="D92" s="18">
        <v>151</v>
      </c>
    </row>
    <row r="93" spans="1:4" ht="18" customHeight="1" x14ac:dyDescent="0.15">
      <c r="A93" s="5">
        <v>72</v>
      </c>
      <c r="B93" s="22">
        <v>92</v>
      </c>
      <c r="C93" s="14">
        <v>84</v>
      </c>
      <c r="D93" s="18">
        <v>176</v>
      </c>
    </row>
    <row r="94" spans="1:4" ht="18" customHeight="1" x14ac:dyDescent="0.15">
      <c r="A94" s="5">
        <v>73</v>
      </c>
      <c r="B94" s="22">
        <v>74</v>
      </c>
      <c r="C94" s="14">
        <v>84</v>
      </c>
      <c r="D94" s="18">
        <v>158</v>
      </c>
    </row>
    <row r="95" spans="1:4" ht="18" customHeight="1" x14ac:dyDescent="0.15">
      <c r="A95" s="5">
        <v>74</v>
      </c>
      <c r="B95" s="22">
        <v>81</v>
      </c>
      <c r="C95" s="14">
        <v>86</v>
      </c>
      <c r="D95" s="18">
        <v>167</v>
      </c>
    </row>
    <row r="96" spans="1:4" ht="18" customHeight="1" x14ac:dyDescent="0.15">
      <c r="A96" s="5" t="s">
        <v>33</v>
      </c>
      <c r="B96" s="22">
        <v>392</v>
      </c>
      <c r="C96" s="14">
        <v>414</v>
      </c>
      <c r="D96" s="18">
        <v>806</v>
      </c>
    </row>
    <row r="97" spans="1:4" ht="18" customHeight="1" x14ac:dyDescent="0.15">
      <c r="A97" s="5">
        <v>75</v>
      </c>
      <c r="B97" s="22">
        <v>62</v>
      </c>
      <c r="C97" s="14">
        <v>103</v>
      </c>
      <c r="D97" s="18">
        <v>165</v>
      </c>
    </row>
    <row r="98" spans="1:4" ht="18" customHeight="1" x14ac:dyDescent="0.15">
      <c r="A98" s="5">
        <v>76</v>
      </c>
      <c r="B98" s="22">
        <v>78</v>
      </c>
      <c r="C98" s="14">
        <v>108</v>
      </c>
      <c r="D98" s="18">
        <v>186</v>
      </c>
    </row>
    <row r="99" spans="1:4" ht="18" customHeight="1" x14ac:dyDescent="0.15">
      <c r="A99" s="5">
        <v>77</v>
      </c>
      <c r="B99" s="22">
        <v>92</v>
      </c>
      <c r="C99" s="14">
        <v>117</v>
      </c>
      <c r="D99" s="18">
        <v>209</v>
      </c>
    </row>
    <row r="100" spans="1:4" ht="18" customHeight="1" x14ac:dyDescent="0.15">
      <c r="A100" s="5">
        <v>78</v>
      </c>
      <c r="B100" s="22">
        <v>82</v>
      </c>
      <c r="C100" s="14">
        <v>101</v>
      </c>
      <c r="D100" s="18">
        <v>183</v>
      </c>
    </row>
    <row r="101" spans="1:4" ht="18" customHeight="1" x14ac:dyDescent="0.15">
      <c r="A101" s="5">
        <v>79</v>
      </c>
      <c r="B101" s="22">
        <v>92</v>
      </c>
      <c r="C101" s="14">
        <v>103</v>
      </c>
      <c r="D101" s="18">
        <v>195</v>
      </c>
    </row>
    <row r="102" spans="1:4" ht="18" customHeight="1" x14ac:dyDescent="0.15">
      <c r="A102" s="5" t="s">
        <v>0</v>
      </c>
      <c r="B102" s="22">
        <v>406</v>
      </c>
      <c r="C102" s="14">
        <v>532</v>
      </c>
      <c r="D102" s="18">
        <v>938</v>
      </c>
    </row>
    <row r="103" spans="1:4" ht="18" customHeight="1" x14ac:dyDescent="0.15">
      <c r="A103" s="5">
        <v>80</v>
      </c>
      <c r="B103" s="22">
        <v>45</v>
      </c>
      <c r="C103" s="14">
        <v>56</v>
      </c>
      <c r="D103" s="18">
        <v>101</v>
      </c>
    </row>
    <row r="104" spans="1:4" ht="18" customHeight="1" x14ac:dyDescent="0.15">
      <c r="A104" s="5">
        <v>81</v>
      </c>
      <c r="B104" s="22">
        <v>58</v>
      </c>
      <c r="C104" s="14">
        <v>78</v>
      </c>
      <c r="D104" s="18">
        <v>136</v>
      </c>
    </row>
    <row r="105" spans="1:4" ht="18" customHeight="1" x14ac:dyDescent="0.15">
      <c r="A105" s="5">
        <v>82</v>
      </c>
      <c r="B105" s="22">
        <v>55</v>
      </c>
      <c r="C105" s="14">
        <v>91</v>
      </c>
      <c r="D105" s="18">
        <v>146</v>
      </c>
    </row>
    <row r="106" spans="1:4" ht="18" customHeight="1" x14ac:dyDescent="0.15">
      <c r="A106" s="5">
        <v>83</v>
      </c>
      <c r="B106" s="22">
        <v>49</v>
      </c>
      <c r="C106" s="14">
        <v>75</v>
      </c>
      <c r="D106" s="18">
        <v>124</v>
      </c>
    </row>
    <row r="107" spans="1:4" ht="18" customHeight="1" x14ac:dyDescent="0.15">
      <c r="A107" s="5">
        <v>84</v>
      </c>
      <c r="B107" s="22">
        <v>56</v>
      </c>
      <c r="C107" s="14">
        <v>87</v>
      </c>
      <c r="D107" s="18">
        <v>143</v>
      </c>
    </row>
    <row r="108" spans="1:4" ht="18" customHeight="1" x14ac:dyDescent="0.15">
      <c r="A108" s="5" t="s">
        <v>35</v>
      </c>
      <c r="B108" s="22">
        <v>263</v>
      </c>
      <c r="C108" s="14">
        <v>387</v>
      </c>
      <c r="D108" s="18">
        <v>650</v>
      </c>
    </row>
    <row r="109" spans="1:4" ht="18" customHeight="1" x14ac:dyDescent="0.15">
      <c r="A109" s="5">
        <v>85</v>
      </c>
      <c r="B109" s="22">
        <v>49</v>
      </c>
      <c r="C109" s="14">
        <v>77</v>
      </c>
      <c r="D109" s="18">
        <v>126</v>
      </c>
    </row>
    <row r="110" spans="1:4" ht="18" customHeight="1" x14ac:dyDescent="0.15">
      <c r="A110" s="5">
        <v>86</v>
      </c>
      <c r="B110" s="22">
        <v>42</v>
      </c>
      <c r="C110" s="14">
        <v>48</v>
      </c>
      <c r="D110" s="18">
        <v>90</v>
      </c>
    </row>
    <row r="111" spans="1:4" ht="18" customHeight="1" x14ac:dyDescent="0.15">
      <c r="A111" s="5">
        <v>87</v>
      </c>
      <c r="B111" s="22">
        <v>23</v>
      </c>
      <c r="C111" s="14">
        <v>42</v>
      </c>
      <c r="D111" s="18">
        <v>65</v>
      </c>
    </row>
    <row r="112" spans="1:4" ht="18" customHeight="1" x14ac:dyDescent="0.15">
      <c r="A112" s="5">
        <v>88</v>
      </c>
      <c r="B112" s="22">
        <v>28</v>
      </c>
      <c r="C112" s="14">
        <v>40</v>
      </c>
      <c r="D112" s="18">
        <v>68</v>
      </c>
    </row>
    <row r="113" spans="1:4" ht="18" customHeight="1" x14ac:dyDescent="0.15">
      <c r="A113" s="5">
        <v>89</v>
      </c>
      <c r="B113" s="22">
        <v>22</v>
      </c>
      <c r="C113" s="14">
        <v>53</v>
      </c>
      <c r="D113" s="18">
        <v>75</v>
      </c>
    </row>
    <row r="114" spans="1:4" ht="18" customHeight="1" x14ac:dyDescent="0.15">
      <c r="A114" s="5" t="s">
        <v>37</v>
      </c>
      <c r="B114" s="22">
        <v>164</v>
      </c>
      <c r="C114" s="14">
        <v>260</v>
      </c>
      <c r="D114" s="18">
        <v>424</v>
      </c>
    </row>
    <row r="115" spans="1:4" ht="18" customHeight="1" x14ac:dyDescent="0.15">
      <c r="A115" s="5">
        <v>90</v>
      </c>
      <c r="B115" s="22">
        <v>27</v>
      </c>
      <c r="C115" s="14">
        <v>43</v>
      </c>
      <c r="D115" s="18">
        <v>70</v>
      </c>
    </row>
    <row r="116" spans="1:4" ht="18" customHeight="1" x14ac:dyDescent="0.15">
      <c r="A116" s="5">
        <v>91</v>
      </c>
      <c r="B116" s="22">
        <v>20</v>
      </c>
      <c r="C116" s="14">
        <v>42</v>
      </c>
      <c r="D116" s="18">
        <v>62</v>
      </c>
    </row>
    <row r="117" spans="1:4" ht="18" customHeight="1" x14ac:dyDescent="0.15">
      <c r="A117" s="5">
        <v>92</v>
      </c>
      <c r="B117" s="22">
        <v>11</v>
      </c>
      <c r="C117" s="14">
        <v>38</v>
      </c>
      <c r="D117" s="18">
        <v>49</v>
      </c>
    </row>
    <row r="118" spans="1:4" ht="18" customHeight="1" x14ac:dyDescent="0.15">
      <c r="A118" s="5">
        <v>93</v>
      </c>
      <c r="B118" s="22">
        <v>12</v>
      </c>
      <c r="C118" s="14">
        <v>41</v>
      </c>
      <c r="D118" s="18">
        <v>53</v>
      </c>
    </row>
    <row r="119" spans="1:4" ht="18" customHeight="1" x14ac:dyDescent="0.15">
      <c r="A119" s="5">
        <v>94</v>
      </c>
      <c r="B119" s="22">
        <v>2</v>
      </c>
      <c r="C119" s="14">
        <v>18</v>
      </c>
      <c r="D119" s="18">
        <v>20</v>
      </c>
    </row>
    <row r="120" spans="1:4" ht="18" customHeight="1" x14ac:dyDescent="0.15">
      <c r="A120" s="5" t="s">
        <v>39</v>
      </c>
      <c r="B120" s="22">
        <v>72</v>
      </c>
      <c r="C120" s="14">
        <v>182</v>
      </c>
      <c r="D120" s="18">
        <v>254</v>
      </c>
    </row>
    <row r="121" spans="1:4" ht="18" customHeight="1" x14ac:dyDescent="0.15">
      <c r="A121" s="5">
        <v>95</v>
      </c>
      <c r="B121" s="22">
        <v>5</v>
      </c>
      <c r="C121" s="14">
        <v>22</v>
      </c>
      <c r="D121" s="18">
        <v>27</v>
      </c>
    </row>
    <row r="122" spans="1:4" ht="18" customHeight="1" x14ac:dyDescent="0.15">
      <c r="A122" s="5">
        <v>96</v>
      </c>
      <c r="B122" s="22">
        <v>6</v>
      </c>
      <c r="C122" s="14">
        <v>11</v>
      </c>
      <c r="D122" s="18">
        <v>17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2</v>
      </c>
      <c r="C125" s="14">
        <v>3</v>
      </c>
      <c r="D125" s="18">
        <v>5</v>
      </c>
    </row>
    <row r="126" spans="1:4" ht="18" customHeight="1" x14ac:dyDescent="0.15">
      <c r="A126" s="5" t="s">
        <v>40</v>
      </c>
      <c r="B126" s="22">
        <v>14</v>
      </c>
      <c r="C126" s="14">
        <v>52</v>
      </c>
      <c r="D126" s="18">
        <v>66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2</v>
      </c>
      <c r="C129" s="14">
        <v>10</v>
      </c>
      <c r="D129" s="18">
        <v>12</v>
      </c>
    </row>
    <row r="130" spans="1:4" ht="18" customHeight="1" x14ac:dyDescent="0.15">
      <c r="A130" s="5" t="s">
        <v>46</v>
      </c>
      <c r="B130" s="22">
        <v>1666</v>
      </c>
      <c r="C130" s="14">
        <v>2230</v>
      </c>
      <c r="D130" s="18">
        <v>3896</v>
      </c>
    </row>
    <row r="131" spans="1:4" ht="18" customHeight="1" x14ac:dyDescent="0.15">
      <c r="A131" s="7" t="s">
        <v>45</v>
      </c>
      <c r="B131" s="23">
        <v>7341</v>
      </c>
      <c r="C131" s="15">
        <v>7775</v>
      </c>
      <c r="D131" s="19">
        <v>151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7</v>
      </c>
      <c r="C5" s="13">
        <v>17</v>
      </c>
      <c r="D5" s="17">
        <v>34</v>
      </c>
    </row>
    <row r="6" spans="1:4" ht="18" customHeight="1" x14ac:dyDescent="0.15">
      <c r="A6" s="5">
        <v>1</v>
      </c>
      <c r="B6" s="22">
        <v>21</v>
      </c>
      <c r="C6" s="14">
        <v>18</v>
      </c>
      <c r="D6" s="18">
        <v>39</v>
      </c>
    </row>
    <row r="7" spans="1:4" ht="18" customHeight="1" x14ac:dyDescent="0.15">
      <c r="A7" s="5">
        <v>2</v>
      </c>
      <c r="B7" s="22">
        <v>24</v>
      </c>
      <c r="C7" s="14">
        <v>22</v>
      </c>
      <c r="D7" s="18">
        <v>46</v>
      </c>
    </row>
    <row r="8" spans="1:4" ht="18" customHeight="1" x14ac:dyDescent="0.15">
      <c r="A8" s="5">
        <v>3</v>
      </c>
      <c r="B8" s="22">
        <v>21</v>
      </c>
      <c r="C8" s="14">
        <v>23</v>
      </c>
      <c r="D8" s="18">
        <v>44</v>
      </c>
    </row>
    <row r="9" spans="1:4" ht="18" customHeight="1" x14ac:dyDescent="0.15">
      <c r="A9" s="5">
        <v>4</v>
      </c>
      <c r="B9" s="22">
        <v>26</v>
      </c>
      <c r="C9" s="14">
        <v>16</v>
      </c>
      <c r="D9" s="18">
        <v>42</v>
      </c>
    </row>
    <row r="10" spans="1:4" ht="18" customHeight="1" x14ac:dyDescent="0.15">
      <c r="A10" s="5" t="s">
        <v>7</v>
      </c>
      <c r="B10" s="22">
        <v>109</v>
      </c>
      <c r="C10" s="14">
        <v>96</v>
      </c>
      <c r="D10" s="18">
        <v>205</v>
      </c>
    </row>
    <row r="11" spans="1:4" ht="18" customHeight="1" x14ac:dyDescent="0.15">
      <c r="A11" s="5">
        <v>5</v>
      </c>
      <c r="B11" s="22">
        <v>20</v>
      </c>
      <c r="C11" s="14">
        <v>20</v>
      </c>
      <c r="D11" s="18">
        <v>40</v>
      </c>
    </row>
    <row r="12" spans="1:4" ht="18" customHeight="1" x14ac:dyDescent="0.15">
      <c r="A12" s="5">
        <v>6</v>
      </c>
      <c r="B12" s="22">
        <v>32</v>
      </c>
      <c r="C12" s="14">
        <v>24</v>
      </c>
      <c r="D12" s="18">
        <v>56</v>
      </c>
    </row>
    <row r="13" spans="1:4" ht="18" customHeight="1" x14ac:dyDescent="0.15">
      <c r="A13" s="5">
        <v>7</v>
      </c>
      <c r="B13" s="22">
        <v>22</v>
      </c>
      <c r="C13" s="14">
        <v>29</v>
      </c>
      <c r="D13" s="18">
        <v>51</v>
      </c>
    </row>
    <row r="14" spans="1:4" ht="18" customHeight="1" x14ac:dyDescent="0.15">
      <c r="A14" s="5">
        <v>8</v>
      </c>
      <c r="B14" s="22">
        <v>24</v>
      </c>
      <c r="C14" s="14">
        <v>27</v>
      </c>
      <c r="D14" s="18">
        <v>51</v>
      </c>
    </row>
    <row r="15" spans="1:4" ht="18" customHeight="1" x14ac:dyDescent="0.15">
      <c r="A15" s="5">
        <v>9</v>
      </c>
      <c r="B15" s="22">
        <v>22</v>
      </c>
      <c r="C15" s="14">
        <v>34</v>
      </c>
      <c r="D15" s="18">
        <v>56</v>
      </c>
    </row>
    <row r="16" spans="1:4" ht="18" customHeight="1" x14ac:dyDescent="0.15">
      <c r="A16" s="5" t="s">
        <v>11</v>
      </c>
      <c r="B16" s="22">
        <v>120</v>
      </c>
      <c r="C16" s="14">
        <v>134</v>
      </c>
      <c r="D16" s="18">
        <v>254</v>
      </c>
    </row>
    <row r="17" spans="1:4" ht="18" customHeight="1" x14ac:dyDescent="0.15">
      <c r="A17" s="5">
        <v>10</v>
      </c>
      <c r="B17" s="22">
        <v>28</v>
      </c>
      <c r="C17" s="14">
        <v>24</v>
      </c>
      <c r="D17" s="18">
        <v>52</v>
      </c>
    </row>
    <row r="18" spans="1:4" ht="18" customHeight="1" x14ac:dyDescent="0.15">
      <c r="A18" s="5">
        <v>11</v>
      </c>
      <c r="B18" s="22">
        <v>34</v>
      </c>
      <c r="C18" s="14">
        <v>39</v>
      </c>
      <c r="D18" s="18">
        <v>73</v>
      </c>
    </row>
    <row r="19" spans="1:4" ht="18" customHeight="1" x14ac:dyDescent="0.15">
      <c r="A19" s="5">
        <v>12</v>
      </c>
      <c r="B19" s="22">
        <v>24</v>
      </c>
      <c r="C19" s="14">
        <v>28</v>
      </c>
      <c r="D19" s="18">
        <v>52</v>
      </c>
    </row>
    <row r="20" spans="1:4" ht="18" customHeight="1" x14ac:dyDescent="0.15">
      <c r="A20" s="5">
        <v>13</v>
      </c>
      <c r="B20" s="22">
        <v>30</v>
      </c>
      <c r="C20" s="14">
        <v>33</v>
      </c>
      <c r="D20" s="18">
        <v>63</v>
      </c>
    </row>
    <row r="21" spans="1:4" ht="18" customHeight="1" x14ac:dyDescent="0.15">
      <c r="A21" s="5">
        <v>14</v>
      </c>
      <c r="B21" s="22">
        <v>20</v>
      </c>
      <c r="C21" s="14">
        <v>30</v>
      </c>
      <c r="D21" s="18">
        <v>50</v>
      </c>
    </row>
    <row r="22" spans="1:4" ht="18" customHeight="1" x14ac:dyDescent="0.15">
      <c r="A22" s="5" t="s">
        <v>12</v>
      </c>
      <c r="B22" s="22">
        <v>136</v>
      </c>
      <c r="C22" s="14">
        <v>154</v>
      </c>
      <c r="D22" s="18">
        <v>290</v>
      </c>
    </row>
    <row r="23" spans="1:4" ht="18" customHeight="1" x14ac:dyDescent="0.15">
      <c r="A23" s="5" t="s">
        <v>6</v>
      </c>
      <c r="B23" s="22">
        <v>365</v>
      </c>
      <c r="C23" s="14">
        <v>384</v>
      </c>
      <c r="D23" s="18">
        <v>749</v>
      </c>
    </row>
    <row r="24" spans="1:4" ht="18" customHeight="1" x14ac:dyDescent="0.15">
      <c r="A24" s="5">
        <v>15</v>
      </c>
      <c r="B24" s="22">
        <v>28</v>
      </c>
      <c r="C24" s="14">
        <v>31</v>
      </c>
      <c r="D24" s="18">
        <v>59</v>
      </c>
    </row>
    <row r="25" spans="1:4" ht="18" customHeight="1" x14ac:dyDescent="0.15">
      <c r="A25" s="5">
        <v>16</v>
      </c>
      <c r="B25" s="22">
        <v>28</v>
      </c>
      <c r="C25" s="14">
        <v>33</v>
      </c>
      <c r="D25" s="18">
        <v>61</v>
      </c>
    </row>
    <row r="26" spans="1:4" ht="18" customHeight="1" x14ac:dyDescent="0.15">
      <c r="A26" s="5">
        <v>17</v>
      </c>
      <c r="B26" s="22">
        <v>26</v>
      </c>
      <c r="C26" s="14">
        <v>25</v>
      </c>
      <c r="D26" s="18">
        <v>51</v>
      </c>
    </row>
    <row r="27" spans="1:4" ht="18" customHeight="1" x14ac:dyDescent="0.15">
      <c r="A27" s="5">
        <v>18</v>
      </c>
      <c r="B27" s="22">
        <v>30</v>
      </c>
      <c r="C27" s="14">
        <v>21</v>
      </c>
      <c r="D27" s="18">
        <v>51</v>
      </c>
    </row>
    <row r="28" spans="1:4" ht="18" customHeight="1" x14ac:dyDescent="0.15">
      <c r="A28" s="5">
        <v>19</v>
      </c>
      <c r="B28" s="22">
        <v>23</v>
      </c>
      <c r="C28" s="14">
        <v>30</v>
      </c>
      <c r="D28" s="18">
        <v>53</v>
      </c>
    </row>
    <row r="29" spans="1:4" ht="18" customHeight="1" x14ac:dyDescent="0.15">
      <c r="A29" s="5" t="s">
        <v>14</v>
      </c>
      <c r="B29" s="22">
        <v>135</v>
      </c>
      <c r="C29" s="14">
        <v>140</v>
      </c>
      <c r="D29" s="18">
        <v>275</v>
      </c>
    </row>
    <row r="30" spans="1:4" ht="18" customHeight="1" x14ac:dyDescent="0.15">
      <c r="A30" s="5">
        <v>20</v>
      </c>
      <c r="B30" s="22">
        <v>37</v>
      </c>
      <c r="C30" s="14">
        <v>33</v>
      </c>
      <c r="D30" s="18">
        <v>70</v>
      </c>
    </row>
    <row r="31" spans="1:4" ht="18" customHeight="1" x14ac:dyDescent="0.15">
      <c r="A31" s="5">
        <v>21</v>
      </c>
      <c r="B31" s="22">
        <v>18</v>
      </c>
      <c r="C31" s="14">
        <v>34</v>
      </c>
      <c r="D31" s="18">
        <v>52</v>
      </c>
    </row>
    <row r="32" spans="1:4" ht="18" customHeight="1" x14ac:dyDescent="0.15">
      <c r="A32" s="5">
        <v>22</v>
      </c>
      <c r="B32" s="22">
        <v>35</v>
      </c>
      <c r="C32" s="14">
        <v>50</v>
      </c>
      <c r="D32" s="18">
        <v>85</v>
      </c>
    </row>
    <row r="33" spans="1:4" ht="18" customHeight="1" x14ac:dyDescent="0.15">
      <c r="A33" s="5">
        <v>23</v>
      </c>
      <c r="B33" s="22">
        <v>49</v>
      </c>
      <c r="C33" s="14">
        <v>38</v>
      </c>
      <c r="D33" s="18">
        <v>87</v>
      </c>
    </row>
    <row r="34" spans="1:4" ht="18" customHeight="1" x14ac:dyDescent="0.15">
      <c r="A34" s="5">
        <v>24</v>
      </c>
      <c r="B34" s="22">
        <v>64</v>
      </c>
      <c r="C34" s="14">
        <v>44</v>
      </c>
      <c r="D34" s="18">
        <v>108</v>
      </c>
    </row>
    <row r="35" spans="1:4" ht="18" customHeight="1" x14ac:dyDescent="0.15">
      <c r="A35" s="5" t="s">
        <v>9</v>
      </c>
      <c r="B35" s="22">
        <v>203</v>
      </c>
      <c r="C35" s="14">
        <v>199</v>
      </c>
      <c r="D35" s="18">
        <v>402</v>
      </c>
    </row>
    <row r="36" spans="1:4" ht="18" customHeight="1" x14ac:dyDescent="0.15">
      <c r="A36" s="5">
        <v>25</v>
      </c>
      <c r="B36" s="22">
        <v>53</v>
      </c>
      <c r="C36" s="14">
        <v>49</v>
      </c>
      <c r="D36" s="18">
        <v>102</v>
      </c>
    </row>
    <row r="37" spans="1:4" ht="18" customHeight="1" x14ac:dyDescent="0.15">
      <c r="A37" s="5">
        <v>26</v>
      </c>
      <c r="B37" s="22">
        <v>65</v>
      </c>
      <c r="C37" s="14">
        <v>33</v>
      </c>
      <c r="D37" s="18">
        <v>98</v>
      </c>
    </row>
    <row r="38" spans="1:4" ht="18" customHeight="1" x14ac:dyDescent="0.15">
      <c r="A38" s="5">
        <v>27</v>
      </c>
      <c r="B38" s="22">
        <v>46</v>
      </c>
      <c r="C38" s="14">
        <v>27</v>
      </c>
      <c r="D38" s="18">
        <v>73</v>
      </c>
    </row>
    <row r="39" spans="1:4" ht="18" customHeight="1" x14ac:dyDescent="0.15">
      <c r="A39" s="5">
        <v>28</v>
      </c>
      <c r="B39" s="22">
        <v>68</v>
      </c>
      <c r="C39" s="14">
        <v>40</v>
      </c>
      <c r="D39" s="18">
        <v>108</v>
      </c>
    </row>
    <row r="40" spans="1:4" ht="18" customHeight="1" x14ac:dyDescent="0.15">
      <c r="A40" s="5">
        <v>29</v>
      </c>
      <c r="B40" s="22">
        <v>49</v>
      </c>
      <c r="C40" s="14">
        <v>38</v>
      </c>
      <c r="D40" s="18">
        <v>87</v>
      </c>
    </row>
    <row r="41" spans="1:4" ht="18" customHeight="1" x14ac:dyDescent="0.15">
      <c r="A41" s="5" t="s">
        <v>2</v>
      </c>
      <c r="B41" s="22">
        <v>281</v>
      </c>
      <c r="C41" s="14">
        <v>187</v>
      </c>
      <c r="D41" s="18">
        <v>468</v>
      </c>
    </row>
    <row r="42" spans="1:4" ht="18" customHeight="1" x14ac:dyDescent="0.15">
      <c r="A42" s="5">
        <v>30</v>
      </c>
      <c r="B42" s="22">
        <v>51</v>
      </c>
      <c r="C42" s="14">
        <v>36</v>
      </c>
      <c r="D42" s="18">
        <v>87</v>
      </c>
    </row>
    <row r="43" spans="1:4" ht="18" customHeight="1" x14ac:dyDescent="0.15">
      <c r="A43" s="5">
        <v>31</v>
      </c>
      <c r="B43" s="22">
        <v>43</v>
      </c>
      <c r="C43" s="14">
        <v>29</v>
      </c>
      <c r="D43" s="18">
        <v>72</v>
      </c>
    </row>
    <row r="44" spans="1:4" ht="18" customHeight="1" x14ac:dyDescent="0.15">
      <c r="A44" s="5">
        <v>32</v>
      </c>
      <c r="B44" s="22">
        <v>42</v>
      </c>
      <c r="C44" s="14">
        <v>35</v>
      </c>
      <c r="D44" s="18">
        <v>77</v>
      </c>
    </row>
    <row r="45" spans="1:4" ht="18" customHeight="1" x14ac:dyDescent="0.15">
      <c r="A45" s="5">
        <v>33</v>
      </c>
      <c r="B45" s="22">
        <v>48</v>
      </c>
      <c r="C45" s="14">
        <v>26</v>
      </c>
      <c r="D45" s="18">
        <v>74</v>
      </c>
    </row>
    <row r="46" spans="1:4" ht="18" customHeight="1" x14ac:dyDescent="0.15">
      <c r="A46" s="5">
        <v>34</v>
      </c>
      <c r="B46" s="22">
        <v>33</v>
      </c>
      <c r="C46" s="14">
        <v>28</v>
      </c>
      <c r="D46" s="18">
        <v>61</v>
      </c>
    </row>
    <row r="47" spans="1:4" ht="18" customHeight="1" x14ac:dyDescent="0.15">
      <c r="A47" s="5" t="s">
        <v>15</v>
      </c>
      <c r="B47" s="22">
        <v>217</v>
      </c>
      <c r="C47" s="14">
        <v>154</v>
      </c>
      <c r="D47" s="18">
        <v>371</v>
      </c>
    </row>
    <row r="48" spans="1:4" ht="18" customHeight="1" x14ac:dyDescent="0.15">
      <c r="A48" s="5">
        <v>35</v>
      </c>
      <c r="B48" s="22">
        <v>32</v>
      </c>
      <c r="C48" s="14">
        <v>30</v>
      </c>
      <c r="D48" s="18">
        <v>62</v>
      </c>
    </row>
    <row r="49" spans="1:4" ht="18" customHeight="1" x14ac:dyDescent="0.15">
      <c r="A49" s="5">
        <v>36</v>
      </c>
      <c r="B49" s="22">
        <v>38</v>
      </c>
      <c r="C49" s="14">
        <v>29</v>
      </c>
      <c r="D49" s="18">
        <v>67</v>
      </c>
    </row>
    <row r="50" spans="1:4" ht="18" customHeight="1" x14ac:dyDescent="0.15">
      <c r="A50" s="5">
        <v>37</v>
      </c>
      <c r="B50" s="22">
        <v>43</v>
      </c>
      <c r="C50" s="14">
        <v>45</v>
      </c>
      <c r="D50" s="18">
        <v>88</v>
      </c>
    </row>
    <row r="51" spans="1:4" ht="18" customHeight="1" x14ac:dyDescent="0.15">
      <c r="A51" s="5">
        <v>38</v>
      </c>
      <c r="B51" s="22">
        <v>40</v>
      </c>
      <c r="C51" s="14">
        <v>31</v>
      </c>
      <c r="D51" s="18">
        <v>71</v>
      </c>
    </row>
    <row r="52" spans="1:4" ht="18" customHeight="1" x14ac:dyDescent="0.15">
      <c r="A52" s="5">
        <v>39</v>
      </c>
      <c r="B52" s="22">
        <v>47</v>
      </c>
      <c r="C52" s="14">
        <v>44</v>
      </c>
      <c r="D52" s="18">
        <v>91</v>
      </c>
    </row>
    <row r="53" spans="1:4" ht="18" customHeight="1" x14ac:dyDescent="0.15">
      <c r="A53" s="5" t="s">
        <v>18</v>
      </c>
      <c r="B53" s="22">
        <v>200</v>
      </c>
      <c r="C53" s="14">
        <v>179</v>
      </c>
      <c r="D53" s="18">
        <v>379</v>
      </c>
    </row>
    <row r="54" spans="1:4" ht="18" customHeight="1" x14ac:dyDescent="0.15">
      <c r="A54" s="5">
        <v>40</v>
      </c>
      <c r="B54" s="22">
        <v>42</v>
      </c>
      <c r="C54" s="14">
        <v>39</v>
      </c>
      <c r="D54" s="18">
        <v>81</v>
      </c>
    </row>
    <row r="55" spans="1:4" ht="18" customHeight="1" x14ac:dyDescent="0.15">
      <c r="A55" s="5">
        <v>41</v>
      </c>
      <c r="B55" s="22">
        <v>42</v>
      </c>
      <c r="C55" s="14">
        <v>52</v>
      </c>
      <c r="D55" s="18">
        <v>94</v>
      </c>
    </row>
    <row r="56" spans="1:4" ht="18" customHeight="1" x14ac:dyDescent="0.15">
      <c r="A56" s="5">
        <v>42</v>
      </c>
      <c r="B56" s="22">
        <v>58</v>
      </c>
      <c r="C56" s="14">
        <v>43</v>
      </c>
      <c r="D56" s="18">
        <v>101</v>
      </c>
    </row>
    <row r="57" spans="1:4" ht="18" customHeight="1" x14ac:dyDescent="0.15">
      <c r="A57" s="5">
        <v>43</v>
      </c>
      <c r="B57" s="22">
        <v>49</v>
      </c>
      <c r="C57" s="14">
        <v>32</v>
      </c>
      <c r="D57" s="18">
        <v>81</v>
      </c>
    </row>
    <row r="58" spans="1:4" ht="18" customHeight="1" x14ac:dyDescent="0.15">
      <c r="A58" s="5">
        <v>44</v>
      </c>
      <c r="B58" s="22">
        <v>41</v>
      </c>
      <c r="C58" s="14">
        <v>51</v>
      </c>
      <c r="D58" s="18">
        <v>92</v>
      </c>
    </row>
    <row r="59" spans="1:4" ht="18" customHeight="1" x14ac:dyDescent="0.15">
      <c r="A59" s="5" t="s">
        <v>21</v>
      </c>
      <c r="B59" s="22">
        <v>232</v>
      </c>
      <c r="C59" s="14">
        <v>217</v>
      </c>
      <c r="D59" s="18">
        <v>449</v>
      </c>
    </row>
    <row r="60" spans="1:4" ht="18" customHeight="1" x14ac:dyDescent="0.15">
      <c r="A60" s="5">
        <v>45</v>
      </c>
      <c r="B60" s="22">
        <v>40</v>
      </c>
      <c r="C60" s="14">
        <v>43</v>
      </c>
      <c r="D60" s="18">
        <v>83</v>
      </c>
    </row>
    <row r="61" spans="1:4" ht="18" customHeight="1" x14ac:dyDescent="0.15">
      <c r="A61" s="5">
        <v>46</v>
      </c>
      <c r="B61" s="22">
        <v>43</v>
      </c>
      <c r="C61" s="14">
        <v>49</v>
      </c>
      <c r="D61" s="18">
        <v>92</v>
      </c>
    </row>
    <row r="62" spans="1:4" ht="18" customHeight="1" x14ac:dyDescent="0.15">
      <c r="A62" s="5">
        <v>47</v>
      </c>
      <c r="B62" s="22">
        <v>37</v>
      </c>
      <c r="C62" s="14">
        <v>55</v>
      </c>
      <c r="D62" s="18">
        <v>92</v>
      </c>
    </row>
    <row r="63" spans="1:4" ht="18" customHeight="1" x14ac:dyDescent="0.15">
      <c r="A63" s="5">
        <v>48</v>
      </c>
      <c r="B63" s="22">
        <v>56</v>
      </c>
      <c r="C63" s="14">
        <v>42</v>
      </c>
      <c r="D63" s="18">
        <v>98</v>
      </c>
    </row>
    <row r="64" spans="1:4" ht="18" customHeight="1" x14ac:dyDescent="0.15">
      <c r="A64" s="5">
        <v>49</v>
      </c>
      <c r="B64" s="22">
        <v>43</v>
      </c>
      <c r="C64" s="14">
        <v>35</v>
      </c>
      <c r="D64" s="18">
        <v>78</v>
      </c>
    </row>
    <row r="65" spans="1:4" ht="18" customHeight="1" x14ac:dyDescent="0.15">
      <c r="A65" s="5" t="s">
        <v>17</v>
      </c>
      <c r="B65" s="22">
        <v>219</v>
      </c>
      <c r="C65" s="14">
        <v>224</v>
      </c>
      <c r="D65" s="18">
        <v>443</v>
      </c>
    </row>
    <row r="66" spans="1:4" ht="18" customHeight="1" x14ac:dyDescent="0.15">
      <c r="A66" s="5">
        <v>50</v>
      </c>
      <c r="B66" s="22">
        <v>49</v>
      </c>
      <c r="C66" s="14">
        <v>45</v>
      </c>
      <c r="D66" s="18">
        <v>94</v>
      </c>
    </row>
    <row r="67" spans="1:4" ht="18" customHeight="1" x14ac:dyDescent="0.15">
      <c r="A67" s="5">
        <v>51</v>
      </c>
      <c r="B67" s="22">
        <v>67</v>
      </c>
      <c r="C67" s="14">
        <v>66</v>
      </c>
      <c r="D67" s="18">
        <v>133</v>
      </c>
    </row>
    <row r="68" spans="1:4" ht="18" customHeight="1" x14ac:dyDescent="0.15">
      <c r="A68" s="5">
        <v>52</v>
      </c>
      <c r="B68" s="22">
        <v>68</v>
      </c>
      <c r="C68" s="14">
        <v>73</v>
      </c>
      <c r="D68" s="18">
        <v>141</v>
      </c>
    </row>
    <row r="69" spans="1:4" ht="18" customHeight="1" x14ac:dyDescent="0.15">
      <c r="A69" s="5">
        <v>53</v>
      </c>
      <c r="B69" s="22">
        <v>83</v>
      </c>
      <c r="C69" s="14">
        <v>59</v>
      </c>
      <c r="D69" s="18">
        <v>142</v>
      </c>
    </row>
    <row r="70" spans="1:4" ht="18" customHeight="1" x14ac:dyDescent="0.15">
      <c r="A70" s="5">
        <v>54</v>
      </c>
      <c r="B70" s="22">
        <v>46</v>
      </c>
      <c r="C70" s="14">
        <v>56</v>
      </c>
      <c r="D70" s="18">
        <v>102</v>
      </c>
    </row>
    <row r="71" spans="1:4" ht="18" customHeight="1" x14ac:dyDescent="0.15">
      <c r="A71" s="5" t="s">
        <v>22</v>
      </c>
      <c r="B71" s="22">
        <v>313</v>
      </c>
      <c r="C71" s="14">
        <v>299</v>
      </c>
      <c r="D71" s="18">
        <v>612</v>
      </c>
    </row>
    <row r="72" spans="1:4" ht="18" customHeight="1" x14ac:dyDescent="0.15">
      <c r="A72" s="5">
        <v>55</v>
      </c>
      <c r="B72" s="22">
        <v>72</v>
      </c>
      <c r="C72" s="14">
        <v>66</v>
      </c>
      <c r="D72" s="18">
        <v>138</v>
      </c>
    </row>
    <row r="73" spans="1:4" ht="18" customHeight="1" x14ac:dyDescent="0.15">
      <c r="A73" s="5">
        <v>56</v>
      </c>
      <c r="B73" s="22">
        <v>54</v>
      </c>
      <c r="C73" s="14">
        <v>53</v>
      </c>
      <c r="D73" s="18">
        <v>107</v>
      </c>
    </row>
    <row r="74" spans="1:4" ht="18" customHeight="1" x14ac:dyDescent="0.15">
      <c r="A74" s="5">
        <v>57</v>
      </c>
      <c r="B74" s="22">
        <v>80</v>
      </c>
      <c r="C74" s="14">
        <v>45</v>
      </c>
      <c r="D74" s="18">
        <v>125</v>
      </c>
    </row>
    <row r="75" spans="1:4" ht="18" customHeight="1" x14ac:dyDescent="0.15">
      <c r="A75" s="5">
        <v>58</v>
      </c>
      <c r="B75" s="22">
        <v>57</v>
      </c>
      <c r="C75" s="14">
        <v>52</v>
      </c>
      <c r="D75" s="18">
        <v>109</v>
      </c>
    </row>
    <row r="76" spans="1:4" ht="18" customHeight="1" x14ac:dyDescent="0.15">
      <c r="A76" s="5">
        <v>59</v>
      </c>
      <c r="B76" s="22">
        <v>53</v>
      </c>
      <c r="C76" s="14">
        <v>45</v>
      </c>
      <c r="D76" s="18">
        <v>98</v>
      </c>
    </row>
    <row r="77" spans="1:4" ht="18" customHeight="1" x14ac:dyDescent="0.15">
      <c r="A77" s="5" t="s">
        <v>27</v>
      </c>
      <c r="B77" s="22">
        <v>316</v>
      </c>
      <c r="C77" s="14">
        <v>261</v>
      </c>
      <c r="D77" s="18">
        <v>577</v>
      </c>
    </row>
    <row r="78" spans="1:4" ht="18" customHeight="1" x14ac:dyDescent="0.15">
      <c r="A78" s="5">
        <v>60</v>
      </c>
      <c r="B78" s="22">
        <v>45</v>
      </c>
      <c r="C78" s="14">
        <v>55</v>
      </c>
      <c r="D78" s="18">
        <v>100</v>
      </c>
    </row>
    <row r="79" spans="1:4" ht="18" customHeight="1" x14ac:dyDescent="0.15">
      <c r="A79" s="5">
        <v>61</v>
      </c>
      <c r="B79" s="22">
        <v>49</v>
      </c>
      <c r="C79" s="14">
        <v>54</v>
      </c>
      <c r="D79" s="18">
        <v>103</v>
      </c>
    </row>
    <row r="80" spans="1:4" ht="18" customHeight="1" x14ac:dyDescent="0.15">
      <c r="A80" s="5">
        <v>62</v>
      </c>
      <c r="B80" s="22">
        <v>52</v>
      </c>
      <c r="C80" s="14">
        <v>51</v>
      </c>
      <c r="D80" s="18">
        <v>103</v>
      </c>
    </row>
    <row r="81" spans="1:4" ht="18" customHeight="1" x14ac:dyDescent="0.15">
      <c r="A81" s="5">
        <v>63</v>
      </c>
      <c r="B81" s="22">
        <v>44</v>
      </c>
      <c r="C81" s="14">
        <v>64</v>
      </c>
      <c r="D81" s="18">
        <v>108</v>
      </c>
    </row>
    <row r="82" spans="1:4" ht="18" customHeight="1" x14ac:dyDescent="0.15">
      <c r="A82" s="5">
        <v>64</v>
      </c>
      <c r="B82" s="22">
        <v>48</v>
      </c>
      <c r="C82" s="14">
        <v>36</v>
      </c>
      <c r="D82" s="18">
        <v>84</v>
      </c>
    </row>
    <row r="83" spans="1:4" ht="18" customHeight="1" x14ac:dyDescent="0.15">
      <c r="A83" s="5" t="s">
        <v>28</v>
      </c>
      <c r="B83" s="22">
        <v>238</v>
      </c>
      <c r="C83" s="14">
        <v>260</v>
      </c>
      <c r="D83" s="18">
        <v>498</v>
      </c>
    </row>
    <row r="84" spans="1:4" ht="18" customHeight="1" x14ac:dyDescent="0.15">
      <c r="A84" s="5" t="s">
        <v>31</v>
      </c>
      <c r="B84" s="22">
        <v>2354</v>
      </c>
      <c r="C84" s="14">
        <v>2120</v>
      </c>
      <c r="D84" s="18">
        <v>4474</v>
      </c>
    </row>
    <row r="85" spans="1:4" ht="18" customHeight="1" x14ac:dyDescent="0.15">
      <c r="A85" s="5">
        <v>65</v>
      </c>
      <c r="B85" s="22">
        <v>49</v>
      </c>
      <c r="C85" s="14">
        <v>47</v>
      </c>
      <c r="D85" s="18">
        <v>96</v>
      </c>
    </row>
    <row r="86" spans="1:4" ht="18" customHeight="1" x14ac:dyDescent="0.15">
      <c r="A86" s="5">
        <v>66</v>
      </c>
      <c r="B86" s="22">
        <v>49</v>
      </c>
      <c r="C86" s="14">
        <v>52</v>
      </c>
      <c r="D86" s="18">
        <v>101</v>
      </c>
    </row>
    <row r="87" spans="1:4" ht="18" customHeight="1" x14ac:dyDescent="0.15">
      <c r="A87" s="5">
        <v>67</v>
      </c>
      <c r="B87" s="22">
        <v>55</v>
      </c>
      <c r="C87" s="14">
        <v>47</v>
      </c>
      <c r="D87" s="18">
        <v>102</v>
      </c>
    </row>
    <row r="88" spans="1:4" ht="18" customHeight="1" x14ac:dyDescent="0.15">
      <c r="A88" s="5">
        <v>68</v>
      </c>
      <c r="B88" s="22">
        <v>53</v>
      </c>
      <c r="C88" s="14">
        <v>38</v>
      </c>
      <c r="D88" s="18">
        <v>91</v>
      </c>
    </row>
    <row r="89" spans="1:4" ht="18" customHeight="1" x14ac:dyDescent="0.15">
      <c r="A89" s="5">
        <v>69</v>
      </c>
      <c r="B89" s="22">
        <v>39</v>
      </c>
      <c r="C89" s="14">
        <v>42</v>
      </c>
      <c r="D89" s="18">
        <v>81</v>
      </c>
    </row>
    <row r="90" spans="1:4" ht="18" customHeight="1" x14ac:dyDescent="0.15">
      <c r="A90" s="5" t="s">
        <v>20</v>
      </c>
      <c r="B90" s="22">
        <v>245</v>
      </c>
      <c r="C90" s="14">
        <v>226</v>
      </c>
      <c r="D90" s="18">
        <v>471</v>
      </c>
    </row>
    <row r="91" spans="1:4" ht="18" customHeight="1" x14ac:dyDescent="0.15">
      <c r="A91" s="5">
        <v>70</v>
      </c>
      <c r="B91" s="22">
        <v>44</v>
      </c>
      <c r="C91" s="14">
        <v>53</v>
      </c>
      <c r="D91" s="18">
        <v>97</v>
      </c>
    </row>
    <row r="92" spans="1:4" ht="18" customHeight="1" x14ac:dyDescent="0.15">
      <c r="A92" s="5">
        <v>71</v>
      </c>
      <c r="B92" s="22">
        <v>42</v>
      </c>
      <c r="C92" s="14">
        <v>56</v>
      </c>
      <c r="D92" s="18">
        <v>98</v>
      </c>
    </row>
    <row r="93" spans="1:4" ht="18" customHeight="1" x14ac:dyDescent="0.15">
      <c r="A93" s="5">
        <v>72</v>
      </c>
      <c r="B93" s="22">
        <v>45</v>
      </c>
      <c r="C93" s="14">
        <v>46</v>
      </c>
      <c r="D93" s="18">
        <v>91</v>
      </c>
    </row>
    <row r="94" spans="1:4" ht="18" customHeight="1" x14ac:dyDescent="0.15">
      <c r="A94" s="5">
        <v>73</v>
      </c>
      <c r="B94" s="22">
        <v>43</v>
      </c>
      <c r="C94" s="14">
        <v>57</v>
      </c>
      <c r="D94" s="18">
        <v>100</v>
      </c>
    </row>
    <row r="95" spans="1:4" ht="18" customHeight="1" x14ac:dyDescent="0.15">
      <c r="A95" s="5">
        <v>74</v>
      </c>
      <c r="B95" s="22">
        <v>41</v>
      </c>
      <c r="C95" s="14">
        <v>53</v>
      </c>
      <c r="D95" s="18">
        <v>94</v>
      </c>
    </row>
    <row r="96" spans="1:4" ht="18" customHeight="1" x14ac:dyDescent="0.15">
      <c r="A96" s="5" t="s">
        <v>33</v>
      </c>
      <c r="B96" s="22">
        <v>215</v>
      </c>
      <c r="C96" s="14">
        <v>265</v>
      </c>
      <c r="D96" s="18">
        <v>480</v>
      </c>
    </row>
    <row r="97" spans="1:4" ht="18" customHeight="1" x14ac:dyDescent="0.15">
      <c r="A97" s="5">
        <v>75</v>
      </c>
      <c r="B97" s="22">
        <v>49</v>
      </c>
      <c r="C97" s="14">
        <v>59</v>
      </c>
      <c r="D97" s="18">
        <v>108</v>
      </c>
    </row>
    <row r="98" spans="1:4" ht="18" customHeight="1" x14ac:dyDescent="0.15">
      <c r="A98" s="5">
        <v>76</v>
      </c>
      <c r="B98" s="22">
        <v>56</v>
      </c>
      <c r="C98" s="14">
        <v>75</v>
      </c>
      <c r="D98" s="18">
        <v>131</v>
      </c>
    </row>
    <row r="99" spans="1:4" ht="18" customHeight="1" x14ac:dyDescent="0.15">
      <c r="A99" s="5">
        <v>77</v>
      </c>
      <c r="B99" s="22">
        <v>44</v>
      </c>
      <c r="C99" s="14">
        <v>81</v>
      </c>
      <c r="D99" s="18">
        <v>125</v>
      </c>
    </row>
    <row r="100" spans="1:4" ht="18" customHeight="1" x14ac:dyDescent="0.15">
      <c r="A100" s="5">
        <v>78</v>
      </c>
      <c r="B100" s="22">
        <v>66</v>
      </c>
      <c r="C100" s="14">
        <v>80</v>
      </c>
      <c r="D100" s="18">
        <v>146</v>
      </c>
    </row>
    <row r="101" spans="1:4" ht="18" customHeight="1" x14ac:dyDescent="0.15">
      <c r="A101" s="5">
        <v>79</v>
      </c>
      <c r="B101" s="22">
        <v>60</v>
      </c>
      <c r="C101" s="14">
        <v>79</v>
      </c>
      <c r="D101" s="18">
        <v>139</v>
      </c>
    </row>
    <row r="102" spans="1:4" ht="18" customHeight="1" x14ac:dyDescent="0.15">
      <c r="A102" s="5" t="s">
        <v>0</v>
      </c>
      <c r="B102" s="22">
        <v>275</v>
      </c>
      <c r="C102" s="14">
        <v>374</v>
      </c>
      <c r="D102" s="18">
        <v>649</v>
      </c>
    </row>
    <row r="103" spans="1:4" ht="18" customHeight="1" x14ac:dyDescent="0.15">
      <c r="A103" s="5">
        <v>80</v>
      </c>
      <c r="B103" s="22">
        <v>34</v>
      </c>
      <c r="C103" s="14">
        <v>45</v>
      </c>
      <c r="D103" s="18">
        <v>79</v>
      </c>
    </row>
    <row r="104" spans="1:4" ht="18" customHeight="1" x14ac:dyDescent="0.15">
      <c r="A104" s="5">
        <v>81</v>
      </c>
      <c r="B104" s="22">
        <v>41</v>
      </c>
      <c r="C104" s="14">
        <v>36</v>
      </c>
      <c r="D104" s="18">
        <v>77</v>
      </c>
    </row>
    <row r="105" spans="1:4" ht="18" customHeight="1" x14ac:dyDescent="0.15">
      <c r="A105" s="5">
        <v>82</v>
      </c>
      <c r="B105" s="22">
        <v>34</v>
      </c>
      <c r="C105" s="14">
        <v>62</v>
      </c>
      <c r="D105" s="18">
        <v>96</v>
      </c>
    </row>
    <row r="106" spans="1:4" ht="18" customHeight="1" x14ac:dyDescent="0.15">
      <c r="A106" s="5">
        <v>83</v>
      </c>
      <c r="B106" s="22">
        <v>33</v>
      </c>
      <c r="C106" s="14">
        <v>58</v>
      </c>
      <c r="D106" s="18">
        <v>91</v>
      </c>
    </row>
    <row r="107" spans="1:4" ht="18" customHeight="1" x14ac:dyDescent="0.15">
      <c r="A107" s="5">
        <v>84</v>
      </c>
      <c r="B107" s="22">
        <v>39</v>
      </c>
      <c r="C107" s="14">
        <v>57</v>
      </c>
      <c r="D107" s="18">
        <v>96</v>
      </c>
    </row>
    <row r="108" spans="1:4" ht="18" customHeight="1" x14ac:dyDescent="0.15">
      <c r="A108" s="5" t="s">
        <v>35</v>
      </c>
      <c r="B108" s="22">
        <v>181</v>
      </c>
      <c r="C108" s="14">
        <v>258</v>
      </c>
      <c r="D108" s="18">
        <v>439</v>
      </c>
    </row>
    <row r="109" spans="1:4" ht="18" customHeight="1" x14ac:dyDescent="0.15">
      <c r="A109" s="5">
        <v>85</v>
      </c>
      <c r="B109" s="22">
        <v>34</v>
      </c>
      <c r="C109" s="14">
        <v>52</v>
      </c>
      <c r="D109" s="18">
        <v>86</v>
      </c>
    </row>
    <row r="110" spans="1:4" ht="18" customHeight="1" x14ac:dyDescent="0.15">
      <c r="A110" s="5">
        <v>86</v>
      </c>
      <c r="B110" s="22">
        <v>23</v>
      </c>
      <c r="C110" s="14">
        <v>31</v>
      </c>
      <c r="D110" s="18">
        <v>54</v>
      </c>
    </row>
    <row r="111" spans="1:4" ht="18" customHeight="1" x14ac:dyDescent="0.15">
      <c r="A111" s="5">
        <v>87</v>
      </c>
      <c r="B111" s="22">
        <v>16</v>
      </c>
      <c r="C111" s="14">
        <v>32</v>
      </c>
      <c r="D111" s="18">
        <v>48</v>
      </c>
    </row>
    <row r="112" spans="1:4" ht="18" customHeight="1" x14ac:dyDescent="0.15">
      <c r="A112" s="5">
        <v>88</v>
      </c>
      <c r="B112" s="22">
        <v>23</v>
      </c>
      <c r="C112" s="14">
        <v>38</v>
      </c>
      <c r="D112" s="18">
        <v>61</v>
      </c>
    </row>
    <row r="113" spans="1:4" ht="18" customHeight="1" x14ac:dyDescent="0.15">
      <c r="A113" s="5">
        <v>89</v>
      </c>
      <c r="B113" s="22">
        <v>14</v>
      </c>
      <c r="C113" s="14">
        <v>28</v>
      </c>
      <c r="D113" s="18">
        <v>42</v>
      </c>
    </row>
    <row r="114" spans="1:4" ht="18" customHeight="1" x14ac:dyDescent="0.15">
      <c r="A114" s="5" t="s">
        <v>37</v>
      </c>
      <c r="B114" s="22">
        <v>110</v>
      </c>
      <c r="C114" s="14">
        <v>181</v>
      </c>
      <c r="D114" s="18">
        <v>291</v>
      </c>
    </row>
    <row r="115" spans="1:4" ht="18" customHeight="1" x14ac:dyDescent="0.15">
      <c r="A115" s="5">
        <v>90</v>
      </c>
      <c r="B115" s="22">
        <v>16</v>
      </c>
      <c r="C115" s="14">
        <v>28</v>
      </c>
      <c r="D115" s="18">
        <v>44</v>
      </c>
    </row>
    <row r="116" spans="1:4" ht="18" customHeight="1" x14ac:dyDescent="0.15">
      <c r="A116" s="5">
        <v>91</v>
      </c>
      <c r="B116" s="22">
        <v>10</v>
      </c>
      <c r="C116" s="14">
        <v>27</v>
      </c>
      <c r="D116" s="18">
        <v>37</v>
      </c>
    </row>
    <row r="117" spans="1:4" ht="18" customHeight="1" x14ac:dyDescent="0.15">
      <c r="A117" s="5">
        <v>92</v>
      </c>
      <c r="B117" s="22">
        <v>9</v>
      </c>
      <c r="C117" s="14">
        <v>33</v>
      </c>
      <c r="D117" s="18">
        <v>42</v>
      </c>
    </row>
    <row r="118" spans="1:4" ht="18" customHeight="1" x14ac:dyDescent="0.15">
      <c r="A118" s="5">
        <v>93</v>
      </c>
      <c r="B118" s="22">
        <v>4</v>
      </c>
      <c r="C118" s="14">
        <v>24</v>
      </c>
      <c r="D118" s="18">
        <v>28</v>
      </c>
    </row>
    <row r="119" spans="1:4" ht="18" customHeight="1" x14ac:dyDescent="0.15">
      <c r="A119" s="5">
        <v>94</v>
      </c>
      <c r="B119" s="22">
        <v>8</v>
      </c>
      <c r="C119" s="14">
        <v>22</v>
      </c>
      <c r="D119" s="18">
        <v>30</v>
      </c>
    </row>
    <row r="120" spans="1:4" ht="18" customHeight="1" x14ac:dyDescent="0.15">
      <c r="A120" s="5" t="s">
        <v>39</v>
      </c>
      <c r="B120" s="22">
        <v>47</v>
      </c>
      <c r="C120" s="14">
        <v>134</v>
      </c>
      <c r="D120" s="18">
        <v>181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5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8</v>
      </c>
      <c r="D124" s="18">
        <v>8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8</v>
      </c>
      <c r="C126" s="14">
        <v>36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7</v>
      </c>
      <c r="D128" s="18">
        <v>7</v>
      </c>
    </row>
    <row r="129" spans="1:4" ht="18" customHeight="1" x14ac:dyDescent="0.15">
      <c r="A129" s="5" t="s">
        <v>44</v>
      </c>
      <c r="B129" s="22">
        <v>0</v>
      </c>
      <c r="C129" s="14">
        <v>10</v>
      </c>
      <c r="D129" s="18">
        <v>10</v>
      </c>
    </row>
    <row r="130" spans="1:4" ht="18" customHeight="1" x14ac:dyDescent="0.15">
      <c r="A130" s="5" t="s">
        <v>46</v>
      </c>
      <c r="B130" s="22">
        <v>1081</v>
      </c>
      <c r="C130" s="14">
        <v>1484</v>
      </c>
      <c r="D130" s="18">
        <v>2565</v>
      </c>
    </row>
    <row r="131" spans="1:4" ht="18" customHeight="1" x14ac:dyDescent="0.15">
      <c r="A131" s="7" t="s">
        <v>45</v>
      </c>
      <c r="B131" s="23">
        <v>3800</v>
      </c>
      <c r="C131" s="15">
        <v>3988</v>
      </c>
      <c r="D131" s="19">
        <v>77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8</v>
      </c>
      <c r="C5" s="13">
        <v>29</v>
      </c>
      <c r="D5" s="17">
        <v>57</v>
      </c>
    </row>
    <row r="6" spans="1:4" ht="18" customHeight="1" x14ac:dyDescent="0.15">
      <c r="A6" s="5">
        <v>1</v>
      </c>
      <c r="B6" s="22">
        <v>26</v>
      </c>
      <c r="C6" s="14">
        <v>29</v>
      </c>
      <c r="D6" s="18">
        <v>55</v>
      </c>
    </row>
    <row r="7" spans="1:4" ht="18" customHeight="1" x14ac:dyDescent="0.15">
      <c r="A7" s="5">
        <v>2</v>
      </c>
      <c r="B7" s="22">
        <v>38</v>
      </c>
      <c r="C7" s="14">
        <v>26</v>
      </c>
      <c r="D7" s="18">
        <v>64</v>
      </c>
    </row>
    <row r="8" spans="1:4" ht="18" customHeight="1" x14ac:dyDescent="0.15">
      <c r="A8" s="5">
        <v>3</v>
      </c>
      <c r="B8" s="22">
        <v>34</v>
      </c>
      <c r="C8" s="14">
        <v>40</v>
      </c>
      <c r="D8" s="18">
        <v>74</v>
      </c>
    </row>
    <row r="9" spans="1:4" ht="18" customHeight="1" x14ac:dyDescent="0.15">
      <c r="A9" s="5">
        <v>4</v>
      </c>
      <c r="B9" s="22">
        <v>30</v>
      </c>
      <c r="C9" s="14">
        <v>29</v>
      </c>
      <c r="D9" s="18">
        <v>59</v>
      </c>
    </row>
    <row r="10" spans="1:4" ht="18" customHeight="1" x14ac:dyDescent="0.15">
      <c r="A10" s="5" t="s">
        <v>7</v>
      </c>
      <c r="B10" s="22">
        <v>156</v>
      </c>
      <c r="C10" s="14">
        <v>153</v>
      </c>
      <c r="D10" s="18">
        <v>309</v>
      </c>
    </row>
    <row r="11" spans="1:4" ht="18" customHeight="1" x14ac:dyDescent="0.15">
      <c r="A11" s="5">
        <v>5</v>
      </c>
      <c r="B11" s="22">
        <v>35</v>
      </c>
      <c r="C11" s="14">
        <v>42</v>
      </c>
      <c r="D11" s="18">
        <v>77</v>
      </c>
    </row>
    <row r="12" spans="1:4" ht="18" customHeight="1" x14ac:dyDescent="0.15">
      <c r="A12" s="5">
        <v>6</v>
      </c>
      <c r="B12" s="22">
        <v>37</v>
      </c>
      <c r="C12" s="14">
        <v>35</v>
      </c>
      <c r="D12" s="18">
        <v>72</v>
      </c>
    </row>
    <row r="13" spans="1:4" ht="18" customHeight="1" x14ac:dyDescent="0.15">
      <c r="A13" s="5">
        <v>7</v>
      </c>
      <c r="B13" s="22">
        <v>48</v>
      </c>
      <c r="C13" s="14">
        <v>39</v>
      </c>
      <c r="D13" s="18">
        <v>87</v>
      </c>
    </row>
    <row r="14" spans="1:4" ht="18" customHeight="1" x14ac:dyDescent="0.15">
      <c r="A14" s="5">
        <v>8</v>
      </c>
      <c r="B14" s="22">
        <v>39</v>
      </c>
      <c r="C14" s="14">
        <v>35</v>
      </c>
      <c r="D14" s="18">
        <v>74</v>
      </c>
    </row>
    <row r="15" spans="1:4" ht="18" customHeight="1" x14ac:dyDescent="0.15">
      <c r="A15" s="5">
        <v>9</v>
      </c>
      <c r="B15" s="22">
        <v>33</v>
      </c>
      <c r="C15" s="14">
        <v>35</v>
      </c>
      <c r="D15" s="18">
        <v>68</v>
      </c>
    </row>
    <row r="16" spans="1:4" ht="18" customHeight="1" x14ac:dyDescent="0.15">
      <c r="A16" s="5" t="s">
        <v>11</v>
      </c>
      <c r="B16" s="22">
        <v>192</v>
      </c>
      <c r="C16" s="14">
        <v>186</v>
      </c>
      <c r="D16" s="18">
        <v>378</v>
      </c>
    </row>
    <row r="17" spans="1:4" ht="18" customHeight="1" x14ac:dyDescent="0.15">
      <c r="A17" s="5">
        <v>10</v>
      </c>
      <c r="B17" s="22">
        <v>41</v>
      </c>
      <c r="C17" s="14">
        <v>40</v>
      </c>
      <c r="D17" s="18">
        <v>81</v>
      </c>
    </row>
    <row r="18" spans="1:4" ht="18" customHeight="1" x14ac:dyDescent="0.15">
      <c r="A18" s="5">
        <v>11</v>
      </c>
      <c r="B18" s="22">
        <v>33</v>
      </c>
      <c r="C18" s="14">
        <v>39</v>
      </c>
      <c r="D18" s="18">
        <v>72</v>
      </c>
    </row>
    <row r="19" spans="1:4" ht="18" customHeight="1" x14ac:dyDescent="0.15">
      <c r="A19" s="5">
        <v>12</v>
      </c>
      <c r="B19" s="22">
        <v>45</v>
      </c>
      <c r="C19" s="14">
        <v>32</v>
      </c>
      <c r="D19" s="18">
        <v>77</v>
      </c>
    </row>
    <row r="20" spans="1:4" ht="18" customHeight="1" x14ac:dyDescent="0.15">
      <c r="A20" s="5">
        <v>13</v>
      </c>
      <c r="B20" s="22">
        <v>37</v>
      </c>
      <c r="C20" s="14">
        <v>34</v>
      </c>
      <c r="D20" s="18">
        <v>71</v>
      </c>
    </row>
    <row r="21" spans="1:4" ht="18" customHeight="1" x14ac:dyDescent="0.15">
      <c r="A21" s="5">
        <v>14</v>
      </c>
      <c r="B21" s="22">
        <v>43</v>
      </c>
      <c r="C21" s="14">
        <v>46</v>
      </c>
      <c r="D21" s="18">
        <v>89</v>
      </c>
    </row>
    <row r="22" spans="1:4" ht="18" customHeight="1" x14ac:dyDescent="0.15">
      <c r="A22" s="5" t="s">
        <v>12</v>
      </c>
      <c r="B22" s="22">
        <v>199</v>
      </c>
      <c r="C22" s="14">
        <v>191</v>
      </c>
      <c r="D22" s="18">
        <v>390</v>
      </c>
    </row>
    <row r="23" spans="1:4" ht="18" customHeight="1" x14ac:dyDescent="0.15">
      <c r="A23" s="5" t="s">
        <v>6</v>
      </c>
      <c r="B23" s="22">
        <v>547</v>
      </c>
      <c r="C23" s="14">
        <v>530</v>
      </c>
      <c r="D23" s="18">
        <v>1077</v>
      </c>
    </row>
    <row r="24" spans="1:4" ht="18" customHeight="1" x14ac:dyDescent="0.15">
      <c r="A24" s="5">
        <v>15</v>
      </c>
      <c r="B24" s="22">
        <v>41</v>
      </c>
      <c r="C24" s="14">
        <v>27</v>
      </c>
      <c r="D24" s="18">
        <v>68</v>
      </c>
    </row>
    <row r="25" spans="1:4" ht="18" customHeight="1" x14ac:dyDescent="0.15">
      <c r="A25" s="5">
        <v>16</v>
      </c>
      <c r="B25" s="22">
        <v>44</v>
      </c>
      <c r="C25" s="14">
        <v>42</v>
      </c>
      <c r="D25" s="18">
        <v>86</v>
      </c>
    </row>
    <row r="26" spans="1:4" ht="18" customHeight="1" x14ac:dyDescent="0.15">
      <c r="A26" s="5">
        <v>17</v>
      </c>
      <c r="B26" s="22">
        <v>47</v>
      </c>
      <c r="C26" s="14">
        <v>49</v>
      </c>
      <c r="D26" s="18">
        <v>96</v>
      </c>
    </row>
    <row r="27" spans="1:4" ht="18" customHeight="1" x14ac:dyDescent="0.15">
      <c r="A27" s="5">
        <v>18</v>
      </c>
      <c r="B27" s="22">
        <v>55</v>
      </c>
      <c r="C27" s="14">
        <v>41</v>
      </c>
      <c r="D27" s="18">
        <v>96</v>
      </c>
    </row>
    <row r="28" spans="1:4" ht="18" customHeight="1" x14ac:dyDescent="0.15">
      <c r="A28" s="5">
        <v>19</v>
      </c>
      <c r="B28" s="22">
        <v>38</v>
      </c>
      <c r="C28" s="14">
        <v>36</v>
      </c>
      <c r="D28" s="18">
        <v>74</v>
      </c>
    </row>
    <row r="29" spans="1:4" ht="18" customHeight="1" x14ac:dyDescent="0.15">
      <c r="A29" s="5" t="s">
        <v>14</v>
      </c>
      <c r="B29" s="22">
        <v>225</v>
      </c>
      <c r="C29" s="14">
        <v>195</v>
      </c>
      <c r="D29" s="18">
        <v>420</v>
      </c>
    </row>
    <row r="30" spans="1:4" ht="18" customHeight="1" x14ac:dyDescent="0.15">
      <c r="A30" s="5">
        <v>20</v>
      </c>
      <c r="B30" s="22">
        <v>46</v>
      </c>
      <c r="C30" s="14">
        <v>32</v>
      </c>
      <c r="D30" s="18">
        <v>78</v>
      </c>
    </row>
    <row r="31" spans="1:4" ht="18" customHeight="1" x14ac:dyDescent="0.15">
      <c r="A31" s="5">
        <v>21</v>
      </c>
      <c r="B31" s="22">
        <v>78</v>
      </c>
      <c r="C31" s="14">
        <v>42</v>
      </c>
      <c r="D31" s="18">
        <v>120</v>
      </c>
    </row>
    <row r="32" spans="1:4" ht="18" customHeight="1" x14ac:dyDescent="0.15">
      <c r="A32" s="5">
        <v>22</v>
      </c>
      <c r="B32" s="22">
        <v>52</v>
      </c>
      <c r="C32" s="14">
        <v>60</v>
      </c>
      <c r="D32" s="18">
        <v>112</v>
      </c>
    </row>
    <row r="33" spans="1:4" ht="18" customHeight="1" x14ac:dyDescent="0.15">
      <c r="A33" s="5">
        <v>23</v>
      </c>
      <c r="B33" s="22">
        <v>64</v>
      </c>
      <c r="C33" s="14">
        <v>51</v>
      </c>
      <c r="D33" s="18">
        <v>115</v>
      </c>
    </row>
    <row r="34" spans="1:4" ht="18" customHeight="1" x14ac:dyDescent="0.15">
      <c r="A34" s="5">
        <v>24</v>
      </c>
      <c r="B34" s="22">
        <v>78</v>
      </c>
      <c r="C34" s="14">
        <v>58</v>
      </c>
      <c r="D34" s="18">
        <v>136</v>
      </c>
    </row>
    <row r="35" spans="1:4" ht="18" customHeight="1" x14ac:dyDescent="0.15">
      <c r="A35" s="5" t="s">
        <v>9</v>
      </c>
      <c r="B35" s="22">
        <v>318</v>
      </c>
      <c r="C35" s="14">
        <v>243</v>
      </c>
      <c r="D35" s="18">
        <v>561</v>
      </c>
    </row>
    <row r="36" spans="1:4" ht="18" customHeight="1" x14ac:dyDescent="0.15">
      <c r="A36" s="5">
        <v>25</v>
      </c>
      <c r="B36" s="22">
        <v>63</v>
      </c>
      <c r="C36" s="14">
        <v>50</v>
      </c>
      <c r="D36" s="18">
        <v>113</v>
      </c>
    </row>
    <row r="37" spans="1:4" ht="18" customHeight="1" x14ac:dyDescent="0.15">
      <c r="A37" s="5">
        <v>26</v>
      </c>
      <c r="B37" s="22">
        <v>69</v>
      </c>
      <c r="C37" s="14">
        <v>58</v>
      </c>
      <c r="D37" s="18">
        <v>127</v>
      </c>
    </row>
    <row r="38" spans="1:4" ht="18" customHeight="1" x14ac:dyDescent="0.15">
      <c r="A38" s="5">
        <v>27</v>
      </c>
      <c r="B38" s="22">
        <v>68</v>
      </c>
      <c r="C38" s="14">
        <v>48</v>
      </c>
      <c r="D38" s="18">
        <v>116</v>
      </c>
    </row>
    <row r="39" spans="1:4" ht="18" customHeight="1" x14ac:dyDescent="0.15">
      <c r="A39" s="5">
        <v>28</v>
      </c>
      <c r="B39" s="22">
        <v>51</v>
      </c>
      <c r="C39" s="14">
        <v>44</v>
      </c>
      <c r="D39" s="18">
        <v>95</v>
      </c>
    </row>
    <row r="40" spans="1:4" ht="18" customHeight="1" x14ac:dyDescent="0.15">
      <c r="A40" s="5">
        <v>29</v>
      </c>
      <c r="B40" s="22">
        <v>70</v>
      </c>
      <c r="C40" s="14">
        <v>52</v>
      </c>
      <c r="D40" s="18">
        <v>122</v>
      </c>
    </row>
    <row r="41" spans="1:4" ht="18" customHeight="1" x14ac:dyDescent="0.15">
      <c r="A41" s="5" t="s">
        <v>2</v>
      </c>
      <c r="B41" s="22">
        <v>321</v>
      </c>
      <c r="C41" s="14">
        <v>252</v>
      </c>
      <c r="D41" s="18">
        <v>573</v>
      </c>
    </row>
    <row r="42" spans="1:4" ht="18" customHeight="1" x14ac:dyDescent="0.15">
      <c r="A42" s="5">
        <v>30</v>
      </c>
      <c r="B42" s="22">
        <v>55</v>
      </c>
      <c r="C42" s="14">
        <v>44</v>
      </c>
      <c r="D42" s="18">
        <v>99</v>
      </c>
    </row>
    <row r="43" spans="1:4" ht="18" customHeight="1" x14ac:dyDescent="0.15">
      <c r="A43" s="5">
        <v>31</v>
      </c>
      <c r="B43" s="22">
        <v>63</v>
      </c>
      <c r="C43" s="14">
        <v>55</v>
      </c>
      <c r="D43" s="18">
        <v>118</v>
      </c>
    </row>
    <row r="44" spans="1:4" ht="18" customHeight="1" x14ac:dyDescent="0.15">
      <c r="A44" s="5">
        <v>32</v>
      </c>
      <c r="B44" s="22">
        <v>66</v>
      </c>
      <c r="C44" s="14">
        <v>44</v>
      </c>
      <c r="D44" s="18">
        <v>110</v>
      </c>
    </row>
    <row r="45" spans="1:4" ht="18" customHeight="1" x14ac:dyDescent="0.15">
      <c r="A45" s="5">
        <v>33</v>
      </c>
      <c r="B45" s="22">
        <v>53</v>
      </c>
      <c r="C45" s="14">
        <v>53</v>
      </c>
      <c r="D45" s="18">
        <v>106</v>
      </c>
    </row>
    <row r="46" spans="1:4" ht="18" customHeight="1" x14ac:dyDescent="0.15">
      <c r="A46" s="5">
        <v>34</v>
      </c>
      <c r="B46" s="22">
        <v>42</v>
      </c>
      <c r="C46" s="14">
        <v>44</v>
      </c>
      <c r="D46" s="18">
        <v>86</v>
      </c>
    </row>
    <row r="47" spans="1:4" ht="18" customHeight="1" x14ac:dyDescent="0.15">
      <c r="A47" s="5" t="s">
        <v>15</v>
      </c>
      <c r="B47" s="22">
        <v>279</v>
      </c>
      <c r="C47" s="14">
        <v>240</v>
      </c>
      <c r="D47" s="18">
        <v>519</v>
      </c>
    </row>
    <row r="48" spans="1:4" ht="18" customHeight="1" x14ac:dyDescent="0.15">
      <c r="A48" s="5">
        <v>35</v>
      </c>
      <c r="B48" s="22">
        <v>50</v>
      </c>
      <c r="C48" s="14">
        <v>52</v>
      </c>
      <c r="D48" s="18">
        <v>102</v>
      </c>
    </row>
    <row r="49" spans="1:4" ht="18" customHeight="1" x14ac:dyDescent="0.15">
      <c r="A49" s="5">
        <v>36</v>
      </c>
      <c r="B49" s="22">
        <v>77</v>
      </c>
      <c r="C49" s="14">
        <v>40</v>
      </c>
      <c r="D49" s="18">
        <v>117</v>
      </c>
    </row>
    <row r="50" spans="1:4" ht="18" customHeight="1" x14ac:dyDescent="0.15">
      <c r="A50" s="5">
        <v>37</v>
      </c>
      <c r="B50" s="22">
        <v>59</v>
      </c>
      <c r="C50" s="14">
        <v>52</v>
      </c>
      <c r="D50" s="18">
        <v>111</v>
      </c>
    </row>
    <row r="51" spans="1:4" ht="18" customHeight="1" x14ac:dyDescent="0.15">
      <c r="A51" s="5">
        <v>38</v>
      </c>
      <c r="B51" s="22">
        <v>56</v>
      </c>
      <c r="C51" s="14">
        <v>59</v>
      </c>
      <c r="D51" s="18">
        <v>115</v>
      </c>
    </row>
    <row r="52" spans="1:4" ht="18" customHeight="1" x14ac:dyDescent="0.15">
      <c r="A52" s="5">
        <v>39</v>
      </c>
      <c r="B52" s="22">
        <v>55</v>
      </c>
      <c r="C52" s="14">
        <v>51</v>
      </c>
      <c r="D52" s="18">
        <v>106</v>
      </c>
    </row>
    <row r="53" spans="1:4" ht="18" customHeight="1" x14ac:dyDescent="0.15">
      <c r="A53" s="5" t="s">
        <v>18</v>
      </c>
      <c r="B53" s="22">
        <v>297</v>
      </c>
      <c r="C53" s="14">
        <v>254</v>
      </c>
      <c r="D53" s="18">
        <v>551</v>
      </c>
    </row>
    <row r="54" spans="1:4" ht="18" customHeight="1" x14ac:dyDescent="0.15">
      <c r="A54" s="5">
        <v>40</v>
      </c>
      <c r="B54" s="22">
        <v>54</v>
      </c>
      <c r="C54" s="14">
        <v>52</v>
      </c>
      <c r="D54" s="18">
        <v>106</v>
      </c>
    </row>
    <row r="55" spans="1:4" ht="18" customHeight="1" x14ac:dyDescent="0.15">
      <c r="A55" s="5">
        <v>41</v>
      </c>
      <c r="B55" s="22">
        <v>61</v>
      </c>
      <c r="C55" s="14">
        <v>51</v>
      </c>
      <c r="D55" s="18">
        <v>112</v>
      </c>
    </row>
    <row r="56" spans="1:4" ht="18" customHeight="1" x14ac:dyDescent="0.15">
      <c r="A56" s="5">
        <v>42</v>
      </c>
      <c r="B56" s="22">
        <v>51</v>
      </c>
      <c r="C56" s="14">
        <v>60</v>
      </c>
      <c r="D56" s="18">
        <v>111</v>
      </c>
    </row>
    <row r="57" spans="1:4" ht="18" customHeight="1" x14ac:dyDescent="0.15">
      <c r="A57" s="5">
        <v>43</v>
      </c>
      <c r="B57" s="22">
        <v>65</v>
      </c>
      <c r="C57" s="14">
        <v>51</v>
      </c>
      <c r="D57" s="18">
        <v>116</v>
      </c>
    </row>
    <row r="58" spans="1:4" ht="18" customHeight="1" x14ac:dyDescent="0.15">
      <c r="A58" s="5">
        <v>44</v>
      </c>
      <c r="B58" s="22">
        <v>66</v>
      </c>
      <c r="C58" s="14">
        <v>52</v>
      </c>
      <c r="D58" s="18">
        <v>118</v>
      </c>
    </row>
    <row r="59" spans="1:4" ht="18" customHeight="1" x14ac:dyDescent="0.15">
      <c r="A59" s="5" t="s">
        <v>21</v>
      </c>
      <c r="B59" s="22">
        <v>297</v>
      </c>
      <c r="C59" s="14">
        <v>266</v>
      </c>
      <c r="D59" s="18">
        <v>563</v>
      </c>
    </row>
    <row r="60" spans="1:4" ht="18" customHeight="1" x14ac:dyDescent="0.15">
      <c r="A60" s="5">
        <v>45</v>
      </c>
      <c r="B60" s="22">
        <v>65</v>
      </c>
      <c r="C60" s="14">
        <v>53</v>
      </c>
      <c r="D60" s="18">
        <v>118</v>
      </c>
    </row>
    <row r="61" spans="1:4" ht="18" customHeight="1" x14ac:dyDescent="0.15">
      <c r="A61" s="5">
        <v>46</v>
      </c>
      <c r="B61" s="22">
        <v>65</v>
      </c>
      <c r="C61" s="14">
        <v>61</v>
      </c>
      <c r="D61" s="18">
        <v>126</v>
      </c>
    </row>
    <row r="62" spans="1:4" ht="18" customHeight="1" x14ac:dyDescent="0.15">
      <c r="A62" s="5">
        <v>47</v>
      </c>
      <c r="B62" s="22">
        <v>75</v>
      </c>
      <c r="C62" s="14">
        <v>67</v>
      </c>
      <c r="D62" s="18">
        <v>142</v>
      </c>
    </row>
    <row r="63" spans="1:4" ht="18" customHeight="1" x14ac:dyDescent="0.15">
      <c r="A63" s="5">
        <v>48</v>
      </c>
      <c r="B63" s="22">
        <v>65</v>
      </c>
      <c r="C63" s="14">
        <v>69</v>
      </c>
      <c r="D63" s="18">
        <v>134</v>
      </c>
    </row>
    <row r="64" spans="1:4" ht="18" customHeight="1" x14ac:dyDescent="0.15">
      <c r="A64" s="5">
        <v>49</v>
      </c>
      <c r="B64" s="22">
        <v>72</v>
      </c>
      <c r="C64" s="14">
        <v>61</v>
      </c>
      <c r="D64" s="18">
        <v>133</v>
      </c>
    </row>
    <row r="65" spans="1:4" ht="18" customHeight="1" x14ac:dyDescent="0.15">
      <c r="A65" s="5" t="s">
        <v>17</v>
      </c>
      <c r="B65" s="22">
        <v>342</v>
      </c>
      <c r="C65" s="14">
        <v>311</v>
      </c>
      <c r="D65" s="18">
        <v>653</v>
      </c>
    </row>
    <row r="66" spans="1:4" ht="18" customHeight="1" x14ac:dyDescent="0.15">
      <c r="A66" s="5">
        <v>50</v>
      </c>
      <c r="B66" s="22">
        <v>81</v>
      </c>
      <c r="C66" s="14">
        <v>87</v>
      </c>
      <c r="D66" s="18">
        <v>168</v>
      </c>
    </row>
    <row r="67" spans="1:4" ht="18" customHeight="1" x14ac:dyDescent="0.15">
      <c r="A67" s="5">
        <v>51</v>
      </c>
      <c r="B67" s="22">
        <v>85</v>
      </c>
      <c r="C67" s="14">
        <v>84</v>
      </c>
      <c r="D67" s="18">
        <v>169</v>
      </c>
    </row>
    <row r="68" spans="1:4" ht="18" customHeight="1" x14ac:dyDescent="0.15">
      <c r="A68" s="5">
        <v>52</v>
      </c>
      <c r="B68" s="22">
        <v>99</v>
      </c>
      <c r="C68" s="14">
        <v>74</v>
      </c>
      <c r="D68" s="18">
        <v>173</v>
      </c>
    </row>
    <row r="69" spans="1:4" ht="18" customHeight="1" x14ac:dyDescent="0.15">
      <c r="A69" s="5">
        <v>53</v>
      </c>
      <c r="B69" s="22">
        <v>99</v>
      </c>
      <c r="C69" s="14">
        <v>100</v>
      </c>
      <c r="D69" s="18">
        <v>199</v>
      </c>
    </row>
    <row r="70" spans="1:4" ht="18" customHeight="1" x14ac:dyDescent="0.15">
      <c r="A70" s="5">
        <v>54</v>
      </c>
      <c r="B70" s="22">
        <v>82</v>
      </c>
      <c r="C70" s="14">
        <v>99</v>
      </c>
      <c r="D70" s="18">
        <v>181</v>
      </c>
    </row>
    <row r="71" spans="1:4" ht="18" customHeight="1" x14ac:dyDescent="0.15">
      <c r="A71" s="5" t="s">
        <v>22</v>
      </c>
      <c r="B71" s="22">
        <v>446</v>
      </c>
      <c r="C71" s="14">
        <v>444</v>
      </c>
      <c r="D71" s="18">
        <v>890</v>
      </c>
    </row>
    <row r="72" spans="1:4" ht="18" customHeight="1" x14ac:dyDescent="0.15">
      <c r="A72" s="5">
        <v>55</v>
      </c>
      <c r="B72" s="22">
        <v>88</v>
      </c>
      <c r="C72" s="14">
        <v>83</v>
      </c>
      <c r="D72" s="18">
        <v>171</v>
      </c>
    </row>
    <row r="73" spans="1:4" ht="18" customHeight="1" x14ac:dyDescent="0.15">
      <c r="A73" s="5">
        <v>56</v>
      </c>
      <c r="B73" s="22">
        <v>78</v>
      </c>
      <c r="C73" s="14">
        <v>92</v>
      </c>
      <c r="D73" s="18">
        <v>170</v>
      </c>
    </row>
    <row r="74" spans="1:4" ht="18" customHeight="1" x14ac:dyDescent="0.15">
      <c r="A74" s="5">
        <v>57</v>
      </c>
      <c r="B74" s="22">
        <v>80</v>
      </c>
      <c r="C74" s="14">
        <v>96</v>
      </c>
      <c r="D74" s="18">
        <v>176</v>
      </c>
    </row>
    <row r="75" spans="1:4" ht="18" customHeight="1" x14ac:dyDescent="0.15">
      <c r="A75" s="5">
        <v>58</v>
      </c>
      <c r="B75" s="22">
        <v>67</v>
      </c>
      <c r="C75" s="14">
        <v>60</v>
      </c>
      <c r="D75" s="18">
        <v>127</v>
      </c>
    </row>
    <row r="76" spans="1:4" ht="18" customHeight="1" x14ac:dyDescent="0.15">
      <c r="A76" s="5">
        <v>59</v>
      </c>
      <c r="B76" s="22">
        <v>88</v>
      </c>
      <c r="C76" s="14">
        <v>65</v>
      </c>
      <c r="D76" s="18">
        <v>153</v>
      </c>
    </row>
    <row r="77" spans="1:4" ht="18" customHeight="1" x14ac:dyDescent="0.15">
      <c r="A77" s="5" t="s">
        <v>27</v>
      </c>
      <c r="B77" s="22">
        <v>401</v>
      </c>
      <c r="C77" s="14">
        <v>396</v>
      </c>
      <c r="D77" s="18">
        <v>797</v>
      </c>
    </row>
    <row r="78" spans="1:4" ht="18" customHeight="1" x14ac:dyDescent="0.15">
      <c r="A78" s="5">
        <v>60</v>
      </c>
      <c r="B78" s="22">
        <v>61</v>
      </c>
      <c r="C78" s="14">
        <v>57</v>
      </c>
      <c r="D78" s="18">
        <v>118</v>
      </c>
    </row>
    <row r="79" spans="1:4" ht="18" customHeight="1" x14ac:dyDescent="0.15">
      <c r="A79" s="5">
        <v>61</v>
      </c>
      <c r="B79" s="22">
        <v>62</v>
      </c>
      <c r="C79" s="14">
        <v>76</v>
      </c>
      <c r="D79" s="18">
        <v>138</v>
      </c>
    </row>
    <row r="80" spans="1:4" ht="18" customHeight="1" x14ac:dyDescent="0.15">
      <c r="A80" s="5">
        <v>62</v>
      </c>
      <c r="B80" s="22">
        <v>61</v>
      </c>
      <c r="C80" s="14">
        <v>73</v>
      </c>
      <c r="D80" s="18">
        <v>134</v>
      </c>
    </row>
    <row r="81" spans="1:4" ht="18" customHeight="1" x14ac:dyDescent="0.15">
      <c r="A81" s="5">
        <v>63</v>
      </c>
      <c r="B81" s="22">
        <v>64</v>
      </c>
      <c r="C81" s="14">
        <v>66</v>
      </c>
      <c r="D81" s="18">
        <v>130</v>
      </c>
    </row>
    <row r="82" spans="1:4" ht="18" customHeight="1" x14ac:dyDescent="0.15">
      <c r="A82" s="5">
        <v>64</v>
      </c>
      <c r="B82" s="22">
        <v>62</v>
      </c>
      <c r="C82" s="14">
        <v>59</v>
      </c>
      <c r="D82" s="18">
        <v>121</v>
      </c>
    </row>
    <row r="83" spans="1:4" ht="18" customHeight="1" x14ac:dyDescent="0.15">
      <c r="A83" s="5" t="s">
        <v>28</v>
      </c>
      <c r="B83" s="22">
        <v>310</v>
      </c>
      <c r="C83" s="14">
        <v>331</v>
      </c>
      <c r="D83" s="18">
        <v>641</v>
      </c>
    </row>
    <row r="84" spans="1:4" ht="18" customHeight="1" x14ac:dyDescent="0.15">
      <c r="A84" s="5" t="s">
        <v>31</v>
      </c>
      <c r="B84" s="22">
        <v>3236</v>
      </c>
      <c r="C84" s="14">
        <v>2932</v>
      </c>
      <c r="D84" s="18">
        <v>6168</v>
      </c>
    </row>
    <row r="85" spans="1:4" ht="18" customHeight="1" x14ac:dyDescent="0.15">
      <c r="A85" s="5">
        <v>65</v>
      </c>
      <c r="B85" s="22">
        <v>51</v>
      </c>
      <c r="C85" s="14">
        <v>79</v>
      </c>
      <c r="D85" s="18">
        <v>130</v>
      </c>
    </row>
    <row r="86" spans="1:4" ht="18" customHeight="1" x14ac:dyDescent="0.15">
      <c r="A86" s="5">
        <v>66</v>
      </c>
      <c r="B86" s="22">
        <v>63</v>
      </c>
      <c r="C86" s="14">
        <v>64</v>
      </c>
      <c r="D86" s="18">
        <v>127</v>
      </c>
    </row>
    <row r="87" spans="1:4" ht="18" customHeight="1" x14ac:dyDescent="0.15">
      <c r="A87" s="5">
        <v>67</v>
      </c>
      <c r="B87" s="22">
        <v>55</v>
      </c>
      <c r="C87" s="14">
        <v>59</v>
      </c>
      <c r="D87" s="18">
        <v>114</v>
      </c>
    </row>
    <row r="88" spans="1:4" ht="18" customHeight="1" x14ac:dyDescent="0.15">
      <c r="A88" s="5">
        <v>68</v>
      </c>
      <c r="B88" s="22">
        <v>53</v>
      </c>
      <c r="C88" s="14">
        <v>50</v>
      </c>
      <c r="D88" s="18">
        <v>103</v>
      </c>
    </row>
    <row r="89" spans="1:4" ht="18" customHeight="1" x14ac:dyDescent="0.15">
      <c r="A89" s="5">
        <v>69</v>
      </c>
      <c r="B89" s="22">
        <v>56</v>
      </c>
      <c r="C89" s="14">
        <v>68</v>
      </c>
      <c r="D89" s="18">
        <v>124</v>
      </c>
    </row>
    <row r="90" spans="1:4" ht="18" customHeight="1" x14ac:dyDescent="0.15">
      <c r="A90" s="5" t="s">
        <v>20</v>
      </c>
      <c r="B90" s="22">
        <v>278</v>
      </c>
      <c r="C90" s="14">
        <v>320</v>
      </c>
      <c r="D90" s="18">
        <v>598</v>
      </c>
    </row>
    <row r="91" spans="1:4" ht="18" customHeight="1" x14ac:dyDescent="0.15">
      <c r="A91" s="5">
        <v>70</v>
      </c>
      <c r="B91" s="22">
        <v>54</v>
      </c>
      <c r="C91" s="14">
        <v>59</v>
      </c>
      <c r="D91" s="18">
        <v>113</v>
      </c>
    </row>
    <row r="92" spans="1:4" ht="18" customHeight="1" x14ac:dyDescent="0.15">
      <c r="A92" s="5">
        <v>71</v>
      </c>
      <c r="B92" s="22">
        <v>59</v>
      </c>
      <c r="C92" s="14">
        <v>66</v>
      </c>
      <c r="D92" s="18">
        <v>125</v>
      </c>
    </row>
    <row r="93" spans="1:4" ht="18" customHeight="1" x14ac:dyDescent="0.15">
      <c r="A93" s="5">
        <v>72</v>
      </c>
      <c r="B93" s="22">
        <v>56</v>
      </c>
      <c r="C93" s="14">
        <v>63</v>
      </c>
      <c r="D93" s="18">
        <v>119</v>
      </c>
    </row>
    <row r="94" spans="1:4" ht="18" customHeight="1" x14ac:dyDescent="0.15">
      <c r="A94" s="5">
        <v>73</v>
      </c>
      <c r="B94" s="22">
        <v>57</v>
      </c>
      <c r="C94" s="14">
        <v>67</v>
      </c>
      <c r="D94" s="18">
        <v>124</v>
      </c>
    </row>
    <row r="95" spans="1:4" ht="18" customHeight="1" x14ac:dyDescent="0.15">
      <c r="A95" s="5">
        <v>74</v>
      </c>
      <c r="B95" s="22">
        <v>65</v>
      </c>
      <c r="C95" s="14">
        <v>70</v>
      </c>
      <c r="D95" s="18">
        <v>135</v>
      </c>
    </row>
    <row r="96" spans="1:4" ht="18" customHeight="1" x14ac:dyDescent="0.15">
      <c r="A96" s="5" t="s">
        <v>33</v>
      </c>
      <c r="B96" s="22">
        <v>291</v>
      </c>
      <c r="C96" s="14">
        <v>325</v>
      </c>
      <c r="D96" s="18">
        <v>616</v>
      </c>
    </row>
    <row r="97" spans="1:4" ht="18" customHeight="1" x14ac:dyDescent="0.15">
      <c r="A97" s="5">
        <v>75</v>
      </c>
      <c r="B97" s="22">
        <v>54</v>
      </c>
      <c r="C97" s="14">
        <v>67</v>
      </c>
      <c r="D97" s="18">
        <v>121</v>
      </c>
    </row>
    <row r="98" spans="1:4" ht="18" customHeight="1" x14ac:dyDescent="0.15">
      <c r="A98" s="5">
        <v>76</v>
      </c>
      <c r="B98" s="22">
        <v>66</v>
      </c>
      <c r="C98" s="14">
        <v>82</v>
      </c>
      <c r="D98" s="18">
        <v>148</v>
      </c>
    </row>
    <row r="99" spans="1:4" ht="18" customHeight="1" x14ac:dyDescent="0.15">
      <c r="A99" s="5">
        <v>77</v>
      </c>
      <c r="B99" s="22">
        <v>71</v>
      </c>
      <c r="C99" s="14">
        <v>85</v>
      </c>
      <c r="D99" s="18">
        <v>156</v>
      </c>
    </row>
    <row r="100" spans="1:4" ht="18" customHeight="1" x14ac:dyDescent="0.15">
      <c r="A100" s="5">
        <v>78</v>
      </c>
      <c r="B100" s="22">
        <v>56</v>
      </c>
      <c r="C100" s="14">
        <v>100</v>
      </c>
      <c r="D100" s="18">
        <v>156</v>
      </c>
    </row>
    <row r="101" spans="1:4" ht="18" customHeight="1" x14ac:dyDescent="0.15">
      <c r="A101" s="5">
        <v>79</v>
      </c>
      <c r="B101" s="22">
        <v>62</v>
      </c>
      <c r="C101" s="14">
        <v>76</v>
      </c>
      <c r="D101" s="18">
        <v>138</v>
      </c>
    </row>
    <row r="102" spans="1:4" ht="18" customHeight="1" x14ac:dyDescent="0.15">
      <c r="A102" s="5" t="s">
        <v>0</v>
      </c>
      <c r="B102" s="22">
        <v>309</v>
      </c>
      <c r="C102" s="14">
        <v>410</v>
      </c>
      <c r="D102" s="18">
        <v>719</v>
      </c>
    </row>
    <row r="103" spans="1:4" ht="18" customHeight="1" x14ac:dyDescent="0.15">
      <c r="A103" s="5">
        <v>80</v>
      </c>
      <c r="B103" s="22">
        <v>21</v>
      </c>
      <c r="C103" s="14">
        <v>42</v>
      </c>
      <c r="D103" s="18">
        <v>63</v>
      </c>
    </row>
    <row r="104" spans="1:4" ht="18" customHeight="1" x14ac:dyDescent="0.15">
      <c r="A104" s="5">
        <v>81</v>
      </c>
      <c r="B104" s="22">
        <v>47</v>
      </c>
      <c r="C104" s="14">
        <v>61</v>
      </c>
      <c r="D104" s="18">
        <v>108</v>
      </c>
    </row>
    <row r="105" spans="1:4" ht="18" customHeight="1" x14ac:dyDescent="0.15">
      <c r="A105" s="5">
        <v>82</v>
      </c>
      <c r="B105" s="22">
        <v>60</v>
      </c>
      <c r="C105" s="14">
        <v>64</v>
      </c>
      <c r="D105" s="18">
        <v>124</v>
      </c>
    </row>
    <row r="106" spans="1:4" ht="18" customHeight="1" x14ac:dyDescent="0.15">
      <c r="A106" s="5">
        <v>83</v>
      </c>
      <c r="B106" s="22">
        <v>33</v>
      </c>
      <c r="C106" s="14">
        <v>60</v>
      </c>
      <c r="D106" s="18">
        <v>93</v>
      </c>
    </row>
    <row r="107" spans="1:4" ht="18" customHeight="1" x14ac:dyDescent="0.15">
      <c r="A107" s="5">
        <v>84</v>
      </c>
      <c r="B107" s="22">
        <v>39</v>
      </c>
      <c r="C107" s="14">
        <v>58</v>
      </c>
      <c r="D107" s="18">
        <v>97</v>
      </c>
    </row>
    <row r="108" spans="1:4" ht="18" customHeight="1" x14ac:dyDescent="0.15">
      <c r="A108" s="5" t="s">
        <v>35</v>
      </c>
      <c r="B108" s="22">
        <v>200</v>
      </c>
      <c r="C108" s="14">
        <v>285</v>
      </c>
      <c r="D108" s="18">
        <v>485</v>
      </c>
    </row>
    <row r="109" spans="1:4" ht="18" customHeight="1" x14ac:dyDescent="0.15">
      <c r="A109" s="5">
        <v>85</v>
      </c>
      <c r="B109" s="22">
        <v>17</v>
      </c>
      <c r="C109" s="14">
        <v>47</v>
      </c>
      <c r="D109" s="18">
        <v>64</v>
      </c>
    </row>
    <row r="110" spans="1:4" ht="18" customHeight="1" x14ac:dyDescent="0.15">
      <c r="A110" s="5">
        <v>86</v>
      </c>
      <c r="B110" s="22">
        <v>24</v>
      </c>
      <c r="C110" s="14">
        <v>47</v>
      </c>
      <c r="D110" s="18">
        <v>71</v>
      </c>
    </row>
    <row r="111" spans="1:4" ht="18" customHeight="1" x14ac:dyDescent="0.15">
      <c r="A111" s="5">
        <v>87</v>
      </c>
      <c r="B111" s="22">
        <v>24</v>
      </c>
      <c r="C111" s="14">
        <v>40</v>
      </c>
      <c r="D111" s="18">
        <v>64</v>
      </c>
    </row>
    <row r="112" spans="1:4" ht="18" customHeight="1" x14ac:dyDescent="0.15">
      <c r="A112" s="5">
        <v>88</v>
      </c>
      <c r="B112" s="22">
        <v>22</v>
      </c>
      <c r="C112" s="14">
        <v>46</v>
      </c>
      <c r="D112" s="18">
        <v>68</v>
      </c>
    </row>
    <row r="113" spans="1:4" ht="18" customHeight="1" x14ac:dyDescent="0.15">
      <c r="A113" s="5">
        <v>89</v>
      </c>
      <c r="B113" s="22">
        <v>21</v>
      </c>
      <c r="C113" s="14">
        <v>43</v>
      </c>
      <c r="D113" s="18">
        <v>64</v>
      </c>
    </row>
    <row r="114" spans="1:4" ht="18" customHeight="1" x14ac:dyDescent="0.15">
      <c r="A114" s="5" t="s">
        <v>37</v>
      </c>
      <c r="B114" s="22">
        <v>108</v>
      </c>
      <c r="C114" s="14">
        <v>223</v>
      </c>
      <c r="D114" s="18">
        <v>331</v>
      </c>
    </row>
    <row r="115" spans="1:4" ht="18" customHeight="1" x14ac:dyDescent="0.15">
      <c r="A115" s="5">
        <v>90</v>
      </c>
      <c r="B115" s="22">
        <v>18</v>
      </c>
      <c r="C115" s="14">
        <v>44</v>
      </c>
      <c r="D115" s="18">
        <v>62</v>
      </c>
    </row>
    <row r="116" spans="1:4" ht="18" customHeight="1" x14ac:dyDescent="0.15">
      <c r="A116" s="5">
        <v>91</v>
      </c>
      <c r="B116" s="22">
        <v>13</v>
      </c>
      <c r="C116" s="14">
        <v>30</v>
      </c>
      <c r="D116" s="18">
        <v>43</v>
      </c>
    </row>
    <row r="117" spans="1:4" ht="18" customHeight="1" x14ac:dyDescent="0.15">
      <c r="A117" s="5">
        <v>92</v>
      </c>
      <c r="B117" s="22">
        <v>14</v>
      </c>
      <c r="C117" s="14">
        <v>42</v>
      </c>
      <c r="D117" s="18">
        <v>56</v>
      </c>
    </row>
    <row r="118" spans="1:4" ht="18" customHeight="1" x14ac:dyDescent="0.15">
      <c r="A118" s="5">
        <v>93</v>
      </c>
      <c r="B118" s="22">
        <v>7</v>
      </c>
      <c r="C118" s="14">
        <v>30</v>
      </c>
      <c r="D118" s="18">
        <v>37</v>
      </c>
    </row>
    <row r="119" spans="1:4" ht="18" customHeight="1" x14ac:dyDescent="0.15">
      <c r="A119" s="5">
        <v>94</v>
      </c>
      <c r="B119" s="22">
        <v>7</v>
      </c>
      <c r="C119" s="14">
        <v>26</v>
      </c>
      <c r="D119" s="18">
        <v>33</v>
      </c>
    </row>
    <row r="120" spans="1:4" ht="18" customHeight="1" x14ac:dyDescent="0.15">
      <c r="A120" s="5" t="s">
        <v>39</v>
      </c>
      <c r="B120" s="22">
        <v>59</v>
      </c>
      <c r="C120" s="14">
        <v>172</v>
      </c>
      <c r="D120" s="18">
        <v>231</v>
      </c>
    </row>
    <row r="121" spans="1:4" ht="18" customHeight="1" x14ac:dyDescent="0.15">
      <c r="A121" s="5">
        <v>95</v>
      </c>
      <c r="B121" s="22">
        <v>7</v>
      </c>
      <c r="C121" s="14">
        <v>23</v>
      </c>
      <c r="D121" s="18">
        <v>30</v>
      </c>
    </row>
    <row r="122" spans="1:4" ht="18" customHeight="1" x14ac:dyDescent="0.15">
      <c r="A122" s="5">
        <v>96</v>
      </c>
      <c r="B122" s="22">
        <v>5</v>
      </c>
      <c r="C122" s="14">
        <v>9</v>
      </c>
      <c r="D122" s="18">
        <v>14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16</v>
      </c>
      <c r="C126" s="14">
        <v>51</v>
      </c>
      <c r="D126" s="18">
        <v>67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11</v>
      </c>
      <c r="D129" s="18">
        <v>12</v>
      </c>
    </row>
    <row r="130" spans="1:4" ht="18" customHeight="1" x14ac:dyDescent="0.15">
      <c r="A130" s="5" t="s">
        <v>46</v>
      </c>
      <c r="B130" s="22">
        <v>1262</v>
      </c>
      <c r="C130" s="14">
        <v>1797</v>
      </c>
      <c r="D130" s="18">
        <v>3059</v>
      </c>
    </row>
    <row r="131" spans="1:4" ht="18" customHeight="1" x14ac:dyDescent="0.15">
      <c r="A131" s="7" t="s">
        <v>45</v>
      </c>
      <c r="B131" s="23">
        <v>5045</v>
      </c>
      <c r="C131" s="15">
        <v>5259</v>
      </c>
      <c r="D131" s="19">
        <v>1030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0</v>
      </c>
      <c r="C5" s="13">
        <v>27</v>
      </c>
      <c r="D5" s="17">
        <v>47</v>
      </c>
    </row>
    <row r="6" spans="1:4" ht="18" customHeight="1" x14ac:dyDescent="0.15">
      <c r="A6" s="5">
        <v>1</v>
      </c>
      <c r="B6" s="22">
        <v>24</v>
      </c>
      <c r="C6" s="14">
        <v>26</v>
      </c>
      <c r="D6" s="18">
        <v>50</v>
      </c>
    </row>
    <row r="7" spans="1:4" ht="18" customHeight="1" x14ac:dyDescent="0.15">
      <c r="A7" s="5">
        <v>2</v>
      </c>
      <c r="B7" s="22">
        <v>32</v>
      </c>
      <c r="C7" s="14">
        <v>31</v>
      </c>
      <c r="D7" s="18">
        <v>63</v>
      </c>
    </row>
    <row r="8" spans="1:4" ht="18" customHeight="1" x14ac:dyDescent="0.15">
      <c r="A8" s="5">
        <v>3</v>
      </c>
      <c r="B8" s="22">
        <v>18</v>
      </c>
      <c r="C8" s="14">
        <v>25</v>
      </c>
      <c r="D8" s="18">
        <v>43</v>
      </c>
    </row>
    <row r="9" spans="1:4" ht="18" customHeight="1" x14ac:dyDescent="0.15">
      <c r="A9" s="5">
        <v>4</v>
      </c>
      <c r="B9" s="22">
        <v>44</v>
      </c>
      <c r="C9" s="14">
        <v>34</v>
      </c>
      <c r="D9" s="18">
        <v>78</v>
      </c>
    </row>
    <row r="10" spans="1:4" ht="18" customHeight="1" x14ac:dyDescent="0.15">
      <c r="A10" s="5" t="s">
        <v>7</v>
      </c>
      <c r="B10" s="22">
        <v>138</v>
      </c>
      <c r="C10" s="14">
        <v>143</v>
      </c>
      <c r="D10" s="18">
        <v>281</v>
      </c>
    </row>
    <row r="11" spans="1:4" ht="18" customHeight="1" x14ac:dyDescent="0.15">
      <c r="A11" s="5">
        <v>5</v>
      </c>
      <c r="B11" s="22">
        <v>35</v>
      </c>
      <c r="C11" s="14">
        <v>18</v>
      </c>
      <c r="D11" s="18">
        <v>53</v>
      </c>
    </row>
    <row r="12" spans="1:4" ht="18" customHeight="1" x14ac:dyDescent="0.15">
      <c r="A12" s="5">
        <v>6</v>
      </c>
      <c r="B12" s="22">
        <v>36</v>
      </c>
      <c r="C12" s="14">
        <v>18</v>
      </c>
      <c r="D12" s="18">
        <v>54</v>
      </c>
    </row>
    <row r="13" spans="1:4" ht="18" customHeight="1" x14ac:dyDescent="0.15">
      <c r="A13" s="5">
        <v>7</v>
      </c>
      <c r="B13" s="22">
        <v>36</v>
      </c>
      <c r="C13" s="14">
        <v>36</v>
      </c>
      <c r="D13" s="18">
        <v>72</v>
      </c>
    </row>
    <row r="14" spans="1:4" ht="18" customHeight="1" x14ac:dyDescent="0.15">
      <c r="A14" s="5">
        <v>8</v>
      </c>
      <c r="B14" s="22">
        <v>22</v>
      </c>
      <c r="C14" s="14">
        <v>36</v>
      </c>
      <c r="D14" s="18">
        <v>58</v>
      </c>
    </row>
    <row r="15" spans="1:4" ht="18" customHeight="1" x14ac:dyDescent="0.15">
      <c r="A15" s="5">
        <v>9</v>
      </c>
      <c r="B15" s="22">
        <v>32</v>
      </c>
      <c r="C15" s="14">
        <v>43</v>
      </c>
      <c r="D15" s="18">
        <v>75</v>
      </c>
    </row>
    <row r="16" spans="1:4" ht="18" customHeight="1" x14ac:dyDescent="0.15">
      <c r="A16" s="5" t="s">
        <v>11</v>
      </c>
      <c r="B16" s="22">
        <v>161</v>
      </c>
      <c r="C16" s="14">
        <v>151</v>
      </c>
      <c r="D16" s="18">
        <v>312</v>
      </c>
    </row>
    <row r="17" spans="1:4" ht="18" customHeight="1" x14ac:dyDescent="0.15">
      <c r="A17" s="5">
        <v>10</v>
      </c>
      <c r="B17" s="22">
        <v>35</v>
      </c>
      <c r="C17" s="14">
        <v>34</v>
      </c>
      <c r="D17" s="18">
        <v>69</v>
      </c>
    </row>
    <row r="18" spans="1:4" ht="18" customHeight="1" x14ac:dyDescent="0.15">
      <c r="A18" s="5">
        <v>11</v>
      </c>
      <c r="B18" s="22">
        <v>40</v>
      </c>
      <c r="C18" s="14">
        <v>27</v>
      </c>
      <c r="D18" s="18">
        <v>67</v>
      </c>
    </row>
    <row r="19" spans="1:4" ht="18" customHeight="1" x14ac:dyDescent="0.15">
      <c r="A19" s="5">
        <v>12</v>
      </c>
      <c r="B19" s="22">
        <v>30</v>
      </c>
      <c r="C19" s="14">
        <v>35</v>
      </c>
      <c r="D19" s="18">
        <v>65</v>
      </c>
    </row>
    <row r="20" spans="1:4" ht="18" customHeight="1" x14ac:dyDescent="0.15">
      <c r="A20" s="5">
        <v>13</v>
      </c>
      <c r="B20" s="22">
        <v>30</v>
      </c>
      <c r="C20" s="14">
        <v>34</v>
      </c>
      <c r="D20" s="18">
        <v>64</v>
      </c>
    </row>
    <row r="21" spans="1:4" ht="18" customHeight="1" x14ac:dyDescent="0.15">
      <c r="A21" s="5">
        <v>14</v>
      </c>
      <c r="B21" s="22">
        <v>29</v>
      </c>
      <c r="C21" s="14">
        <v>26</v>
      </c>
      <c r="D21" s="18">
        <v>55</v>
      </c>
    </row>
    <row r="22" spans="1:4" ht="18" customHeight="1" x14ac:dyDescent="0.15">
      <c r="A22" s="5" t="s">
        <v>12</v>
      </c>
      <c r="B22" s="22">
        <v>164</v>
      </c>
      <c r="C22" s="14">
        <v>156</v>
      </c>
      <c r="D22" s="18">
        <v>320</v>
      </c>
    </row>
    <row r="23" spans="1:4" ht="18" customHeight="1" x14ac:dyDescent="0.15">
      <c r="A23" s="5" t="s">
        <v>6</v>
      </c>
      <c r="B23" s="22">
        <v>463</v>
      </c>
      <c r="C23" s="14">
        <v>450</v>
      </c>
      <c r="D23" s="18">
        <v>913</v>
      </c>
    </row>
    <row r="24" spans="1:4" ht="18" customHeight="1" x14ac:dyDescent="0.15">
      <c r="A24" s="5">
        <v>15</v>
      </c>
      <c r="B24" s="22">
        <v>38</v>
      </c>
      <c r="C24" s="14">
        <v>31</v>
      </c>
      <c r="D24" s="18">
        <v>69</v>
      </c>
    </row>
    <row r="25" spans="1:4" ht="18" customHeight="1" x14ac:dyDescent="0.15">
      <c r="A25" s="5">
        <v>16</v>
      </c>
      <c r="B25" s="22">
        <v>35</v>
      </c>
      <c r="C25" s="14">
        <v>25</v>
      </c>
      <c r="D25" s="18">
        <v>60</v>
      </c>
    </row>
    <row r="26" spans="1:4" ht="18" customHeight="1" x14ac:dyDescent="0.15">
      <c r="A26" s="5">
        <v>17</v>
      </c>
      <c r="B26" s="22">
        <v>34</v>
      </c>
      <c r="C26" s="14">
        <v>16</v>
      </c>
      <c r="D26" s="18">
        <v>50</v>
      </c>
    </row>
    <row r="27" spans="1:4" ht="18" customHeight="1" x14ac:dyDescent="0.15">
      <c r="A27" s="5">
        <v>18</v>
      </c>
      <c r="B27" s="22">
        <v>28</v>
      </c>
      <c r="C27" s="14">
        <v>30</v>
      </c>
      <c r="D27" s="18">
        <v>58</v>
      </c>
    </row>
    <row r="28" spans="1:4" ht="18" customHeight="1" x14ac:dyDescent="0.15">
      <c r="A28" s="5">
        <v>19</v>
      </c>
      <c r="B28" s="22">
        <v>33</v>
      </c>
      <c r="C28" s="14">
        <v>21</v>
      </c>
      <c r="D28" s="18">
        <v>54</v>
      </c>
    </row>
    <row r="29" spans="1:4" ht="18" customHeight="1" x14ac:dyDescent="0.15">
      <c r="A29" s="5" t="s">
        <v>14</v>
      </c>
      <c r="B29" s="22">
        <v>168</v>
      </c>
      <c r="C29" s="14">
        <v>123</v>
      </c>
      <c r="D29" s="18">
        <v>291</v>
      </c>
    </row>
    <row r="30" spans="1:4" ht="18" customHeight="1" x14ac:dyDescent="0.15">
      <c r="A30" s="5">
        <v>20</v>
      </c>
      <c r="B30" s="22">
        <v>26</v>
      </c>
      <c r="C30" s="14">
        <v>33</v>
      </c>
      <c r="D30" s="18">
        <v>59</v>
      </c>
    </row>
    <row r="31" spans="1:4" ht="18" customHeight="1" x14ac:dyDescent="0.15">
      <c r="A31" s="5">
        <v>21</v>
      </c>
      <c r="B31" s="22">
        <v>24</v>
      </c>
      <c r="C31" s="14">
        <v>24</v>
      </c>
      <c r="D31" s="18">
        <v>48</v>
      </c>
    </row>
    <row r="32" spans="1:4" ht="18" customHeight="1" x14ac:dyDescent="0.15">
      <c r="A32" s="5">
        <v>22</v>
      </c>
      <c r="B32" s="22">
        <v>38</v>
      </c>
      <c r="C32" s="14">
        <v>51</v>
      </c>
      <c r="D32" s="18">
        <v>89</v>
      </c>
    </row>
    <row r="33" spans="1:4" ht="18" customHeight="1" x14ac:dyDescent="0.15">
      <c r="A33" s="5">
        <v>23</v>
      </c>
      <c r="B33" s="22">
        <v>33</v>
      </c>
      <c r="C33" s="14">
        <v>38</v>
      </c>
      <c r="D33" s="18">
        <v>71</v>
      </c>
    </row>
    <row r="34" spans="1:4" ht="18" customHeight="1" x14ac:dyDescent="0.15">
      <c r="A34" s="5">
        <v>24</v>
      </c>
      <c r="B34" s="22">
        <v>55</v>
      </c>
      <c r="C34" s="14">
        <v>40</v>
      </c>
      <c r="D34" s="18">
        <v>95</v>
      </c>
    </row>
    <row r="35" spans="1:4" ht="18" customHeight="1" x14ac:dyDescent="0.15">
      <c r="A35" s="5" t="s">
        <v>9</v>
      </c>
      <c r="B35" s="22">
        <v>176</v>
      </c>
      <c r="C35" s="14">
        <v>186</v>
      </c>
      <c r="D35" s="18">
        <v>362</v>
      </c>
    </row>
    <row r="36" spans="1:4" ht="18" customHeight="1" x14ac:dyDescent="0.15">
      <c r="A36" s="5">
        <v>25</v>
      </c>
      <c r="B36" s="22">
        <v>46</v>
      </c>
      <c r="C36" s="14">
        <v>33</v>
      </c>
      <c r="D36" s="18">
        <v>79</v>
      </c>
    </row>
    <row r="37" spans="1:4" ht="18" customHeight="1" x14ac:dyDescent="0.15">
      <c r="A37" s="5">
        <v>26</v>
      </c>
      <c r="B37" s="22">
        <v>51</v>
      </c>
      <c r="C37" s="14">
        <v>29</v>
      </c>
      <c r="D37" s="18">
        <v>80</v>
      </c>
    </row>
    <row r="38" spans="1:4" ht="18" customHeight="1" x14ac:dyDescent="0.15">
      <c r="A38" s="5">
        <v>27</v>
      </c>
      <c r="B38" s="22">
        <v>52</v>
      </c>
      <c r="C38" s="14">
        <v>51</v>
      </c>
      <c r="D38" s="18">
        <v>103</v>
      </c>
    </row>
    <row r="39" spans="1:4" ht="18" customHeight="1" x14ac:dyDescent="0.15">
      <c r="A39" s="5">
        <v>28</v>
      </c>
      <c r="B39" s="22">
        <v>49</v>
      </c>
      <c r="C39" s="14">
        <v>51</v>
      </c>
      <c r="D39" s="18">
        <v>100</v>
      </c>
    </row>
    <row r="40" spans="1:4" ht="18" customHeight="1" x14ac:dyDescent="0.15">
      <c r="A40" s="5">
        <v>29</v>
      </c>
      <c r="B40" s="22">
        <v>37</v>
      </c>
      <c r="C40" s="14">
        <v>45</v>
      </c>
      <c r="D40" s="18">
        <v>82</v>
      </c>
    </row>
    <row r="41" spans="1:4" ht="18" customHeight="1" x14ac:dyDescent="0.15">
      <c r="A41" s="5" t="s">
        <v>2</v>
      </c>
      <c r="B41" s="22">
        <v>235</v>
      </c>
      <c r="C41" s="14">
        <v>209</v>
      </c>
      <c r="D41" s="18">
        <v>444</v>
      </c>
    </row>
    <row r="42" spans="1:4" ht="18" customHeight="1" x14ac:dyDescent="0.15">
      <c r="A42" s="5">
        <v>30</v>
      </c>
      <c r="B42" s="22">
        <v>51</v>
      </c>
      <c r="C42" s="14">
        <v>45</v>
      </c>
      <c r="D42" s="18">
        <v>96</v>
      </c>
    </row>
    <row r="43" spans="1:4" ht="18" customHeight="1" x14ac:dyDescent="0.15">
      <c r="A43" s="5">
        <v>31</v>
      </c>
      <c r="B43" s="22">
        <v>51</v>
      </c>
      <c r="C43" s="14">
        <v>44</v>
      </c>
      <c r="D43" s="18">
        <v>95</v>
      </c>
    </row>
    <row r="44" spans="1:4" ht="18" customHeight="1" x14ac:dyDescent="0.15">
      <c r="A44" s="5">
        <v>32</v>
      </c>
      <c r="B44" s="22">
        <v>47</v>
      </c>
      <c r="C44" s="14">
        <v>33</v>
      </c>
      <c r="D44" s="18">
        <v>80</v>
      </c>
    </row>
    <row r="45" spans="1:4" ht="18" customHeight="1" x14ac:dyDescent="0.15">
      <c r="A45" s="5">
        <v>33</v>
      </c>
      <c r="B45" s="22">
        <v>53</v>
      </c>
      <c r="C45" s="14">
        <v>47</v>
      </c>
      <c r="D45" s="18">
        <v>100</v>
      </c>
    </row>
    <row r="46" spans="1:4" ht="18" customHeight="1" x14ac:dyDescent="0.15">
      <c r="A46" s="5">
        <v>34</v>
      </c>
      <c r="B46" s="22">
        <v>38</v>
      </c>
      <c r="C46" s="14">
        <v>48</v>
      </c>
      <c r="D46" s="18">
        <v>86</v>
      </c>
    </row>
    <row r="47" spans="1:4" ht="18" customHeight="1" x14ac:dyDescent="0.15">
      <c r="A47" s="5" t="s">
        <v>15</v>
      </c>
      <c r="B47" s="22">
        <v>240</v>
      </c>
      <c r="C47" s="14">
        <v>217</v>
      </c>
      <c r="D47" s="18">
        <v>457</v>
      </c>
    </row>
    <row r="48" spans="1:4" ht="18" customHeight="1" x14ac:dyDescent="0.15">
      <c r="A48" s="5">
        <v>35</v>
      </c>
      <c r="B48" s="22">
        <v>47</v>
      </c>
      <c r="C48" s="14">
        <v>29</v>
      </c>
      <c r="D48" s="18">
        <v>76</v>
      </c>
    </row>
    <row r="49" spans="1:4" ht="18" customHeight="1" x14ac:dyDescent="0.15">
      <c r="A49" s="5">
        <v>36</v>
      </c>
      <c r="B49" s="22">
        <v>43</v>
      </c>
      <c r="C49" s="14">
        <v>47</v>
      </c>
      <c r="D49" s="18">
        <v>90</v>
      </c>
    </row>
    <row r="50" spans="1:4" ht="18" customHeight="1" x14ac:dyDescent="0.15">
      <c r="A50" s="5">
        <v>37</v>
      </c>
      <c r="B50" s="22">
        <v>43</v>
      </c>
      <c r="C50" s="14">
        <v>47</v>
      </c>
      <c r="D50" s="18">
        <v>90</v>
      </c>
    </row>
    <row r="51" spans="1:4" ht="18" customHeight="1" x14ac:dyDescent="0.15">
      <c r="A51" s="5">
        <v>38</v>
      </c>
      <c r="B51" s="22">
        <v>56</v>
      </c>
      <c r="C51" s="14">
        <v>44</v>
      </c>
      <c r="D51" s="18">
        <v>100</v>
      </c>
    </row>
    <row r="52" spans="1:4" ht="18" customHeight="1" x14ac:dyDescent="0.15">
      <c r="A52" s="5">
        <v>39</v>
      </c>
      <c r="B52" s="22">
        <v>53</v>
      </c>
      <c r="C52" s="14">
        <v>36</v>
      </c>
      <c r="D52" s="18">
        <v>89</v>
      </c>
    </row>
    <row r="53" spans="1:4" ht="18" customHeight="1" x14ac:dyDescent="0.15">
      <c r="A53" s="5" t="s">
        <v>18</v>
      </c>
      <c r="B53" s="22">
        <v>242</v>
      </c>
      <c r="C53" s="14">
        <v>203</v>
      </c>
      <c r="D53" s="18">
        <v>445</v>
      </c>
    </row>
    <row r="54" spans="1:4" ht="18" customHeight="1" x14ac:dyDescent="0.15">
      <c r="A54" s="5">
        <v>40</v>
      </c>
      <c r="B54" s="22">
        <v>51</v>
      </c>
      <c r="C54" s="14">
        <v>51</v>
      </c>
      <c r="D54" s="18">
        <v>102</v>
      </c>
    </row>
    <row r="55" spans="1:4" ht="18" customHeight="1" x14ac:dyDescent="0.15">
      <c r="A55" s="5">
        <v>41</v>
      </c>
      <c r="B55" s="22">
        <v>48</v>
      </c>
      <c r="C55" s="14">
        <v>52</v>
      </c>
      <c r="D55" s="18">
        <v>100</v>
      </c>
    </row>
    <row r="56" spans="1:4" ht="18" customHeight="1" x14ac:dyDescent="0.15">
      <c r="A56" s="5">
        <v>42</v>
      </c>
      <c r="B56" s="22">
        <v>49</v>
      </c>
      <c r="C56" s="14">
        <v>39</v>
      </c>
      <c r="D56" s="18">
        <v>88</v>
      </c>
    </row>
    <row r="57" spans="1:4" ht="18" customHeight="1" x14ac:dyDescent="0.15">
      <c r="A57" s="5">
        <v>43</v>
      </c>
      <c r="B57" s="22">
        <v>70</v>
      </c>
      <c r="C57" s="14">
        <v>50</v>
      </c>
      <c r="D57" s="18">
        <v>120</v>
      </c>
    </row>
    <row r="58" spans="1:4" ht="18" customHeight="1" x14ac:dyDescent="0.15">
      <c r="A58" s="5">
        <v>44</v>
      </c>
      <c r="B58" s="22">
        <v>44</v>
      </c>
      <c r="C58" s="14">
        <v>44</v>
      </c>
      <c r="D58" s="18">
        <v>88</v>
      </c>
    </row>
    <row r="59" spans="1:4" ht="18" customHeight="1" x14ac:dyDescent="0.15">
      <c r="A59" s="5" t="s">
        <v>21</v>
      </c>
      <c r="B59" s="22">
        <v>262</v>
      </c>
      <c r="C59" s="14">
        <v>236</v>
      </c>
      <c r="D59" s="18">
        <v>498</v>
      </c>
    </row>
    <row r="60" spans="1:4" ht="18" customHeight="1" x14ac:dyDescent="0.15">
      <c r="A60" s="5">
        <v>45</v>
      </c>
      <c r="B60" s="22">
        <v>34</v>
      </c>
      <c r="C60" s="14">
        <v>45</v>
      </c>
      <c r="D60" s="18">
        <v>79</v>
      </c>
    </row>
    <row r="61" spans="1:4" ht="18" customHeight="1" x14ac:dyDescent="0.15">
      <c r="A61" s="5">
        <v>46</v>
      </c>
      <c r="B61" s="22">
        <v>46</v>
      </c>
      <c r="C61" s="14">
        <v>42</v>
      </c>
      <c r="D61" s="18">
        <v>88</v>
      </c>
    </row>
    <row r="62" spans="1:4" ht="18" customHeight="1" x14ac:dyDescent="0.15">
      <c r="A62" s="5">
        <v>47</v>
      </c>
      <c r="B62" s="22">
        <v>47</v>
      </c>
      <c r="C62" s="14">
        <v>42</v>
      </c>
      <c r="D62" s="18">
        <v>89</v>
      </c>
    </row>
    <row r="63" spans="1:4" ht="18" customHeight="1" x14ac:dyDescent="0.15">
      <c r="A63" s="5">
        <v>48</v>
      </c>
      <c r="B63" s="22">
        <v>60</v>
      </c>
      <c r="C63" s="14">
        <v>49</v>
      </c>
      <c r="D63" s="18">
        <v>109</v>
      </c>
    </row>
    <row r="64" spans="1:4" ht="18" customHeight="1" x14ac:dyDescent="0.15">
      <c r="A64" s="5">
        <v>49</v>
      </c>
      <c r="B64" s="22">
        <v>53</v>
      </c>
      <c r="C64" s="14">
        <v>63</v>
      </c>
      <c r="D64" s="18">
        <v>116</v>
      </c>
    </row>
    <row r="65" spans="1:4" ht="18" customHeight="1" x14ac:dyDescent="0.15">
      <c r="A65" s="5" t="s">
        <v>17</v>
      </c>
      <c r="B65" s="22">
        <v>240</v>
      </c>
      <c r="C65" s="14">
        <v>241</v>
      </c>
      <c r="D65" s="18">
        <v>481</v>
      </c>
    </row>
    <row r="66" spans="1:4" ht="18" customHeight="1" x14ac:dyDescent="0.15">
      <c r="A66" s="5">
        <v>50</v>
      </c>
      <c r="B66" s="22">
        <v>60</v>
      </c>
      <c r="C66" s="14">
        <v>51</v>
      </c>
      <c r="D66" s="18">
        <v>111</v>
      </c>
    </row>
    <row r="67" spans="1:4" ht="18" customHeight="1" x14ac:dyDescent="0.15">
      <c r="A67" s="5">
        <v>51</v>
      </c>
      <c r="B67" s="22">
        <v>55</v>
      </c>
      <c r="C67" s="14">
        <v>57</v>
      </c>
      <c r="D67" s="18">
        <v>112</v>
      </c>
    </row>
    <row r="68" spans="1:4" ht="18" customHeight="1" x14ac:dyDescent="0.15">
      <c r="A68" s="5">
        <v>52</v>
      </c>
      <c r="B68" s="22">
        <v>61</v>
      </c>
      <c r="C68" s="14">
        <v>44</v>
      </c>
      <c r="D68" s="18">
        <v>105</v>
      </c>
    </row>
    <row r="69" spans="1:4" ht="18" customHeight="1" x14ac:dyDescent="0.15">
      <c r="A69" s="5">
        <v>53</v>
      </c>
      <c r="B69" s="22">
        <v>75</v>
      </c>
      <c r="C69" s="14">
        <v>62</v>
      </c>
      <c r="D69" s="18">
        <v>137</v>
      </c>
    </row>
    <row r="70" spans="1:4" ht="18" customHeight="1" x14ac:dyDescent="0.15">
      <c r="A70" s="5">
        <v>54</v>
      </c>
      <c r="B70" s="22">
        <v>54</v>
      </c>
      <c r="C70" s="14">
        <v>58</v>
      </c>
      <c r="D70" s="18">
        <v>112</v>
      </c>
    </row>
    <row r="71" spans="1:4" ht="18" customHeight="1" x14ac:dyDescent="0.15">
      <c r="A71" s="5" t="s">
        <v>22</v>
      </c>
      <c r="B71" s="22">
        <v>305</v>
      </c>
      <c r="C71" s="14">
        <v>272</v>
      </c>
      <c r="D71" s="18">
        <v>577</v>
      </c>
    </row>
    <row r="72" spans="1:4" ht="18" customHeight="1" x14ac:dyDescent="0.15">
      <c r="A72" s="5">
        <v>55</v>
      </c>
      <c r="B72" s="22">
        <v>51</v>
      </c>
      <c r="C72" s="14">
        <v>54</v>
      </c>
      <c r="D72" s="18">
        <v>105</v>
      </c>
    </row>
    <row r="73" spans="1:4" ht="18" customHeight="1" x14ac:dyDescent="0.15">
      <c r="A73" s="5">
        <v>56</v>
      </c>
      <c r="B73" s="22">
        <v>56</v>
      </c>
      <c r="C73" s="14">
        <v>53</v>
      </c>
      <c r="D73" s="18">
        <v>109</v>
      </c>
    </row>
    <row r="74" spans="1:4" ht="18" customHeight="1" x14ac:dyDescent="0.15">
      <c r="A74" s="5">
        <v>57</v>
      </c>
      <c r="B74" s="22">
        <v>60</v>
      </c>
      <c r="C74" s="14">
        <v>60</v>
      </c>
      <c r="D74" s="18">
        <v>120</v>
      </c>
    </row>
    <row r="75" spans="1:4" ht="18" customHeight="1" x14ac:dyDescent="0.15">
      <c r="A75" s="5">
        <v>58</v>
      </c>
      <c r="B75" s="22">
        <v>59</v>
      </c>
      <c r="C75" s="14">
        <v>58</v>
      </c>
      <c r="D75" s="18">
        <v>117</v>
      </c>
    </row>
    <row r="76" spans="1:4" ht="18" customHeight="1" x14ac:dyDescent="0.15">
      <c r="A76" s="5">
        <v>59</v>
      </c>
      <c r="B76" s="22">
        <v>62</v>
      </c>
      <c r="C76" s="14">
        <v>58</v>
      </c>
      <c r="D76" s="18">
        <v>120</v>
      </c>
    </row>
    <row r="77" spans="1:4" ht="18" customHeight="1" x14ac:dyDescent="0.15">
      <c r="A77" s="5" t="s">
        <v>27</v>
      </c>
      <c r="B77" s="22">
        <v>288</v>
      </c>
      <c r="C77" s="14">
        <v>283</v>
      </c>
      <c r="D77" s="18">
        <v>571</v>
      </c>
    </row>
    <row r="78" spans="1:4" ht="18" customHeight="1" x14ac:dyDescent="0.15">
      <c r="A78" s="5">
        <v>60</v>
      </c>
      <c r="B78" s="22">
        <v>56</v>
      </c>
      <c r="C78" s="14">
        <v>56</v>
      </c>
      <c r="D78" s="18">
        <v>112</v>
      </c>
    </row>
    <row r="79" spans="1:4" ht="18" customHeight="1" x14ac:dyDescent="0.15">
      <c r="A79" s="5">
        <v>61</v>
      </c>
      <c r="B79" s="22">
        <v>62</v>
      </c>
      <c r="C79" s="14">
        <v>49</v>
      </c>
      <c r="D79" s="18">
        <v>111</v>
      </c>
    </row>
    <row r="80" spans="1:4" ht="18" customHeight="1" x14ac:dyDescent="0.15">
      <c r="A80" s="5">
        <v>62</v>
      </c>
      <c r="B80" s="22">
        <v>51</v>
      </c>
      <c r="C80" s="14">
        <v>62</v>
      </c>
      <c r="D80" s="18">
        <v>113</v>
      </c>
    </row>
    <row r="81" spans="1:4" ht="18" customHeight="1" x14ac:dyDescent="0.15">
      <c r="A81" s="5">
        <v>63</v>
      </c>
      <c r="B81" s="22">
        <v>40</v>
      </c>
      <c r="C81" s="14">
        <v>59</v>
      </c>
      <c r="D81" s="18">
        <v>99</v>
      </c>
    </row>
    <row r="82" spans="1:4" ht="18" customHeight="1" x14ac:dyDescent="0.15">
      <c r="A82" s="5">
        <v>64</v>
      </c>
      <c r="B82" s="22">
        <v>42</v>
      </c>
      <c r="C82" s="14">
        <v>50</v>
      </c>
      <c r="D82" s="18">
        <v>92</v>
      </c>
    </row>
    <row r="83" spans="1:4" ht="18" customHeight="1" x14ac:dyDescent="0.15">
      <c r="A83" s="5" t="s">
        <v>28</v>
      </c>
      <c r="B83" s="22">
        <v>251</v>
      </c>
      <c r="C83" s="14">
        <v>276</v>
      </c>
      <c r="D83" s="18">
        <v>527</v>
      </c>
    </row>
    <row r="84" spans="1:4" ht="18" customHeight="1" x14ac:dyDescent="0.15">
      <c r="A84" s="5" t="s">
        <v>31</v>
      </c>
      <c r="B84" s="22">
        <v>2407</v>
      </c>
      <c r="C84" s="14">
        <v>2246</v>
      </c>
      <c r="D84" s="18">
        <v>4653</v>
      </c>
    </row>
    <row r="85" spans="1:4" ht="18" customHeight="1" x14ac:dyDescent="0.15">
      <c r="A85" s="5">
        <v>65</v>
      </c>
      <c r="B85" s="22">
        <v>50</v>
      </c>
      <c r="C85" s="14">
        <v>35</v>
      </c>
      <c r="D85" s="18">
        <v>85</v>
      </c>
    </row>
    <row r="86" spans="1:4" ht="18" customHeight="1" x14ac:dyDescent="0.15">
      <c r="A86" s="5">
        <v>66</v>
      </c>
      <c r="B86" s="22">
        <v>45</v>
      </c>
      <c r="C86" s="14">
        <v>36</v>
      </c>
      <c r="D86" s="18">
        <v>81</v>
      </c>
    </row>
    <row r="87" spans="1:4" ht="18" customHeight="1" x14ac:dyDescent="0.15">
      <c r="A87" s="5">
        <v>67</v>
      </c>
      <c r="B87" s="22">
        <v>45</v>
      </c>
      <c r="C87" s="14">
        <v>45</v>
      </c>
      <c r="D87" s="18">
        <v>90</v>
      </c>
    </row>
    <row r="88" spans="1:4" ht="18" customHeight="1" x14ac:dyDescent="0.15">
      <c r="A88" s="5">
        <v>68</v>
      </c>
      <c r="B88" s="22">
        <v>52</v>
      </c>
      <c r="C88" s="14">
        <v>38</v>
      </c>
      <c r="D88" s="18">
        <v>90</v>
      </c>
    </row>
    <row r="89" spans="1:4" ht="18" customHeight="1" x14ac:dyDescent="0.15">
      <c r="A89" s="5">
        <v>69</v>
      </c>
      <c r="B89" s="22">
        <v>39</v>
      </c>
      <c r="C89" s="14">
        <v>31</v>
      </c>
      <c r="D89" s="18">
        <v>70</v>
      </c>
    </row>
    <row r="90" spans="1:4" ht="18" customHeight="1" x14ac:dyDescent="0.15">
      <c r="A90" s="5" t="s">
        <v>20</v>
      </c>
      <c r="B90" s="22">
        <v>231</v>
      </c>
      <c r="C90" s="14">
        <v>185</v>
      </c>
      <c r="D90" s="18">
        <v>416</v>
      </c>
    </row>
    <row r="91" spans="1:4" ht="18" customHeight="1" x14ac:dyDescent="0.15">
      <c r="A91" s="5">
        <v>70</v>
      </c>
      <c r="B91" s="22">
        <v>46</v>
      </c>
      <c r="C91" s="14">
        <v>47</v>
      </c>
      <c r="D91" s="18">
        <v>93</v>
      </c>
    </row>
    <row r="92" spans="1:4" ht="18" customHeight="1" x14ac:dyDescent="0.15">
      <c r="A92" s="5">
        <v>71</v>
      </c>
      <c r="B92" s="22">
        <v>27</v>
      </c>
      <c r="C92" s="14">
        <v>55</v>
      </c>
      <c r="D92" s="18">
        <v>82</v>
      </c>
    </row>
    <row r="93" spans="1:4" ht="18" customHeight="1" x14ac:dyDescent="0.15">
      <c r="A93" s="5">
        <v>72</v>
      </c>
      <c r="B93" s="22">
        <v>48</v>
      </c>
      <c r="C93" s="14">
        <v>47</v>
      </c>
      <c r="D93" s="18">
        <v>95</v>
      </c>
    </row>
    <row r="94" spans="1:4" ht="18" customHeight="1" x14ac:dyDescent="0.15">
      <c r="A94" s="5">
        <v>73</v>
      </c>
      <c r="B94" s="22">
        <v>41</v>
      </c>
      <c r="C94" s="14">
        <v>52</v>
      </c>
      <c r="D94" s="18">
        <v>93</v>
      </c>
    </row>
    <row r="95" spans="1:4" ht="18" customHeight="1" x14ac:dyDescent="0.15">
      <c r="A95" s="5">
        <v>74</v>
      </c>
      <c r="B95" s="22">
        <v>29</v>
      </c>
      <c r="C95" s="14">
        <v>52</v>
      </c>
      <c r="D95" s="18">
        <v>81</v>
      </c>
    </row>
    <row r="96" spans="1:4" ht="18" customHeight="1" x14ac:dyDescent="0.15">
      <c r="A96" s="5" t="s">
        <v>33</v>
      </c>
      <c r="B96" s="22">
        <v>191</v>
      </c>
      <c r="C96" s="14">
        <v>253</v>
      </c>
      <c r="D96" s="18">
        <v>444</v>
      </c>
    </row>
    <row r="97" spans="1:4" ht="18" customHeight="1" x14ac:dyDescent="0.15">
      <c r="A97" s="5">
        <v>75</v>
      </c>
      <c r="B97" s="22">
        <v>46</v>
      </c>
      <c r="C97" s="14">
        <v>58</v>
      </c>
      <c r="D97" s="18">
        <v>104</v>
      </c>
    </row>
    <row r="98" spans="1:4" ht="18" customHeight="1" x14ac:dyDescent="0.15">
      <c r="A98" s="5">
        <v>76</v>
      </c>
      <c r="B98" s="22">
        <v>45</v>
      </c>
      <c r="C98" s="14">
        <v>56</v>
      </c>
      <c r="D98" s="18">
        <v>101</v>
      </c>
    </row>
    <row r="99" spans="1:4" ht="18" customHeight="1" x14ac:dyDescent="0.15">
      <c r="A99" s="5">
        <v>77</v>
      </c>
      <c r="B99" s="22">
        <v>76</v>
      </c>
      <c r="C99" s="14">
        <v>76</v>
      </c>
      <c r="D99" s="18">
        <v>152</v>
      </c>
    </row>
    <row r="100" spans="1:4" ht="18" customHeight="1" x14ac:dyDescent="0.15">
      <c r="A100" s="5">
        <v>78</v>
      </c>
      <c r="B100" s="22">
        <v>49</v>
      </c>
      <c r="C100" s="14">
        <v>75</v>
      </c>
      <c r="D100" s="18">
        <v>124</v>
      </c>
    </row>
    <row r="101" spans="1:4" ht="18" customHeight="1" x14ac:dyDescent="0.15">
      <c r="A101" s="5">
        <v>79</v>
      </c>
      <c r="B101" s="22">
        <v>45</v>
      </c>
      <c r="C101" s="14">
        <v>64</v>
      </c>
      <c r="D101" s="18">
        <v>109</v>
      </c>
    </row>
    <row r="102" spans="1:4" ht="18" customHeight="1" x14ac:dyDescent="0.15">
      <c r="A102" s="5" t="s">
        <v>0</v>
      </c>
      <c r="B102" s="22">
        <v>261</v>
      </c>
      <c r="C102" s="14">
        <v>329</v>
      </c>
      <c r="D102" s="18">
        <v>590</v>
      </c>
    </row>
    <row r="103" spans="1:4" ht="18" customHeight="1" x14ac:dyDescent="0.15">
      <c r="A103" s="5">
        <v>80</v>
      </c>
      <c r="B103" s="22">
        <v>29</v>
      </c>
      <c r="C103" s="14">
        <v>40</v>
      </c>
      <c r="D103" s="18">
        <v>69</v>
      </c>
    </row>
    <row r="104" spans="1:4" ht="18" customHeight="1" x14ac:dyDescent="0.15">
      <c r="A104" s="5">
        <v>81</v>
      </c>
      <c r="B104" s="22">
        <v>29</v>
      </c>
      <c r="C104" s="14">
        <v>58</v>
      </c>
      <c r="D104" s="18">
        <v>87</v>
      </c>
    </row>
    <row r="105" spans="1:4" ht="18" customHeight="1" x14ac:dyDescent="0.15">
      <c r="A105" s="5">
        <v>82</v>
      </c>
      <c r="B105" s="22">
        <v>44</v>
      </c>
      <c r="C105" s="14">
        <v>69</v>
      </c>
      <c r="D105" s="18">
        <v>113</v>
      </c>
    </row>
    <row r="106" spans="1:4" ht="18" customHeight="1" x14ac:dyDescent="0.15">
      <c r="A106" s="5">
        <v>83</v>
      </c>
      <c r="B106" s="22">
        <v>38</v>
      </c>
      <c r="C106" s="14">
        <v>47</v>
      </c>
      <c r="D106" s="18">
        <v>85</v>
      </c>
    </row>
    <row r="107" spans="1:4" ht="18" customHeight="1" x14ac:dyDescent="0.15">
      <c r="A107" s="5">
        <v>84</v>
      </c>
      <c r="B107" s="22">
        <v>27</v>
      </c>
      <c r="C107" s="14">
        <v>62</v>
      </c>
      <c r="D107" s="18">
        <v>89</v>
      </c>
    </row>
    <row r="108" spans="1:4" ht="18" customHeight="1" x14ac:dyDescent="0.15">
      <c r="A108" s="5" t="s">
        <v>35</v>
      </c>
      <c r="B108" s="22">
        <v>167</v>
      </c>
      <c r="C108" s="14">
        <v>276</v>
      </c>
      <c r="D108" s="18">
        <v>443</v>
      </c>
    </row>
    <row r="109" spans="1:4" ht="18" customHeight="1" x14ac:dyDescent="0.15">
      <c r="A109" s="5">
        <v>85</v>
      </c>
      <c r="B109" s="22">
        <v>35</v>
      </c>
      <c r="C109" s="14">
        <v>59</v>
      </c>
      <c r="D109" s="18">
        <v>94</v>
      </c>
    </row>
    <row r="110" spans="1:4" ht="18" customHeight="1" x14ac:dyDescent="0.15">
      <c r="A110" s="5">
        <v>86</v>
      </c>
      <c r="B110" s="22">
        <v>23</v>
      </c>
      <c r="C110" s="14">
        <v>43</v>
      </c>
      <c r="D110" s="18">
        <v>66</v>
      </c>
    </row>
    <row r="111" spans="1:4" ht="18" customHeight="1" x14ac:dyDescent="0.15">
      <c r="A111" s="5">
        <v>87</v>
      </c>
      <c r="B111" s="22">
        <v>27</v>
      </c>
      <c r="C111" s="14">
        <v>36</v>
      </c>
      <c r="D111" s="18">
        <v>63</v>
      </c>
    </row>
    <row r="112" spans="1:4" ht="18" customHeight="1" x14ac:dyDescent="0.15">
      <c r="A112" s="5">
        <v>88</v>
      </c>
      <c r="B112" s="22">
        <v>17</v>
      </c>
      <c r="C112" s="14">
        <v>34</v>
      </c>
      <c r="D112" s="18">
        <v>51</v>
      </c>
    </row>
    <row r="113" spans="1:4" ht="18" customHeight="1" x14ac:dyDescent="0.15">
      <c r="A113" s="5">
        <v>89</v>
      </c>
      <c r="B113" s="22">
        <v>22</v>
      </c>
      <c r="C113" s="14">
        <v>35</v>
      </c>
      <c r="D113" s="18">
        <v>57</v>
      </c>
    </row>
    <row r="114" spans="1:4" ht="18" customHeight="1" x14ac:dyDescent="0.15">
      <c r="A114" s="5" t="s">
        <v>37</v>
      </c>
      <c r="B114" s="22">
        <v>124</v>
      </c>
      <c r="C114" s="14">
        <v>207</v>
      </c>
      <c r="D114" s="18">
        <v>331</v>
      </c>
    </row>
    <row r="115" spans="1:4" ht="18" customHeight="1" x14ac:dyDescent="0.15">
      <c r="A115" s="5">
        <v>90</v>
      </c>
      <c r="B115" s="22">
        <v>18</v>
      </c>
      <c r="C115" s="14">
        <v>33</v>
      </c>
      <c r="D115" s="18">
        <v>51</v>
      </c>
    </row>
    <row r="116" spans="1:4" ht="18" customHeight="1" x14ac:dyDescent="0.15">
      <c r="A116" s="5">
        <v>91</v>
      </c>
      <c r="B116" s="22">
        <v>13</v>
      </c>
      <c r="C116" s="14">
        <v>17</v>
      </c>
      <c r="D116" s="18">
        <v>30</v>
      </c>
    </row>
    <row r="117" spans="1:4" ht="18" customHeight="1" x14ac:dyDescent="0.15">
      <c r="A117" s="5">
        <v>92</v>
      </c>
      <c r="B117" s="22">
        <v>12</v>
      </c>
      <c r="C117" s="14">
        <v>21</v>
      </c>
      <c r="D117" s="18">
        <v>33</v>
      </c>
    </row>
    <row r="118" spans="1:4" ht="18" customHeight="1" x14ac:dyDescent="0.15">
      <c r="A118" s="5">
        <v>93</v>
      </c>
      <c r="B118" s="22">
        <v>2</v>
      </c>
      <c r="C118" s="14">
        <v>33</v>
      </c>
      <c r="D118" s="18">
        <v>35</v>
      </c>
    </row>
    <row r="119" spans="1:4" ht="18" customHeight="1" x14ac:dyDescent="0.15">
      <c r="A119" s="5">
        <v>94</v>
      </c>
      <c r="B119" s="22">
        <v>4</v>
      </c>
      <c r="C119" s="14">
        <v>15</v>
      </c>
      <c r="D119" s="18">
        <v>19</v>
      </c>
    </row>
    <row r="120" spans="1:4" ht="18" customHeight="1" x14ac:dyDescent="0.15">
      <c r="A120" s="5" t="s">
        <v>39</v>
      </c>
      <c r="B120" s="22">
        <v>49</v>
      </c>
      <c r="C120" s="14">
        <v>119</v>
      </c>
      <c r="D120" s="18">
        <v>168</v>
      </c>
    </row>
    <row r="121" spans="1:4" ht="18" customHeight="1" x14ac:dyDescent="0.15">
      <c r="A121" s="5">
        <v>95</v>
      </c>
      <c r="B121" s="22">
        <v>5</v>
      </c>
      <c r="C121" s="14">
        <v>15</v>
      </c>
      <c r="D121" s="18">
        <v>20</v>
      </c>
    </row>
    <row r="122" spans="1:4" ht="18" customHeight="1" x14ac:dyDescent="0.15">
      <c r="A122" s="5">
        <v>96</v>
      </c>
      <c r="B122" s="22">
        <v>3</v>
      </c>
      <c r="C122" s="14">
        <v>15</v>
      </c>
      <c r="D122" s="18">
        <v>18</v>
      </c>
    </row>
    <row r="123" spans="1:4" ht="18" customHeight="1" x14ac:dyDescent="0.15">
      <c r="A123" s="5">
        <v>97</v>
      </c>
      <c r="B123" s="22">
        <v>3</v>
      </c>
      <c r="C123" s="14">
        <v>12</v>
      </c>
      <c r="D123" s="18">
        <v>15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2</v>
      </c>
      <c r="C126" s="14">
        <v>49</v>
      </c>
      <c r="D126" s="18">
        <v>6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35</v>
      </c>
      <c r="C130" s="14">
        <v>1423</v>
      </c>
      <c r="D130" s="18">
        <v>2458</v>
      </c>
    </row>
    <row r="131" spans="1:4" ht="18" customHeight="1" x14ac:dyDescent="0.15">
      <c r="A131" s="7" t="s">
        <v>45</v>
      </c>
      <c r="B131" s="23">
        <v>3905</v>
      </c>
      <c r="C131" s="15">
        <v>4119</v>
      </c>
      <c r="D131" s="19">
        <v>802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9</v>
      </c>
      <c r="C5" s="13">
        <v>18</v>
      </c>
      <c r="D5" s="17">
        <v>37</v>
      </c>
    </row>
    <row r="6" spans="1:4" ht="18" customHeight="1" x14ac:dyDescent="0.15">
      <c r="A6" s="5">
        <v>1</v>
      </c>
      <c r="B6" s="22">
        <v>24</v>
      </c>
      <c r="C6" s="14">
        <v>15</v>
      </c>
      <c r="D6" s="18">
        <v>39</v>
      </c>
    </row>
    <row r="7" spans="1:4" ht="18" customHeight="1" x14ac:dyDescent="0.15">
      <c r="A7" s="5">
        <v>2</v>
      </c>
      <c r="B7" s="22">
        <v>20</v>
      </c>
      <c r="C7" s="14">
        <v>22</v>
      </c>
      <c r="D7" s="18">
        <v>42</v>
      </c>
    </row>
    <row r="8" spans="1:4" ht="18" customHeight="1" x14ac:dyDescent="0.15">
      <c r="A8" s="5">
        <v>3</v>
      </c>
      <c r="B8" s="22">
        <v>15</v>
      </c>
      <c r="C8" s="14">
        <v>15</v>
      </c>
      <c r="D8" s="18">
        <v>30</v>
      </c>
    </row>
    <row r="9" spans="1:4" ht="18" customHeight="1" x14ac:dyDescent="0.15">
      <c r="A9" s="5">
        <v>4</v>
      </c>
      <c r="B9" s="22">
        <v>18</v>
      </c>
      <c r="C9" s="14">
        <v>22</v>
      </c>
      <c r="D9" s="18">
        <v>40</v>
      </c>
    </row>
    <row r="10" spans="1:4" ht="18" customHeight="1" x14ac:dyDescent="0.15">
      <c r="A10" s="5" t="s">
        <v>7</v>
      </c>
      <c r="B10" s="22">
        <v>96</v>
      </c>
      <c r="C10" s="14">
        <v>92</v>
      </c>
      <c r="D10" s="18">
        <v>188</v>
      </c>
    </row>
    <row r="11" spans="1:4" ht="18" customHeight="1" x14ac:dyDescent="0.15">
      <c r="A11" s="5">
        <v>5</v>
      </c>
      <c r="B11" s="22">
        <v>23</v>
      </c>
      <c r="C11" s="14">
        <v>30</v>
      </c>
      <c r="D11" s="18">
        <v>53</v>
      </c>
    </row>
    <row r="12" spans="1:4" ht="18" customHeight="1" x14ac:dyDescent="0.15">
      <c r="A12" s="5">
        <v>6</v>
      </c>
      <c r="B12" s="22">
        <v>15</v>
      </c>
      <c r="C12" s="14">
        <v>29</v>
      </c>
      <c r="D12" s="18">
        <v>44</v>
      </c>
    </row>
    <row r="13" spans="1:4" ht="18" customHeight="1" x14ac:dyDescent="0.15">
      <c r="A13" s="5">
        <v>7</v>
      </c>
      <c r="B13" s="22">
        <v>22</v>
      </c>
      <c r="C13" s="14">
        <v>39</v>
      </c>
      <c r="D13" s="18">
        <v>61</v>
      </c>
    </row>
    <row r="14" spans="1:4" ht="18" customHeight="1" x14ac:dyDescent="0.15">
      <c r="A14" s="5">
        <v>8</v>
      </c>
      <c r="B14" s="22">
        <v>22</v>
      </c>
      <c r="C14" s="14">
        <v>22</v>
      </c>
      <c r="D14" s="18">
        <v>44</v>
      </c>
    </row>
    <row r="15" spans="1:4" ht="18" customHeight="1" x14ac:dyDescent="0.15">
      <c r="A15" s="5">
        <v>9</v>
      </c>
      <c r="B15" s="22">
        <v>28</v>
      </c>
      <c r="C15" s="14">
        <v>36</v>
      </c>
      <c r="D15" s="18">
        <v>64</v>
      </c>
    </row>
    <row r="16" spans="1:4" ht="18" customHeight="1" x14ac:dyDescent="0.15">
      <c r="A16" s="5" t="s">
        <v>11</v>
      </c>
      <c r="B16" s="22">
        <v>110</v>
      </c>
      <c r="C16" s="14">
        <v>156</v>
      </c>
      <c r="D16" s="18">
        <v>266</v>
      </c>
    </row>
    <row r="17" spans="1:4" ht="18" customHeight="1" x14ac:dyDescent="0.15">
      <c r="A17" s="5">
        <v>10</v>
      </c>
      <c r="B17" s="22">
        <v>31</v>
      </c>
      <c r="C17" s="14">
        <v>25</v>
      </c>
      <c r="D17" s="18">
        <v>56</v>
      </c>
    </row>
    <row r="18" spans="1:4" ht="18" customHeight="1" x14ac:dyDescent="0.15">
      <c r="A18" s="5">
        <v>11</v>
      </c>
      <c r="B18" s="22">
        <v>37</v>
      </c>
      <c r="C18" s="14">
        <v>27</v>
      </c>
      <c r="D18" s="18">
        <v>64</v>
      </c>
    </row>
    <row r="19" spans="1:4" ht="18" customHeight="1" x14ac:dyDescent="0.15">
      <c r="A19" s="5">
        <v>12</v>
      </c>
      <c r="B19" s="22">
        <v>27</v>
      </c>
      <c r="C19" s="14">
        <v>18</v>
      </c>
      <c r="D19" s="18">
        <v>45</v>
      </c>
    </row>
    <row r="20" spans="1:4" ht="18" customHeight="1" x14ac:dyDescent="0.15">
      <c r="A20" s="5">
        <v>13</v>
      </c>
      <c r="B20" s="22">
        <v>20</v>
      </c>
      <c r="C20" s="14">
        <v>29</v>
      </c>
      <c r="D20" s="18">
        <v>49</v>
      </c>
    </row>
    <row r="21" spans="1:4" ht="18" customHeight="1" x14ac:dyDescent="0.15">
      <c r="A21" s="5">
        <v>14</v>
      </c>
      <c r="B21" s="22">
        <v>29</v>
      </c>
      <c r="C21" s="14">
        <v>25</v>
      </c>
      <c r="D21" s="18">
        <v>54</v>
      </c>
    </row>
    <row r="22" spans="1:4" ht="18" customHeight="1" x14ac:dyDescent="0.15">
      <c r="A22" s="5" t="s">
        <v>12</v>
      </c>
      <c r="B22" s="22">
        <v>144</v>
      </c>
      <c r="C22" s="14">
        <v>124</v>
      </c>
      <c r="D22" s="18">
        <v>268</v>
      </c>
    </row>
    <row r="23" spans="1:4" ht="18" customHeight="1" x14ac:dyDescent="0.15">
      <c r="A23" s="5" t="s">
        <v>6</v>
      </c>
      <c r="B23" s="22">
        <v>350</v>
      </c>
      <c r="C23" s="14">
        <v>372</v>
      </c>
      <c r="D23" s="18">
        <v>722</v>
      </c>
    </row>
    <row r="24" spans="1:4" ht="18" customHeight="1" x14ac:dyDescent="0.15">
      <c r="A24" s="5">
        <v>15</v>
      </c>
      <c r="B24" s="22">
        <v>23</v>
      </c>
      <c r="C24" s="14">
        <v>19</v>
      </c>
      <c r="D24" s="18">
        <v>42</v>
      </c>
    </row>
    <row r="25" spans="1:4" ht="18" customHeight="1" x14ac:dyDescent="0.15">
      <c r="A25" s="5">
        <v>16</v>
      </c>
      <c r="B25" s="22">
        <v>33</v>
      </c>
      <c r="C25" s="14">
        <v>22</v>
      </c>
      <c r="D25" s="18">
        <v>55</v>
      </c>
    </row>
    <row r="26" spans="1:4" ht="18" customHeight="1" x14ac:dyDescent="0.15">
      <c r="A26" s="5">
        <v>17</v>
      </c>
      <c r="B26" s="22">
        <v>26</v>
      </c>
      <c r="C26" s="14">
        <v>28</v>
      </c>
      <c r="D26" s="18">
        <v>54</v>
      </c>
    </row>
    <row r="27" spans="1:4" ht="18" customHeight="1" x14ac:dyDescent="0.15">
      <c r="A27" s="5">
        <v>18</v>
      </c>
      <c r="B27" s="22">
        <v>35</v>
      </c>
      <c r="C27" s="14">
        <v>30</v>
      </c>
      <c r="D27" s="18">
        <v>65</v>
      </c>
    </row>
    <row r="28" spans="1:4" ht="18" customHeight="1" x14ac:dyDescent="0.15">
      <c r="A28" s="5">
        <v>19</v>
      </c>
      <c r="B28" s="22">
        <v>22</v>
      </c>
      <c r="C28" s="14">
        <v>22</v>
      </c>
      <c r="D28" s="18">
        <v>44</v>
      </c>
    </row>
    <row r="29" spans="1:4" ht="18" customHeight="1" x14ac:dyDescent="0.15">
      <c r="A29" s="5" t="s">
        <v>14</v>
      </c>
      <c r="B29" s="22">
        <v>139</v>
      </c>
      <c r="C29" s="14">
        <v>121</v>
      </c>
      <c r="D29" s="18">
        <v>260</v>
      </c>
    </row>
    <row r="30" spans="1:4" ht="18" customHeight="1" x14ac:dyDescent="0.15">
      <c r="A30" s="5">
        <v>20</v>
      </c>
      <c r="B30" s="22">
        <v>33</v>
      </c>
      <c r="C30" s="14">
        <v>20</v>
      </c>
      <c r="D30" s="18">
        <v>53</v>
      </c>
    </row>
    <row r="31" spans="1:4" ht="18" customHeight="1" x14ac:dyDescent="0.15">
      <c r="A31" s="5">
        <v>21</v>
      </c>
      <c r="B31" s="22">
        <v>33</v>
      </c>
      <c r="C31" s="14">
        <v>35</v>
      </c>
      <c r="D31" s="18">
        <v>68</v>
      </c>
    </row>
    <row r="32" spans="1:4" ht="18" customHeight="1" x14ac:dyDescent="0.15">
      <c r="A32" s="5">
        <v>22</v>
      </c>
      <c r="B32" s="22">
        <v>29</v>
      </c>
      <c r="C32" s="14">
        <v>35</v>
      </c>
      <c r="D32" s="18">
        <v>64</v>
      </c>
    </row>
    <row r="33" spans="1:4" ht="18" customHeight="1" x14ac:dyDescent="0.15">
      <c r="A33" s="5">
        <v>23</v>
      </c>
      <c r="B33" s="22">
        <v>29</v>
      </c>
      <c r="C33" s="14">
        <v>18</v>
      </c>
      <c r="D33" s="18">
        <v>47</v>
      </c>
    </row>
    <row r="34" spans="1:4" ht="18" customHeight="1" x14ac:dyDescent="0.15">
      <c r="A34" s="5">
        <v>24</v>
      </c>
      <c r="B34" s="22">
        <v>34</v>
      </c>
      <c r="C34" s="14">
        <v>28</v>
      </c>
      <c r="D34" s="18">
        <v>62</v>
      </c>
    </row>
    <row r="35" spans="1:4" ht="18" customHeight="1" x14ac:dyDescent="0.15">
      <c r="A35" s="5" t="s">
        <v>9</v>
      </c>
      <c r="B35" s="22">
        <v>158</v>
      </c>
      <c r="C35" s="14">
        <v>136</v>
      </c>
      <c r="D35" s="18">
        <v>294</v>
      </c>
    </row>
    <row r="36" spans="1:4" ht="18" customHeight="1" x14ac:dyDescent="0.15">
      <c r="A36" s="5">
        <v>25</v>
      </c>
      <c r="B36" s="22">
        <v>26</v>
      </c>
      <c r="C36" s="14">
        <v>21</v>
      </c>
      <c r="D36" s="18">
        <v>47</v>
      </c>
    </row>
    <row r="37" spans="1:4" ht="18" customHeight="1" x14ac:dyDescent="0.15">
      <c r="A37" s="5">
        <v>26</v>
      </c>
      <c r="B37" s="22">
        <v>29</v>
      </c>
      <c r="C37" s="14">
        <v>27</v>
      </c>
      <c r="D37" s="18">
        <v>56</v>
      </c>
    </row>
    <row r="38" spans="1:4" ht="18" customHeight="1" x14ac:dyDescent="0.15">
      <c r="A38" s="5">
        <v>27</v>
      </c>
      <c r="B38" s="22">
        <v>33</v>
      </c>
      <c r="C38" s="14">
        <v>24</v>
      </c>
      <c r="D38" s="18">
        <v>57</v>
      </c>
    </row>
    <row r="39" spans="1:4" ht="18" customHeight="1" x14ac:dyDescent="0.15">
      <c r="A39" s="5">
        <v>28</v>
      </c>
      <c r="B39" s="22">
        <v>24</v>
      </c>
      <c r="C39" s="14">
        <v>25</v>
      </c>
      <c r="D39" s="18">
        <v>49</v>
      </c>
    </row>
    <row r="40" spans="1:4" ht="18" customHeight="1" x14ac:dyDescent="0.15">
      <c r="A40" s="5">
        <v>29</v>
      </c>
      <c r="B40" s="22">
        <v>19</v>
      </c>
      <c r="C40" s="14">
        <v>29</v>
      </c>
      <c r="D40" s="18">
        <v>48</v>
      </c>
    </row>
    <row r="41" spans="1:4" ht="18" customHeight="1" x14ac:dyDescent="0.15">
      <c r="A41" s="5" t="s">
        <v>2</v>
      </c>
      <c r="B41" s="22">
        <v>131</v>
      </c>
      <c r="C41" s="14">
        <v>126</v>
      </c>
      <c r="D41" s="18">
        <v>257</v>
      </c>
    </row>
    <row r="42" spans="1:4" ht="18" customHeight="1" x14ac:dyDescent="0.15">
      <c r="A42" s="5">
        <v>30</v>
      </c>
      <c r="B42" s="22">
        <v>28</v>
      </c>
      <c r="C42" s="14">
        <v>25</v>
      </c>
      <c r="D42" s="18">
        <v>53</v>
      </c>
    </row>
    <row r="43" spans="1:4" ht="18" customHeight="1" x14ac:dyDescent="0.15">
      <c r="A43" s="5">
        <v>31</v>
      </c>
      <c r="B43" s="22">
        <v>27</v>
      </c>
      <c r="C43" s="14">
        <v>24</v>
      </c>
      <c r="D43" s="18">
        <v>51</v>
      </c>
    </row>
    <row r="44" spans="1:4" ht="18" customHeight="1" x14ac:dyDescent="0.15">
      <c r="A44" s="5">
        <v>32</v>
      </c>
      <c r="B44" s="22">
        <v>32</v>
      </c>
      <c r="C44" s="14">
        <v>24</v>
      </c>
      <c r="D44" s="18">
        <v>56</v>
      </c>
    </row>
    <row r="45" spans="1:4" ht="18" customHeight="1" x14ac:dyDescent="0.15">
      <c r="A45" s="5">
        <v>33</v>
      </c>
      <c r="B45" s="22">
        <v>21</v>
      </c>
      <c r="C45" s="14">
        <v>26</v>
      </c>
      <c r="D45" s="18">
        <v>47</v>
      </c>
    </row>
    <row r="46" spans="1:4" ht="18" customHeight="1" x14ac:dyDescent="0.15">
      <c r="A46" s="5">
        <v>34</v>
      </c>
      <c r="B46" s="22">
        <v>25</v>
      </c>
      <c r="C46" s="14">
        <v>23</v>
      </c>
      <c r="D46" s="18">
        <v>48</v>
      </c>
    </row>
    <row r="47" spans="1:4" ht="18" customHeight="1" x14ac:dyDescent="0.15">
      <c r="A47" s="5" t="s">
        <v>15</v>
      </c>
      <c r="B47" s="22">
        <v>133</v>
      </c>
      <c r="C47" s="14">
        <v>122</v>
      </c>
      <c r="D47" s="18">
        <v>255</v>
      </c>
    </row>
    <row r="48" spans="1:4" ht="18" customHeight="1" x14ac:dyDescent="0.15">
      <c r="A48" s="5">
        <v>35</v>
      </c>
      <c r="B48" s="22">
        <v>36</v>
      </c>
      <c r="C48" s="14">
        <v>21</v>
      </c>
      <c r="D48" s="18">
        <v>57</v>
      </c>
    </row>
    <row r="49" spans="1:4" ht="18" customHeight="1" x14ac:dyDescent="0.15">
      <c r="A49" s="5">
        <v>36</v>
      </c>
      <c r="B49" s="22">
        <v>28</v>
      </c>
      <c r="C49" s="14">
        <v>35</v>
      </c>
      <c r="D49" s="18">
        <v>63</v>
      </c>
    </row>
    <row r="50" spans="1:4" ht="18" customHeight="1" x14ac:dyDescent="0.15">
      <c r="A50" s="5">
        <v>37</v>
      </c>
      <c r="B50" s="22">
        <v>27</v>
      </c>
      <c r="C50" s="14">
        <v>27</v>
      </c>
      <c r="D50" s="18">
        <v>54</v>
      </c>
    </row>
    <row r="51" spans="1:4" ht="18" customHeight="1" x14ac:dyDescent="0.15">
      <c r="A51" s="5">
        <v>38</v>
      </c>
      <c r="B51" s="22">
        <v>30</v>
      </c>
      <c r="C51" s="14">
        <v>35</v>
      </c>
      <c r="D51" s="18">
        <v>65</v>
      </c>
    </row>
    <row r="52" spans="1:4" ht="18" customHeight="1" x14ac:dyDescent="0.15">
      <c r="A52" s="5">
        <v>39</v>
      </c>
      <c r="B52" s="22">
        <v>28</v>
      </c>
      <c r="C52" s="14">
        <v>30</v>
      </c>
      <c r="D52" s="18">
        <v>58</v>
      </c>
    </row>
    <row r="53" spans="1:4" ht="18" customHeight="1" x14ac:dyDescent="0.15">
      <c r="A53" s="5" t="s">
        <v>18</v>
      </c>
      <c r="B53" s="22">
        <v>149</v>
      </c>
      <c r="C53" s="14">
        <v>148</v>
      </c>
      <c r="D53" s="18">
        <v>297</v>
      </c>
    </row>
    <row r="54" spans="1:4" ht="18" customHeight="1" x14ac:dyDescent="0.15">
      <c r="A54" s="5">
        <v>40</v>
      </c>
      <c r="B54" s="22">
        <v>30</v>
      </c>
      <c r="C54" s="14">
        <v>31</v>
      </c>
      <c r="D54" s="18">
        <v>61</v>
      </c>
    </row>
    <row r="55" spans="1:4" ht="18" customHeight="1" x14ac:dyDescent="0.15">
      <c r="A55" s="5">
        <v>41</v>
      </c>
      <c r="B55" s="22">
        <v>35</v>
      </c>
      <c r="C55" s="14">
        <v>31</v>
      </c>
      <c r="D55" s="18">
        <v>66</v>
      </c>
    </row>
    <row r="56" spans="1:4" ht="18" customHeight="1" x14ac:dyDescent="0.15">
      <c r="A56" s="5">
        <v>42</v>
      </c>
      <c r="B56" s="22">
        <v>29</v>
      </c>
      <c r="C56" s="14">
        <v>28</v>
      </c>
      <c r="D56" s="18">
        <v>57</v>
      </c>
    </row>
    <row r="57" spans="1:4" ht="18" customHeight="1" x14ac:dyDescent="0.15">
      <c r="A57" s="5">
        <v>43</v>
      </c>
      <c r="B57" s="22">
        <v>33</v>
      </c>
      <c r="C57" s="14">
        <v>45</v>
      </c>
      <c r="D57" s="18">
        <v>78</v>
      </c>
    </row>
    <row r="58" spans="1:4" ht="18" customHeight="1" x14ac:dyDescent="0.15">
      <c r="A58" s="5">
        <v>44</v>
      </c>
      <c r="B58" s="22">
        <v>35</v>
      </c>
      <c r="C58" s="14">
        <v>32</v>
      </c>
      <c r="D58" s="18">
        <v>67</v>
      </c>
    </row>
    <row r="59" spans="1:4" ht="18" customHeight="1" x14ac:dyDescent="0.15">
      <c r="A59" s="5" t="s">
        <v>21</v>
      </c>
      <c r="B59" s="22">
        <v>162</v>
      </c>
      <c r="C59" s="14">
        <v>167</v>
      </c>
      <c r="D59" s="18">
        <v>329</v>
      </c>
    </row>
    <row r="60" spans="1:4" ht="18" customHeight="1" x14ac:dyDescent="0.15">
      <c r="A60" s="5">
        <v>45</v>
      </c>
      <c r="B60" s="22">
        <v>25</v>
      </c>
      <c r="C60" s="14">
        <v>30</v>
      </c>
      <c r="D60" s="18">
        <v>55</v>
      </c>
    </row>
    <row r="61" spans="1:4" ht="18" customHeight="1" x14ac:dyDescent="0.15">
      <c r="A61" s="5">
        <v>46</v>
      </c>
      <c r="B61" s="22">
        <v>27</v>
      </c>
      <c r="C61" s="14">
        <v>30</v>
      </c>
      <c r="D61" s="18">
        <v>57</v>
      </c>
    </row>
    <row r="62" spans="1:4" ht="18" customHeight="1" x14ac:dyDescent="0.15">
      <c r="A62" s="5">
        <v>47</v>
      </c>
      <c r="B62" s="22">
        <v>35</v>
      </c>
      <c r="C62" s="14">
        <v>33</v>
      </c>
      <c r="D62" s="18">
        <v>68</v>
      </c>
    </row>
    <row r="63" spans="1:4" ht="18" customHeight="1" x14ac:dyDescent="0.15">
      <c r="A63" s="5">
        <v>48</v>
      </c>
      <c r="B63" s="22">
        <v>33</v>
      </c>
      <c r="C63" s="14">
        <v>44</v>
      </c>
      <c r="D63" s="18">
        <v>77</v>
      </c>
    </row>
    <row r="64" spans="1:4" ht="18" customHeight="1" x14ac:dyDescent="0.15">
      <c r="A64" s="5">
        <v>49</v>
      </c>
      <c r="B64" s="22">
        <v>46</v>
      </c>
      <c r="C64" s="14">
        <v>35</v>
      </c>
      <c r="D64" s="18">
        <v>81</v>
      </c>
    </row>
    <row r="65" spans="1:4" ht="18" customHeight="1" x14ac:dyDescent="0.15">
      <c r="A65" s="5" t="s">
        <v>17</v>
      </c>
      <c r="B65" s="22">
        <v>166</v>
      </c>
      <c r="C65" s="14">
        <v>172</v>
      </c>
      <c r="D65" s="18">
        <v>338</v>
      </c>
    </row>
    <row r="66" spans="1:4" ht="18" customHeight="1" x14ac:dyDescent="0.15">
      <c r="A66" s="5">
        <v>50</v>
      </c>
      <c r="B66" s="22">
        <v>46</v>
      </c>
      <c r="C66" s="14">
        <v>44</v>
      </c>
      <c r="D66" s="18">
        <v>90</v>
      </c>
    </row>
    <row r="67" spans="1:4" ht="18" customHeight="1" x14ac:dyDescent="0.15">
      <c r="A67" s="5">
        <v>51</v>
      </c>
      <c r="B67" s="22">
        <v>53</v>
      </c>
      <c r="C67" s="14">
        <v>37</v>
      </c>
      <c r="D67" s="18">
        <v>90</v>
      </c>
    </row>
    <row r="68" spans="1:4" ht="18" customHeight="1" x14ac:dyDescent="0.15">
      <c r="A68" s="5">
        <v>52</v>
      </c>
      <c r="B68" s="22">
        <v>43</v>
      </c>
      <c r="C68" s="14">
        <v>53</v>
      </c>
      <c r="D68" s="18">
        <v>96</v>
      </c>
    </row>
    <row r="69" spans="1:4" ht="18" customHeight="1" x14ac:dyDescent="0.15">
      <c r="A69" s="5">
        <v>53</v>
      </c>
      <c r="B69" s="22">
        <v>55</v>
      </c>
      <c r="C69" s="14">
        <v>57</v>
      </c>
      <c r="D69" s="18">
        <v>112</v>
      </c>
    </row>
    <row r="70" spans="1:4" ht="18" customHeight="1" x14ac:dyDescent="0.15">
      <c r="A70" s="5">
        <v>54</v>
      </c>
      <c r="B70" s="22">
        <v>43</v>
      </c>
      <c r="C70" s="14">
        <v>37</v>
      </c>
      <c r="D70" s="18">
        <v>80</v>
      </c>
    </row>
    <row r="71" spans="1:4" ht="18" customHeight="1" x14ac:dyDescent="0.15">
      <c r="A71" s="5" t="s">
        <v>22</v>
      </c>
      <c r="B71" s="22">
        <v>240</v>
      </c>
      <c r="C71" s="14">
        <v>228</v>
      </c>
      <c r="D71" s="18">
        <v>468</v>
      </c>
    </row>
    <row r="72" spans="1:4" ht="18" customHeight="1" x14ac:dyDescent="0.15">
      <c r="A72" s="5">
        <v>55</v>
      </c>
      <c r="B72" s="22">
        <v>51</v>
      </c>
      <c r="C72" s="14">
        <v>41</v>
      </c>
      <c r="D72" s="18">
        <v>92</v>
      </c>
    </row>
    <row r="73" spans="1:4" ht="18" customHeight="1" x14ac:dyDescent="0.15">
      <c r="A73" s="5">
        <v>56</v>
      </c>
      <c r="B73" s="22">
        <v>44</v>
      </c>
      <c r="C73" s="14">
        <v>39</v>
      </c>
      <c r="D73" s="18">
        <v>83</v>
      </c>
    </row>
    <row r="74" spans="1:4" ht="18" customHeight="1" x14ac:dyDescent="0.15">
      <c r="A74" s="5">
        <v>57</v>
      </c>
      <c r="B74" s="22">
        <v>40</v>
      </c>
      <c r="C74" s="14">
        <v>36</v>
      </c>
      <c r="D74" s="18">
        <v>76</v>
      </c>
    </row>
    <row r="75" spans="1:4" ht="18" customHeight="1" x14ac:dyDescent="0.15">
      <c r="A75" s="5">
        <v>58</v>
      </c>
      <c r="B75" s="22">
        <v>36</v>
      </c>
      <c r="C75" s="14">
        <v>45</v>
      </c>
      <c r="D75" s="18">
        <v>81</v>
      </c>
    </row>
    <row r="76" spans="1:4" ht="18" customHeight="1" x14ac:dyDescent="0.15">
      <c r="A76" s="5">
        <v>59</v>
      </c>
      <c r="B76" s="22">
        <v>31</v>
      </c>
      <c r="C76" s="14">
        <v>26</v>
      </c>
      <c r="D76" s="18">
        <v>57</v>
      </c>
    </row>
    <row r="77" spans="1:4" ht="18" customHeight="1" x14ac:dyDescent="0.15">
      <c r="A77" s="5" t="s">
        <v>27</v>
      </c>
      <c r="B77" s="22">
        <v>202</v>
      </c>
      <c r="C77" s="14">
        <v>187</v>
      </c>
      <c r="D77" s="18">
        <v>389</v>
      </c>
    </row>
    <row r="78" spans="1:4" ht="18" customHeight="1" x14ac:dyDescent="0.15">
      <c r="A78" s="5">
        <v>60</v>
      </c>
      <c r="B78" s="22">
        <v>37</v>
      </c>
      <c r="C78" s="14">
        <v>36</v>
      </c>
      <c r="D78" s="18">
        <v>73</v>
      </c>
    </row>
    <row r="79" spans="1:4" ht="18" customHeight="1" x14ac:dyDescent="0.15">
      <c r="A79" s="5">
        <v>61</v>
      </c>
      <c r="B79" s="22">
        <v>33</v>
      </c>
      <c r="C79" s="14">
        <v>38</v>
      </c>
      <c r="D79" s="18">
        <v>71</v>
      </c>
    </row>
    <row r="80" spans="1:4" ht="18" customHeight="1" x14ac:dyDescent="0.15">
      <c r="A80" s="5">
        <v>62</v>
      </c>
      <c r="B80" s="22">
        <v>34</v>
      </c>
      <c r="C80" s="14">
        <v>38</v>
      </c>
      <c r="D80" s="18">
        <v>72</v>
      </c>
    </row>
    <row r="81" spans="1:4" ht="18" customHeight="1" x14ac:dyDescent="0.15">
      <c r="A81" s="5">
        <v>63</v>
      </c>
      <c r="B81" s="22">
        <v>37</v>
      </c>
      <c r="C81" s="14">
        <v>25</v>
      </c>
      <c r="D81" s="18">
        <v>62</v>
      </c>
    </row>
    <row r="82" spans="1:4" ht="18" customHeight="1" x14ac:dyDescent="0.15">
      <c r="A82" s="5">
        <v>64</v>
      </c>
      <c r="B82" s="22">
        <v>33</v>
      </c>
      <c r="C82" s="14">
        <v>33</v>
      </c>
      <c r="D82" s="18">
        <v>66</v>
      </c>
    </row>
    <row r="83" spans="1:4" ht="18" customHeight="1" x14ac:dyDescent="0.15">
      <c r="A83" s="5" t="s">
        <v>28</v>
      </c>
      <c r="B83" s="22">
        <v>174</v>
      </c>
      <c r="C83" s="14">
        <v>170</v>
      </c>
      <c r="D83" s="18">
        <v>344</v>
      </c>
    </row>
    <row r="84" spans="1:4" ht="18" customHeight="1" x14ac:dyDescent="0.15">
      <c r="A84" s="5" t="s">
        <v>31</v>
      </c>
      <c r="B84" s="22">
        <v>1654</v>
      </c>
      <c r="C84" s="14">
        <v>1577</v>
      </c>
      <c r="D84" s="18">
        <v>3231</v>
      </c>
    </row>
    <row r="85" spans="1:4" ht="18" customHeight="1" x14ac:dyDescent="0.15">
      <c r="A85" s="5">
        <v>65</v>
      </c>
      <c r="B85" s="22">
        <v>43</v>
      </c>
      <c r="C85" s="14">
        <v>31</v>
      </c>
      <c r="D85" s="18">
        <v>74</v>
      </c>
    </row>
    <row r="86" spans="1:4" ht="18" customHeight="1" x14ac:dyDescent="0.15">
      <c r="A86" s="5">
        <v>66</v>
      </c>
      <c r="B86" s="22">
        <v>27</v>
      </c>
      <c r="C86" s="14">
        <v>30</v>
      </c>
      <c r="D86" s="18">
        <v>57</v>
      </c>
    </row>
    <row r="87" spans="1:4" ht="18" customHeight="1" x14ac:dyDescent="0.15">
      <c r="A87" s="5">
        <v>67</v>
      </c>
      <c r="B87" s="22">
        <v>27</v>
      </c>
      <c r="C87" s="14">
        <v>35</v>
      </c>
      <c r="D87" s="18">
        <v>62</v>
      </c>
    </row>
    <row r="88" spans="1:4" ht="18" customHeight="1" x14ac:dyDescent="0.15">
      <c r="A88" s="5">
        <v>68</v>
      </c>
      <c r="B88" s="22">
        <v>30</v>
      </c>
      <c r="C88" s="14">
        <v>28</v>
      </c>
      <c r="D88" s="18">
        <v>58</v>
      </c>
    </row>
    <row r="89" spans="1:4" ht="18" customHeight="1" x14ac:dyDescent="0.15">
      <c r="A89" s="5">
        <v>69</v>
      </c>
      <c r="B89" s="22">
        <v>18</v>
      </c>
      <c r="C89" s="14">
        <v>34</v>
      </c>
      <c r="D89" s="18">
        <v>52</v>
      </c>
    </row>
    <row r="90" spans="1:4" ht="18" customHeight="1" x14ac:dyDescent="0.15">
      <c r="A90" s="5" t="s">
        <v>20</v>
      </c>
      <c r="B90" s="22">
        <v>145</v>
      </c>
      <c r="C90" s="14">
        <v>158</v>
      </c>
      <c r="D90" s="18">
        <v>303</v>
      </c>
    </row>
    <row r="91" spans="1:4" ht="18" customHeight="1" x14ac:dyDescent="0.15">
      <c r="A91" s="5">
        <v>70</v>
      </c>
      <c r="B91" s="22">
        <v>28</v>
      </c>
      <c r="C91" s="14">
        <v>38</v>
      </c>
      <c r="D91" s="18">
        <v>66</v>
      </c>
    </row>
    <row r="92" spans="1:4" ht="18" customHeight="1" x14ac:dyDescent="0.15">
      <c r="A92" s="5">
        <v>71</v>
      </c>
      <c r="B92" s="22">
        <v>43</v>
      </c>
      <c r="C92" s="14">
        <v>35</v>
      </c>
      <c r="D92" s="18">
        <v>78</v>
      </c>
    </row>
    <row r="93" spans="1:4" ht="18" customHeight="1" x14ac:dyDescent="0.15">
      <c r="A93" s="5">
        <v>72</v>
      </c>
      <c r="B93" s="22">
        <v>34</v>
      </c>
      <c r="C93" s="14">
        <v>26</v>
      </c>
      <c r="D93" s="18">
        <v>60</v>
      </c>
    </row>
    <row r="94" spans="1:4" ht="18" customHeight="1" x14ac:dyDescent="0.15">
      <c r="A94" s="5">
        <v>73</v>
      </c>
      <c r="B94" s="22">
        <v>30</v>
      </c>
      <c r="C94" s="14">
        <v>42</v>
      </c>
      <c r="D94" s="18">
        <v>72</v>
      </c>
    </row>
    <row r="95" spans="1:4" ht="18" customHeight="1" x14ac:dyDescent="0.15">
      <c r="A95" s="5">
        <v>74</v>
      </c>
      <c r="B95" s="22">
        <v>34</v>
      </c>
      <c r="C95" s="14">
        <v>36</v>
      </c>
      <c r="D95" s="18">
        <v>70</v>
      </c>
    </row>
    <row r="96" spans="1:4" ht="18" customHeight="1" x14ac:dyDescent="0.15">
      <c r="A96" s="5" t="s">
        <v>33</v>
      </c>
      <c r="B96" s="22">
        <v>169</v>
      </c>
      <c r="C96" s="14">
        <v>177</v>
      </c>
      <c r="D96" s="18">
        <v>346</v>
      </c>
    </row>
    <row r="97" spans="1:4" ht="18" customHeight="1" x14ac:dyDescent="0.15">
      <c r="A97" s="5">
        <v>75</v>
      </c>
      <c r="B97" s="22">
        <v>23</v>
      </c>
      <c r="C97" s="14">
        <v>36</v>
      </c>
      <c r="D97" s="18">
        <v>59</v>
      </c>
    </row>
    <row r="98" spans="1:4" ht="18" customHeight="1" x14ac:dyDescent="0.15">
      <c r="A98" s="5">
        <v>76</v>
      </c>
      <c r="B98" s="22">
        <v>33</v>
      </c>
      <c r="C98" s="14">
        <v>38</v>
      </c>
      <c r="D98" s="18">
        <v>71</v>
      </c>
    </row>
    <row r="99" spans="1:4" ht="18" customHeight="1" x14ac:dyDescent="0.15">
      <c r="A99" s="5">
        <v>77</v>
      </c>
      <c r="B99" s="22">
        <v>25</v>
      </c>
      <c r="C99" s="14">
        <v>43</v>
      </c>
      <c r="D99" s="18">
        <v>68</v>
      </c>
    </row>
    <row r="100" spans="1:4" ht="18" customHeight="1" x14ac:dyDescent="0.15">
      <c r="A100" s="5">
        <v>78</v>
      </c>
      <c r="B100" s="22">
        <v>34</v>
      </c>
      <c r="C100" s="14">
        <v>52</v>
      </c>
      <c r="D100" s="18">
        <v>86</v>
      </c>
    </row>
    <row r="101" spans="1:4" ht="18" customHeight="1" x14ac:dyDescent="0.15">
      <c r="A101" s="5">
        <v>79</v>
      </c>
      <c r="B101" s="22">
        <v>33</v>
      </c>
      <c r="C101" s="14">
        <v>39</v>
      </c>
      <c r="D101" s="18">
        <v>72</v>
      </c>
    </row>
    <row r="102" spans="1:4" ht="18" customHeight="1" x14ac:dyDescent="0.15">
      <c r="A102" s="5" t="s">
        <v>0</v>
      </c>
      <c r="B102" s="22">
        <v>148</v>
      </c>
      <c r="C102" s="14">
        <v>208</v>
      </c>
      <c r="D102" s="18">
        <v>356</v>
      </c>
    </row>
    <row r="103" spans="1:4" ht="18" customHeight="1" x14ac:dyDescent="0.15">
      <c r="A103" s="5">
        <v>80</v>
      </c>
      <c r="B103" s="22">
        <v>18</v>
      </c>
      <c r="C103" s="14">
        <v>22</v>
      </c>
      <c r="D103" s="18">
        <v>40</v>
      </c>
    </row>
    <row r="104" spans="1:4" ht="18" customHeight="1" x14ac:dyDescent="0.15">
      <c r="A104" s="5">
        <v>81</v>
      </c>
      <c r="B104" s="22">
        <v>24</v>
      </c>
      <c r="C104" s="14">
        <v>30</v>
      </c>
      <c r="D104" s="18">
        <v>54</v>
      </c>
    </row>
    <row r="105" spans="1:4" ht="18" customHeight="1" x14ac:dyDescent="0.15">
      <c r="A105" s="5">
        <v>82</v>
      </c>
      <c r="B105" s="22">
        <v>24</v>
      </c>
      <c r="C105" s="14">
        <v>33</v>
      </c>
      <c r="D105" s="18">
        <v>57</v>
      </c>
    </row>
    <row r="106" spans="1:4" ht="18" customHeight="1" x14ac:dyDescent="0.15">
      <c r="A106" s="5">
        <v>83</v>
      </c>
      <c r="B106" s="22">
        <v>29</v>
      </c>
      <c r="C106" s="14">
        <v>34</v>
      </c>
      <c r="D106" s="18">
        <v>63</v>
      </c>
    </row>
    <row r="107" spans="1:4" ht="18" customHeight="1" x14ac:dyDescent="0.15">
      <c r="A107" s="5">
        <v>84</v>
      </c>
      <c r="B107" s="22">
        <v>23</v>
      </c>
      <c r="C107" s="14">
        <v>26</v>
      </c>
      <c r="D107" s="18">
        <v>49</v>
      </c>
    </row>
    <row r="108" spans="1:4" ht="18" customHeight="1" x14ac:dyDescent="0.15">
      <c r="A108" s="5" t="s">
        <v>35</v>
      </c>
      <c r="B108" s="22">
        <v>118</v>
      </c>
      <c r="C108" s="14">
        <v>145</v>
      </c>
      <c r="D108" s="18">
        <v>263</v>
      </c>
    </row>
    <row r="109" spans="1:4" ht="18" customHeight="1" x14ac:dyDescent="0.15">
      <c r="A109" s="5">
        <v>85</v>
      </c>
      <c r="B109" s="22">
        <v>20</v>
      </c>
      <c r="C109" s="14">
        <v>35</v>
      </c>
      <c r="D109" s="18">
        <v>55</v>
      </c>
    </row>
    <row r="110" spans="1:4" ht="18" customHeight="1" x14ac:dyDescent="0.15">
      <c r="A110" s="5">
        <v>86</v>
      </c>
      <c r="B110" s="22">
        <v>16</v>
      </c>
      <c r="C110" s="14">
        <v>29</v>
      </c>
      <c r="D110" s="18">
        <v>45</v>
      </c>
    </row>
    <row r="111" spans="1:4" ht="18" customHeight="1" x14ac:dyDescent="0.15">
      <c r="A111" s="5">
        <v>87</v>
      </c>
      <c r="B111" s="22">
        <v>6</v>
      </c>
      <c r="C111" s="14">
        <v>15</v>
      </c>
      <c r="D111" s="18">
        <v>21</v>
      </c>
    </row>
    <row r="112" spans="1:4" ht="18" customHeight="1" x14ac:dyDescent="0.15">
      <c r="A112" s="5">
        <v>88</v>
      </c>
      <c r="B112" s="22">
        <v>9</v>
      </c>
      <c r="C112" s="14">
        <v>17</v>
      </c>
      <c r="D112" s="18">
        <v>26</v>
      </c>
    </row>
    <row r="113" spans="1:4" ht="18" customHeight="1" x14ac:dyDescent="0.15">
      <c r="A113" s="5">
        <v>89</v>
      </c>
      <c r="B113" s="22">
        <v>6</v>
      </c>
      <c r="C113" s="14">
        <v>22</v>
      </c>
      <c r="D113" s="18">
        <v>28</v>
      </c>
    </row>
    <row r="114" spans="1:4" ht="18" customHeight="1" x14ac:dyDescent="0.15">
      <c r="A114" s="5" t="s">
        <v>37</v>
      </c>
      <c r="B114" s="22">
        <v>57</v>
      </c>
      <c r="C114" s="14">
        <v>118</v>
      </c>
      <c r="D114" s="18">
        <v>175</v>
      </c>
    </row>
    <row r="115" spans="1:4" ht="18" customHeight="1" x14ac:dyDescent="0.15">
      <c r="A115" s="5">
        <v>90</v>
      </c>
      <c r="B115" s="22">
        <v>9</v>
      </c>
      <c r="C115" s="14">
        <v>20</v>
      </c>
      <c r="D115" s="18">
        <v>29</v>
      </c>
    </row>
    <row r="116" spans="1:4" ht="18" customHeight="1" x14ac:dyDescent="0.15">
      <c r="A116" s="5">
        <v>91</v>
      </c>
      <c r="B116" s="22">
        <v>2</v>
      </c>
      <c r="C116" s="14">
        <v>17</v>
      </c>
      <c r="D116" s="18">
        <v>19</v>
      </c>
    </row>
    <row r="117" spans="1:4" ht="18" customHeight="1" x14ac:dyDescent="0.15">
      <c r="A117" s="5">
        <v>92</v>
      </c>
      <c r="B117" s="22">
        <v>4</v>
      </c>
      <c r="C117" s="14">
        <v>18</v>
      </c>
      <c r="D117" s="18">
        <v>22</v>
      </c>
    </row>
    <row r="118" spans="1:4" ht="18" customHeight="1" x14ac:dyDescent="0.15">
      <c r="A118" s="5">
        <v>93</v>
      </c>
      <c r="B118" s="22">
        <v>4</v>
      </c>
      <c r="C118" s="14">
        <v>14</v>
      </c>
      <c r="D118" s="18">
        <v>18</v>
      </c>
    </row>
    <row r="119" spans="1:4" ht="18" customHeight="1" x14ac:dyDescent="0.15">
      <c r="A119" s="5">
        <v>94</v>
      </c>
      <c r="B119" s="22">
        <v>5</v>
      </c>
      <c r="C119" s="14">
        <v>8</v>
      </c>
      <c r="D119" s="18">
        <v>13</v>
      </c>
    </row>
    <row r="120" spans="1:4" ht="18" customHeight="1" x14ac:dyDescent="0.15">
      <c r="A120" s="5" t="s">
        <v>39</v>
      </c>
      <c r="B120" s="22">
        <v>24</v>
      </c>
      <c r="C120" s="14">
        <v>77</v>
      </c>
      <c r="D120" s="18">
        <v>101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1</v>
      </c>
      <c r="C122" s="14">
        <v>6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5</v>
      </c>
      <c r="C126" s="14">
        <v>23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666</v>
      </c>
      <c r="C130" s="14">
        <v>911</v>
      </c>
      <c r="D130" s="18">
        <v>1577</v>
      </c>
    </row>
    <row r="131" spans="1:4" ht="18" customHeight="1" x14ac:dyDescent="0.15">
      <c r="A131" s="7" t="s">
        <v>45</v>
      </c>
      <c r="B131" s="23">
        <v>2670</v>
      </c>
      <c r="C131" s="15">
        <v>2860</v>
      </c>
      <c r="D131" s="19">
        <v>553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3</v>
      </c>
      <c r="C5" s="13">
        <v>33</v>
      </c>
      <c r="D5" s="17">
        <v>56</v>
      </c>
    </row>
    <row r="6" spans="1:4" ht="18" customHeight="1" x14ac:dyDescent="0.15">
      <c r="A6" s="5">
        <v>1</v>
      </c>
      <c r="B6" s="22">
        <v>24</v>
      </c>
      <c r="C6" s="14">
        <v>30</v>
      </c>
      <c r="D6" s="18">
        <v>54</v>
      </c>
    </row>
    <row r="7" spans="1:4" ht="18" customHeight="1" x14ac:dyDescent="0.15">
      <c r="A7" s="5">
        <v>2</v>
      </c>
      <c r="B7" s="22">
        <v>36</v>
      </c>
      <c r="C7" s="14">
        <v>19</v>
      </c>
      <c r="D7" s="18">
        <v>55</v>
      </c>
    </row>
    <row r="8" spans="1:4" ht="18" customHeight="1" x14ac:dyDescent="0.15">
      <c r="A8" s="5">
        <v>3</v>
      </c>
      <c r="B8" s="22">
        <v>34</v>
      </c>
      <c r="C8" s="14">
        <v>31</v>
      </c>
      <c r="D8" s="18">
        <v>65</v>
      </c>
    </row>
    <row r="9" spans="1:4" ht="18" customHeight="1" x14ac:dyDescent="0.15">
      <c r="A9" s="5">
        <v>4</v>
      </c>
      <c r="B9" s="22">
        <v>32</v>
      </c>
      <c r="C9" s="14">
        <v>24</v>
      </c>
      <c r="D9" s="18">
        <v>56</v>
      </c>
    </row>
    <row r="10" spans="1:4" ht="18" customHeight="1" x14ac:dyDescent="0.15">
      <c r="A10" s="5" t="s">
        <v>7</v>
      </c>
      <c r="B10" s="22">
        <v>149</v>
      </c>
      <c r="C10" s="14">
        <v>137</v>
      </c>
      <c r="D10" s="18">
        <v>286</v>
      </c>
    </row>
    <row r="11" spans="1:4" ht="18" customHeight="1" x14ac:dyDescent="0.15">
      <c r="A11" s="5">
        <v>5</v>
      </c>
      <c r="B11" s="22">
        <v>21</v>
      </c>
      <c r="C11" s="14">
        <v>32</v>
      </c>
      <c r="D11" s="18">
        <v>53</v>
      </c>
    </row>
    <row r="12" spans="1:4" ht="18" customHeight="1" x14ac:dyDescent="0.15">
      <c r="A12" s="5">
        <v>6</v>
      </c>
      <c r="B12" s="22">
        <v>41</v>
      </c>
      <c r="C12" s="14">
        <v>21</v>
      </c>
      <c r="D12" s="18">
        <v>62</v>
      </c>
    </row>
    <row r="13" spans="1:4" ht="18" customHeight="1" x14ac:dyDescent="0.15">
      <c r="A13" s="5">
        <v>7</v>
      </c>
      <c r="B13" s="22">
        <v>29</v>
      </c>
      <c r="C13" s="14">
        <v>40</v>
      </c>
      <c r="D13" s="18">
        <v>69</v>
      </c>
    </row>
    <row r="14" spans="1:4" ht="18" customHeight="1" x14ac:dyDescent="0.15">
      <c r="A14" s="5">
        <v>8</v>
      </c>
      <c r="B14" s="22">
        <v>24</v>
      </c>
      <c r="C14" s="14">
        <v>41</v>
      </c>
      <c r="D14" s="18">
        <v>65</v>
      </c>
    </row>
    <row r="15" spans="1:4" ht="18" customHeight="1" x14ac:dyDescent="0.15">
      <c r="A15" s="5">
        <v>9</v>
      </c>
      <c r="B15" s="22">
        <v>24</v>
      </c>
      <c r="C15" s="14">
        <v>24</v>
      </c>
      <c r="D15" s="18">
        <v>48</v>
      </c>
    </row>
    <row r="16" spans="1:4" ht="18" customHeight="1" x14ac:dyDescent="0.15">
      <c r="A16" s="5" t="s">
        <v>11</v>
      </c>
      <c r="B16" s="22">
        <v>139</v>
      </c>
      <c r="C16" s="14">
        <v>158</v>
      </c>
      <c r="D16" s="18">
        <v>297</v>
      </c>
    </row>
    <row r="17" spans="1:4" ht="18" customHeight="1" x14ac:dyDescent="0.15">
      <c r="A17" s="5">
        <v>10</v>
      </c>
      <c r="B17" s="22">
        <v>27</v>
      </c>
      <c r="C17" s="14">
        <v>27</v>
      </c>
      <c r="D17" s="18">
        <v>54</v>
      </c>
    </row>
    <row r="18" spans="1:4" ht="18" customHeight="1" x14ac:dyDescent="0.15">
      <c r="A18" s="5">
        <v>11</v>
      </c>
      <c r="B18" s="22">
        <v>33</v>
      </c>
      <c r="C18" s="14">
        <v>31</v>
      </c>
      <c r="D18" s="18">
        <v>64</v>
      </c>
    </row>
    <row r="19" spans="1:4" ht="18" customHeight="1" x14ac:dyDescent="0.15">
      <c r="A19" s="5">
        <v>12</v>
      </c>
      <c r="B19" s="22">
        <v>28</v>
      </c>
      <c r="C19" s="14">
        <v>39</v>
      </c>
      <c r="D19" s="18">
        <v>67</v>
      </c>
    </row>
    <row r="20" spans="1:4" ht="18" customHeight="1" x14ac:dyDescent="0.15">
      <c r="A20" s="5">
        <v>13</v>
      </c>
      <c r="B20" s="22">
        <v>34</v>
      </c>
      <c r="C20" s="14">
        <v>33</v>
      </c>
      <c r="D20" s="18">
        <v>67</v>
      </c>
    </row>
    <row r="21" spans="1:4" ht="18" customHeight="1" x14ac:dyDescent="0.15">
      <c r="A21" s="5">
        <v>14</v>
      </c>
      <c r="B21" s="22">
        <v>35</v>
      </c>
      <c r="C21" s="14">
        <v>32</v>
      </c>
      <c r="D21" s="18">
        <v>67</v>
      </c>
    </row>
    <row r="22" spans="1:4" ht="18" customHeight="1" x14ac:dyDescent="0.15">
      <c r="A22" s="5" t="s">
        <v>12</v>
      </c>
      <c r="B22" s="22">
        <v>157</v>
      </c>
      <c r="C22" s="14">
        <v>162</v>
      </c>
      <c r="D22" s="18">
        <v>319</v>
      </c>
    </row>
    <row r="23" spans="1:4" ht="18" customHeight="1" x14ac:dyDescent="0.15">
      <c r="A23" s="5" t="s">
        <v>6</v>
      </c>
      <c r="B23" s="22">
        <v>445</v>
      </c>
      <c r="C23" s="14">
        <v>457</v>
      </c>
      <c r="D23" s="18">
        <v>902</v>
      </c>
    </row>
    <row r="24" spans="1:4" ht="18" customHeight="1" x14ac:dyDescent="0.15">
      <c r="A24" s="5">
        <v>15</v>
      </c>
      <c r="B24" s="22">
        <v>36</v>
      </c>
      <c r="C24" s="14">
        <v>44</v>
      </c>
      <c r="D24" s="18">
        <v>80</v>
      </c>
    </row>
    <row r="25" spans="1:4" ht="18" customHeight="1" x14ac:dyDescent="0.15">
      <c r="A25" s="5">
        <v>16</v>
      </c>
      <c r="B25" s="22">
        <v>34</v>
      </c>
      <c r="C25" s="14">
        <v>39</v>
      </c>
      <c r="D25" s="18">
        <v>73</v>
      </c>
    </row>
    <row r="26" spans="1:4" ht="18" customHeight="1" x14ac:dyDescent="0.15">
      <c r="A26" s="5">
        <v>17</v>
      </c>
      <c r="B26" s="22">
        <v>43</v>
      </c>
      <c r="C26" s="14">
        <v>44</v>
      </c>
      <c r="D26" s="18">
        <v>87</v>
      </c>
    </row>
    <row r="27" spans="1:4" ht="18" customHeight="1" x14ac:dyDescent="0.15">
      <c r="A27" s="5">
        <v>18</v>
      </c>
      <c r="B27" s="22">
        <v>120</v>
      </c>
      <c r="C27" s="14">
        <v>79</v>
      </c>
      <c r="D27" s="18">
        <v>199</v>
      </c>
    </row>
    <row r="28" spans="1:4" ht="18" customHeight="1" x14ac:dyDescent="0.15">
      <c r="A28" s="5">
        <v>19</v>
      </c>
      <c r="B28" s="22">
        <v>180</v>
      </c>
      <c r="C28" s="14">
        <v>108</v>
      </c>
      <c r="D28" s="18">
        <v>288</v>
      </c>
    </row>
    <row r="29" spans="1:4" ht="18" customHeight="1" x14ac:dyDescent="0.15">
      <c r="A29" s="5" t="s">
        <v>14</v>
      </c>
      <c r="B29" s="22">
        <v>413</v>
      </c>
      <c r="C29" s="14">
        <v>314</v>
      </c>
      <c r="D29" s="18">
        <v>727</v>
      </c>
    </row>
    <row r="30" spans="1:4" ht="18" customHeight="1" x14ac:dyDescent="0.15">
      <c r="A30" s="5">
        <v>20</v>
      </c>
      <c r="B30" s="22">
        <v>199</v>
      </c>
      <c r="C30" s="14">
        <v>113</v>
      </c>
      <c r="D30" s="18">
        <v>312</v>
      </c>
    </row>
    <row r="31" spans="1:4" ht="18" customHeight="1" x14ac:dyDescent="0.15">
      <c r="A31" s="5">
        <v>21</v>
      </c>
      <c r="B31" s="22">
        <v>214</v>
      </c>
      <c r="C31" s="14">
        <v>130</v>
      </c>
      <c r="D31" s="18">
        <v>344</v>
      </c>
    </row>
    <row r="32" spans="1:4" ht="18" customHeight="1" x14ac:dyDescent="0.15">
      <c r="A32" s="5">
        <v>22</v>
      </c>
      <c r="B32" s="22">
        <v>188</v>
      </c>
      <c r="C32" s="14">
        <v>99</v>
      </c>
      <c r="D32" s="18">
        <v>287</v>
      </c>
    </row>
    <row r="33" spans="1:4" ht="18" customHeight="1" x14ac:dyDescent="0.15">
      <c r="A33" s="5">
        <v>23</v>
      </c>
      <c r="B33" s="22">
        <v>177</v>
      </c>
      <c r="C33" s="14">
        <v>88</v>
      </c>
      <c r="D33" s="18">
        <v>265</v>
      </c>
    </row>
    <row r="34" spans="1:4" ht="18" customHeight="1" x14ac:dyDescent="0.15">
      <c r="A34" s="5">
        <v>24</v>
      </c>
      <c r="B34" s="22">
        <v>107</v>
      </c>
      <c r="C34" s="14">
        <v>81</v>
      </c>
      <c r="D34" s="18">
        <v>188</v>
      </c>
    </row>
    <row r="35" spans="1:4" ht="18" customHeight="1" x14ac:dyDescent="0.15">
      <c r="A35" s="5" t="s">
        <v>9</v>
      </c>
      <c r="B35" s="22">
        <v>885</v>
      </c>
      <c r="C35" s="14">
        <v>511</v>
      </c>
      <c r="D35" s="18">
        <v>1396</v>
      </c>
    </row>
    <row r="36" spans="1:4" ht="18" customHeight="1" x14ac:dyDescent="0.15">
      <c r="A36" s="5">
        <v>25</v>
      </c>
      <c r="B36" s="22">
        <v>87</v>
      </c>
      <c r="C36" s="14">
        <v>44</v>
      </c>
      <c r="D36" s="18">
        <v>131</v>
      </c>
    </row>
    <row r="37" spans="1:4" ht="18" customHeight="1" x14ac:dyDescent="0.15">
      <c r="A37" s="5">
        <v>26</v>
      </c>
      <c r="B37" s="22">
        <v>92</v>
      </c>
      <c r="C37" s="14">
        <v>61</v>
      </c>
      <c r="D37" s="18">
        <v>153</v>
      </c>
    </row>
    <row r="38" spans="1:4" ht="18" customHeight="1" x14ac:dyDescent="0.15">
      <c r="A38" s="5">
        <v>27</v>
      </c>
      <c r="B38" s="22">
        <v>76</v>
      </c>
      <c r="C38" s="14">
        <v>54</v>
      </c>
      <c r="D38" s="18">
        <v>130</v>
      </c>
    </row>
    <row r="39" spans="1:4" ht="18" customHeight="1" x14ac:dyDescent="0.15">
      <c r="A39" s="5">
        <v>28</v>
      </c>
      <c r="B39" s="22">
        <v>58</v>
      </c>
      <c r="C39" s="14">
        <v>49</v>
      </c>
      <c r="D39" s="18">
        <v>107</v>
      </c>
    </row>
    <row r="40" spans="1:4" ht="18" customHeight="1" x14ac:dyDescent="0.15">
      <c r="A40" s="5">
        <v>29</v>
      </c>
      <c r="B40" s="22">
        <v>62</v>
      </c>
      <c r="C40" s="14">
        <v>54</v>
      </c>
      <c r="D40" s="18">
        <v>116</v>
      </c>
    </row>
    <row r="41" spans="1:4" ht="18" customHeight="1" x14ac:dyDescent="0.15">
      <c r="A41" s="5" t="s">
        <v>2</v>
      </c>
      <c r="B41" s="22">
        <v>375</v>
      </c>
      <c r="C41" s="14">
        <v>262</v>
      </c>
      <c r="D41" s="18">
        <v>637</v>
      </c>
    </row>
    <row r="42" spans="1:4" ht="18" customHeight="1" x14ac:dyDescent="0.15">
      <c r="A42" s="5">
        <v>30</v>
      </c>
      <c r="B42" s="22">
        <v>61</v>
      </c>
      <c r="C42" s="14">
        <v>58</v>
      </c>
      <c r="D42" s="18">
        <v>119</v>
      </c>
    </row>
    <row r="43" spans="1:4" ht="18" customHeight="1" x14ac:dyDescent="0.15">
      <c r="A43" s="5">
        <v>31</v>
      </c>
      <c r="B43" s="22">
        <v>62</v>
      </c>
      <c r="C43" s="14">
        <v>56</v>
      </c>
      <c r="D43" s="18">
        <v>118</v>
      </c>
    </row>
    <row r="44" spans="1:4" ht="18" customHeight="1" x14ac:dyDescent="0.15">
      <c r="A44" s="5">
        <v>32</v>
      </c>
      <c r="B44" s="22">
        <v>53</v>
      </c>
      <c r="C44" s="14">
        <v>37</v>
      </c>
      <c r="D44" s="18">
        <v>90</v>
      </c>
    </row>
    <row r="45" spans="1:4" ht="18" customHeight="1" x14ac:dyDescent="0.15">
      <c r="A45" s="5">
        <v>33</v>
      </c>
      <c r="B45" s="22">
        <v>57</v>
      </c>
      <c r="C45" s="14">
        <v>54</v>
      </c>
      <c r="D45" s="18">
        <v>111</v>
      </c>
    </row>
    <row r="46" spans="1:4" ht="18" customHeight="1" x14ac:dyDescent="0.15">
      <c r="A46" s="5">
        <v>34</v>
      </c>
      <c r="B46" s="22">
        <v>63</v>
      </c>
      <c r="C46" s="14">
        <v>38</v>
      </c>
      <c r="D46" s="18">
        <v>101</v>
      </c>
    </row>
    <row r="47" spans="1:4" ht="18" customHeight="1" x14ac:dyDescent="0.15">
      <c r="A47" s="5" t="s">
        <v>15</v>
      </c>
      <c r="B47" s="22">
        <v>296</v>
      </c>
      <c r="C47" s="14">
        <v>243</v>
      </c>
      <c r="D47" s="18">
        <v>539</v>
      </c>
    </row>
    <row r="48" spans="1:4" ht="18" customHeight="1" x14ac:dyDescent="0.15">
      <c r="A48" s="5">
        <v>35</v>
      </c>
      <c r="B48" s="22">
        <v>47</v>
      </c>
      <c r="C48" s="14">
        <v>48</v>
      </c>
      <c r="D48" s="18">
        <v>95</v>
      </c>
    </row>
    <row r="49" spans="1:4" ht="18" customHeight="1" x14ac:dyDescent="0.15">
      <c r="A49" s="5">
        <v>36</v>
      </c>
      <c r="B49" s="22">
        <v>55</v>
      </c>
      <c r="C49" s="14">
        <v>40</v>
      </c>
      <c r="D49" s="18">
        <v>95</v>
      </c>
    </row>
    <row r="50" spans="1:4" ht="18" customHeight="1" x14ac:dyDescent="0.15">
      <c r="A50" s="5">
        <v>37</v>
      </c>
      <c r="B50" s="22">
        <v>55</v>
      </c>
      <c r="C50" s="14">
        <v>47</v>
      </c>
      <c r="D50" s="18">
        <v>102</v>
      </c>
    </row>
    <row r="51" spans="1:4" ht="18" customHeight="1" x14ac:dyDescent="0.15">
      <c r="A51" s="5">
        <v>38</v>
      </c>
      <c r="B51" s="22">
        <v>63</v>
      </c>
      <c r="C51" s="14">
        <v>40</v>
      </c>
      <c r="D51" s="18">
        <v>103</v>
      </c>
    </row>
    <row r="52" spans="1:4" ht="18" customHeight="1" x14ac:dyDescent="0.15">
      <c r="A52" s="5">
        <v>39</v>
      </c>
      <c r="B52" s="22">
        <v>47</v>
      </c>
      <c r="C52" s="14">
        <v>40</v>
      </c>
      <c r="D52" s="18">
        <v>87</v>
      </c>
    </row>
    <row r="53" spans="1:4" ht="18" customHeight="1" x14ac:dyDescent="0.15">
      <c r="A53" s="5" t="s">
        <v>18</v>
      </c>
      <c r="B53" s="22">
        <v>267</v>
      </c>
      <c r="C53" s="14">
        <v>215</v>
      </c>
      <c r="D53" s="18">
        <v>482</v>
      </c>
    </row>
    <row r="54" spans="1:4" ht="18" customHeight="1" x14ac:dyDescent="0.15">
      <c r="A54" s="5">
        <v>40</v>
      </c>
      <c r="B54" s="22">
        <v>44</v>
      </c>
      <c r="C54" s="14">
        <v>45</v>
      </c>
      <c r="D54" s="18">
        <v>89</v>
      </c>
    </row>
    <row r="55" spans="1:4" ht="18" customHeight="1" x14ac:dyDescent="0.15">
      <c r="A55" s="5">
        <v>41</v>
      </c>
      <c r="B55" s="22">
        <v>57</v>
      </c>
      <c r="C55" s="14">
        <v>57</v>
      </c>
      <c r="D55" s="18">
        <v>114</v>
      </c>
    </row>
    <row r="56" spans="1:4" ht="18" customHeight="1" x14ac:dyDescent="0.15">
      <c r="A56" s="5">
        <v>42</v>
      </c>
      <c r="B56" s="22">
        <v>53</v>
      </c>
      <c r="C56" s="14">
        <v>44</v>
      </c>
      <c r="D56" s="18">
        <v>97</v>
      </c>
    </row>
    <row r="57" spans="1:4" ht="18" customHeight="1" x14ac:dyDescent="0.15">
      <c r="A57" s="5">
        <v>43</v>
      </c>
      <c r="B57" s="22">
        <v>57</v>
      </c>
      <c r="C57" s="14">
        <v>49</v>
      </c>
      <c r="D57" s="18">
        <v>106</v>
      </c>
    </row>
    <row r="58" spans="1:4" ht="18" customHeight="1" x14ac:dyDescent="0.15">
      <c r="A58" s="5">
        <v>44</v>
      </c>
      <c r="B58" s="22">
        <v>52</v>
      </c>
      <c r="C58" s="14">
        <v>56</v>
      </c>
      <c r="D58" s="18">
        <v>108</v>
      </c>
    </row>
    <row r="59" spans="1:4" ht="18" customHeight="1" x14ac:dyDescent="0.15">
      <c r="A59" s="5" t="s">
        <v>21</v>
      </c>
      <c r="B59" s="22">
        <v>263</v>
      </c>
      <c r="C59" s="14">
        <v>251</v>
      </c>
      <c r="D59" s="18">
        <v>514</v>
      </c>
    </row>
    <row r="60" spans="1:4" ht="18" customHeight="1" x14ac:dyDescent="0.15">
      <c r="A60" s="5">
        <v>45</v>
      </c>
      <c r="B60" s="22">
        <v>55</v>
      </c>
      <c r="C60" s="14">
        <v>44</v>
      </c>
      <c r="D60" s="18">
        <v>99</v>
      </c>
    </row>
    <row r="61" spans="1:4" ht="18" customHeight="1" x14ac:dyDescent="0.15">
      <c r="A61" s="5">
        <v>46</v>
      </c>
      <c r="B61" s="22">
        <v>66</v>
      </c>
      <c r="C61" s="14">
        <v>50</v>
      </c>
      <c r="D61" s="18">
        <v>116</v>
      </c>
    </row>
    <row r="62" spans="1:4" ht="18" customHeight="1" x14ac:dyDescent="0.15">
      <c r="A62" s="5">
        <v>47</v>
      </c>
      <c r="B62" s="22">
        <v>73</v>
      </c>
      <c r="C62" s="14">
        <v>67</v>
      </c>
      <c r="D62" s="18">
        <v>140</v>
      </c>
    </row>
    <row r="63" spans="1:4" ht="18" customHeight="1" x14ac:dyDescent="0.15">
      <c r="A63" s="5">
        <v>48</v>
      </c>
      <c r="B63" s="22">
        <v>64</v>
      </c>
      <c r="C63" s="14">
        <v>64</v>
      </c>
      <c r="D63" s="18">
        <v>128</v>
      </c>
    </row>
    <row r="64" spans="1:4" ht="18" customHeight="1" x14ac:dyDescent="0.15">
      <c r="A64" s="5">
        <v>49</v>
      </c>
      <c r="B64" s="22">
        <v>58</v>
      </c>
      <c r="C64" s="14">
        <v>53</v>
      </c>
      <c r="D64" s="18">
        <v>111</v>
      </c>
    </row>
    <row r="65" spans="1:4" ht="18" customHeight="1" x14ac:dyDescent="0.15">
      <c r="A65" s="5" t="s">
        <v>17</v>
      </c>
      <c r="B65" s="22">
        <v>316</v>
      </c>
      <c r="C65" s="14">
        <v>278</v>
      </c>
      <c r="D65" s="18">
        <v>594</v>
      </c>
    </row>
    <row r="66" spans="1:4" ht="18" customHeight="1" x14ac:dyDescent="0.15">
      <c r="A66" s="5">
        <v>50</v>
      </c>
      <c r="B66" s="22">
        <v>72</v>
      </c>
      <c r="C66" s="14">
        <v>54</v>
      </c>
      <c r="D66" s="18">
        <v>126</v>
      </c>
    </row>
    <row r="67" spans="1:4" ht="18" customHeight="1" x14ac:dyDescent="0.15">
      <c r="A67" s="5">
        <v>51</v>
      </c>
      <c r="B67" s="22">
        <v>82</v>
      </c>
      <c r="C67" s="14">
        <v>79</v>
      </c>
      <c r="D67" s="18">
        <v>161</v>
      </c>
    </row>
    <row r="68" spans="1:4" ht="18" customHeight="1" x14ac:dyDescent="0.15">
      <c r="A68" s="5">
        <v>52</v>
      </c>
      <c r="B68" s="22">
        <v>71</v>
      </c>
      <c r="C68" s="14">
        <v>82</v>
      </c>
      <c r="D68" s="18">
        <v>153</v>
      </c>
    </row>
    <row r="69" spans="1:4" ht="18" customHeight="1" x14ac:dyDescent="0.15">
      <c r="A69" s="5">
        <v>53</v>
      </c>
      <c r="B69" s="22">
        <v>97</v>
      </c>
      <c r="C69" s="14">
        <v>79</v>
      </c>
      <c r="D69" s="18">
        <v>176</v>
      </c>
    </row>
    <row r="70" spans="1:4" ht="18" customHeight="1" x14ac:dyDescent="0.15">
      <c r="A70" s="5">
        <v>54</v>
      </c>
      <c r="B70" s="22">
        <v>80</v>
      </c>
      <c r="C70" s="14">
        <v>79</v>
      </c>
      <c r="D70" s="18">
        <v>159</v>
      </c>
    </row>
    <row r="71" spans="1:4" ht="18" customHeight="1" x14ac:dyDescent="0.15">
      <c r="A71" s="5" t="s">
        <v>22</v>
      </c>
      <c r="B71" s="22">
        <v>402</v>
      </c>
      <c r="C71" s="14">
        <v>373</v>
      </c>
      <c r="D71" s="18">
        <v>775</v>
      </c>
    </row>
    <row r="72" spans="1:4" ht="18" customHeight="1" x14ac:dyDescent="0.15">
      <c r="A72" s="5">
        <v>55</v>
      </c>
      <c r="B72" s="22">
        <v>82</v>
      </c>
      <c r="C72" s="14">
        <v>58</v>
      </c>
      <c r="D72" s="18">
        <v>140</v>
      </c>
    </row>
    <row r="73" spans="1:4" ht="18" customHeight="1" x14ac:dyDescent="0.15">
      <c r="A73" s="5">
        <v>56</v>
      </c>
      <c r="B73" s="22">
        <v>75</v>
      </c>
      <c r="C73" s="14">
        <v>68</v>
      </c>
      <c r="D73" s="18">
        <v>143</v>
      </c>
    </row>
    <row r="74" spans="1:4" ht="18" customHeight="1" x14ac:dyDescent="0.15">
      <c r="A74" s="5">
        <v>57</v>
      </c>
      <c r="B74" s="22">
        <v>55</v>
      </c>
      <c r="C74" s="14">
        <v>64</v>
      </c>
      <c r="D74" s="18">
        <v>119</v>
      </c>
    </row>
    <row r="75" spans="1:4" ht="18" customHeight="1" x14ac:dyDescent="0.15">
      <c r="A75" s="5">
        <v>58</v>
      </c>
      <c r="B75" s="22">
        <v>52</v>
      </c>
      <c r="C75" s="14">
        <v>73</v>
      </c>
      <c r="D75" s="18">
        <v>125</v>
      </c>
    </row>
    <row r="76" spans="1:4" ht="18" customHeight="1" x14ac:dyDescent="0.15">
      <c r="A76" s="5">
        <v>59</v>
      </c>
      <c r="B76" s="22">
        <v>68</v>
      </c>
      <c r="C76" s="14">
        <v>64</v>
      </c>
      <c r="D76" s="18">
        <v>132</v>
      </c>
    </row>
    <row r="77" spans="1:4" ht="18" customHeight="1" x14ac:dyDescent="0.15">
      <c r="A77" s="5" t="s">
        <v>27</v>
      </c>
      <c r="B77" s="22">
        <v>332</v>
      </c>
      <c r="C77" s="14">
        <v>327</v>
      </c>
      <c r="D77" s="18">
        <v>659</v>
      </c>
    </row>
    <row r="78" spans="1:4" ht="18" customHeight="1" x14ac:dyDescent="0.15">
      <c r="A78" s="5">
        <v>60</v>
      </c>
      <c r="B78" s="22">
        <v>51</v>
      </c>
      <c r="C78" s="14">
        <v>36</v>
      </c>
      <c r="D78" s="18">
        <v>87</v>
      </c>
    </row>
    <row r="79" spans="1:4" ht="18" customHeight="1" x14ac:dyDescent="0.15">
      <c r="A79" s="5">
        <v>61</v>
      </c>
      <c r="B79" s="22">
        <v>54</v>
      </c>
      <c r="C79" s="14">
        <v>44</v>
      </c>
      <c r="D79" s="18">
        <v>98</v>
      </c>
    </row>
    <row r="80" spans="1:4" ht="18" customHeight="1" x14ac:dyDescent="0.15">
      <c r="A80" s="5">
        <v>62</v>
      </c>
      <c r="B80" s="22">
        <v>52</v>
      </c>
      <c r="C80" s="14">
        <v>48</v>
      </c>
      <c r="D80" s="18">
        <v>100</v>
      </c>
    </row>
    <row r="81" spans="1:4" ht="18" customHeight="1" x14ac:dyDescent="0.15">
      <c r="A81" s="5">
        <v>63</v>
      </c>
      <c r="B81" s="22">
        <v>71</v>
      </c>
      <c r="C81" s="14">
        <v>54</v>
      </c>
      <c r="D81" s="18">
        <v>125</v>
      </c>
    </row>
    <row r="82" spans="1:4" ht="18" customHeight="1" x14ac:dyDescent="0.15">
      <c r="A82" s="5">
        <v>64</v>
      </c>
      <c r="B82" s="22">
        <v>54</v>
      </c>
      <c r="C82" s="14">
        <v>53</v>
      </c>
      <c r="D82" s="18">
        <v>107</v>
      </c>
    </row>
    <row r="83" spans="1:4" ht="18" customHeight="1" x14ac:dyDescent="0.15">
      <c r="A83" s="5" t="s">
        <v>28</v>
      </c>
      <c r="B83" s="22">
        <v>282</v>
      </c>
      <c r="C83" s="14">
        <v>235</v>
      </c>
      <c r="D83" s="18">
        <v>517</v>
      </c>
    </row>
    <row r="84" spans="1:4" ht="18" customHeight="1" x14ac:dyDescent="0.15">
      <c r="A84" s="5" t="s">
        <v>31</v>
      </c>
      <c r="B84" s="22">
        <v>3831</v>
      </c>
      <c r="C84" s="14">
        <v>3009</v>
      </c>
      <c r="D84" s="18">
        <v>6840</v>
      </c>
    </row>
    <row r="85" spans="1:4" ht="18" customHeight="1" x14ac:dyDescent="0.15">
      <c r="A85" s="5">
        <v>65</v>
      </c>
      <c r="B85" s="22">
        <v>37</v>
      </c>
      <c r="C85" s="14">
        <v>53</v>
      </c>
      <c r="D85" s="18">
        <v>90</v>
      </c>
    </row>
    <row r="86" spans="1:4" ht="18" customHeight="1" x14ac:dyDescent="0.15">
      <c r="A86" s="5">
        <v>66</v>
      </c>
      <c r="B86" s="22">
        <v>57</v>
      </c>
      <c r="C86" s="14">
        <v>59</v>
      </c>
      <c r="D86" s="18">
        <v>116</v>
      </c>
    </row>
    <row r="87" spans="1:4" ht="18" customHeight="1" x14ac:dyDescent="0.15">
      <c r="A87" s="5">
        <v>67</v>
      </c>
      <c r="B87" s="22">
        <v>51</v>
      </c>
      <c r="C87" s="14">
        <v>48</v>
      </c>
      <c r="D87" s="18">
        <v>99</v>
      </c>
    </row>
    <row r="88" spans="1:4" ht="18" customHeight="1" x14ac:dyDescent="0.15">
      <c r="A88" s="5">
        <v>68</v>
      </c>
      <c r="B88" s="22">
        <v>37</v>
      </c>
      <c r="C88" s="14">
        <v>35</v>
      </c>
      <c r="D88" s="18">
        <v>72</v>
      </c>
    </row>
    <row r="89" spans="1:4" ht="18" customHeight="1" x14ac:dyDescent="0.15">
      <c r="A89" s="5">
        <v>69</v>
      </c>
      <c r="B89" s="22">
        <v>66</v>
      </c>
      <c r="C89" s="14">
        <v>42</v>
      </c>
      <c r="D89" s="18">
        <v>108</v>
      </c>
    </row>
    <row r="90" spans="1:4" ht="18" customHeight="1" x14ac:dyDescent="0.15">
      <c r="A90" s="5" t="s">
        <v>20</v>
      </c>
      <c r="B90" s="22">
        <v>248</v>
      </c>
      <c r="C90" s="14">
        <v>237</v>
      </c>
      <c r="D90" s="18">
        <v>485</v>
      </c>
    </row>
    <row r="91" spans="1:4" ht="18" customHeight="1" x14ac:dyDescent="0.15">
      <c r="A91" s="5">
        <v>70</v>
      </c>
      <c r="B91" s="22">
        <v>32</v>
      </c>
      <c r="C91" s="14">
        <v>46</v>
      </c>
      <c r="D91" s="18">
        <v>78</v>
      </c>
    </row>
    <row r="92" spans="1:4" ht="18" customHeight="1" x14ac:dyDescent="0.15">
      <c r="A92" s="5">
        <v>71</v>
      </c>
      <c r="B92" s="22">
        <v>46</v>
      </c>
      <c r="C92" s="14">
        <v>46</v>
      </c>
      <c r="D92" s="18">
        <v>92</v>
      </c>
    </row>
    <row r="93" spans="1:4" ht="18" customHeight="1" x14ac:dyDescent="0.15">
      <c r="A93" s="5">
        <v>72</v>
      </c>
      <c r="B93" s="22">
        <v>32</v>
      </c>
      <c r="C93" s="14">
        <v>52</v>
      </c>
      <c r="D93" s="18">
        <v>84</v>
      </c>
    </row>
    <row r="94" spans="1:4" ht="18" customHeight="1" x14ac:dyDescent="0.15">
      <c r="A94" s="5">
        <v>73</v>
      </c>
      <c r="B94" s="22">
        <v>48</v>
      </c>
      <c r="C94" s="14">
        <v>53</v>
      </c>
      <c r="D94" s="18">
        <v>101</v>
      </c>
    </row>
    <row r="95" spans="1:4" ht="18" customHeight="1" x14ac:dyDescent="0.15">
      <c r="A95" s="5">
        <v>74</v>
      </c>
      <c r="B95" s="22">
        <v>48</v>
      </c>
      <c r="C95" s="14">
        <v>56</v>
      </c>
      <c r="D95" s="18">
        <v>104</v>
      </c>
    </row>
    <row r="96" spans="1:4" ht="18" customHeight="1" x14ac:dyDescent="0.15">
      <c r="A96" s="5" t="s">
        <v>33</v>
      </c>
      <c r="B96" s="22">
        <v>206</v>
      </c>
      <c r="C96" s="14">
        <v>253</v>
      </c>
      <c r="D96" s="18">
        <v>459</v>
      </c>
    </row>
    <row r="97" spans="1:4" ht="18" customHeight="1" x14ac:dyDescent="0.15">
      <c r="A97" s="5">
        <v>75</v>
      </c>
      <c r="B97" s="22">
        <v>47</v>
      </c>
      <c r="C97" s="14">
        <v>52</v>
      </c>
      <c r="D97" s="18">
        <v>99</v>
      </c>
    </row>
    <row r="98" spans="1:4" ht="18" customHeight="1" x14ac:dyDescent="0.15">
      <c r="A98" s="5">
        <v>76</v>
      </c>
      <c r="B98" s="22">
        <v>51</v>
      </c>
      <c r="C98" s="14">
        <v>68</v>
      </c>
      <c r="D98" s="18">
        <v>119</v>
      </c>
    </row>
    <row r="99" spans="1:4" ht="18" customHeight="1" x14ac:dyDescent="0.15">
      <c r="A99" s="5">
        <v>77</v>
      </c>
      <c r="B99" s="22">
        <v>65</v>
      </c>
      <c r="C99" s="14">
        <v>68</v>
      </c>
      <c r="D99" s="18">
        <v>133</v>
      </c>
    </row>
    <row r="100" spans="1:4" ht="18" customHeight="1" x14ac:dyDescent="0.15">
      <c r="A100" s="5">
        <v>78</v>
      </c>
      <c r="B100" s="22">
        <v>73</v>
      </c>
      <c r="C100" s="14">
        <v>75</v>
      </c>
      <c r="D100" s="18">
        <v>148</v>
      </c>
    </row>
    <row r="101" spans="1:4" ht="18" customHeight="1" x14ac:dyDescent="0.15">
      <c r="A101" s="5">
        <v>79</v>
      </c>
      <c r="B101" s="22">
        <v>61</v>
      </c>
      <c r="C101" s="14">
        <v>64</v>
      </c>
      <c r="D101" s="18">
        <v>125</v>
      </c>
    </row>
    <row r="102" spans="1:4" ht="18" customHeight="1" x14ac:dyDescent="0.15">
      <c r="A102" s="5" t="s">
        <v>0</v>
      </c>
      <c r="B102" s="22">
        <v>297</v>
      </c>
      <c r="C102" s="14">
        <v>327</v>
      </c>
      <c r="D102" s="18">
        <v>624</v>
      </c>
    </row>
    <row r="103" spans="1:4" ht="18" customHeight="1" x14ac:dyDescent="0.15">
      <c r="A103" s="5">
        <v>80</v>
      </c>
      <c r="B103" s="22">
        <v>39</v>
      </c>
      <c r="C103" s="14">
        <v>30</v>
      </c>
      <c r="D103" s="18">
        <v>69</v>
      </c>
    </row>
    <row r="104" spans="1:4" ht="18" customHeight="1" x14ac:dyDescent="0.15">
      <c r="A104" s="5">
        <v>81</v>
      </c>
      <c r="B104" s="22">
        <v>30</v>
      </c>
      <c r="C104" s="14">
        <v>48</v>
      </c>
      <c r="D104" s="18">
        <v>78</v>
      </c>
    </row>
    <row r="105" spans="1:4" ht="18" customHeight="1" x14ac:dyDescent="0.15">
      <c r="A105" s="5">
        <v>82</v>
      </c>
      <c r="B105" s="22">
        <v>34</v>
      </c>
      <c r="C105" s="14">
        <v>53</v>
      </c>
      <c r="D105" s="18">
        <v>87</v>
      </c>
    </row>
    <row r="106" spans="1:4" ht="18" customHeight="1" x14ac:dyDescent="0.15">
      <c r="A106" s="5">
        <v>83</v>
      </c>
      <c r="B106" s="22">
        <v>25</v>
      </c>
      <c r="C106" s="14">
        <v>41</v>
      </c>
      <c r="D106" s="18">
        <v>66</v>
      </c>
    </row>
    <row r="107" spans="1:4" ht="18" customHeight="1" x14ac:dyDescent="0.15">
      <c r="A107" s="5">
        <v>84</v>
      </c>
      <c r="B107" s="22">
        <v>37</v>
      </c>
      <c r="C107" s="14">
        <v>37</v>
      </c>
      <c r="D107" s="18">
        <v>74</v>
      </c>
    </row>
    <row r="108" spans="1:4" ht="18" customHeight="1" x14ac:dyDescent="0.15">
      <c r="A108" s="5" t="s">
        <v>35</v>
      </c>
      <c r="B108" s="22">
        <v>165</v>
      </c>
      <c r="C108" s="14">
        <v>209</v>
      </c>
      <c r="D108" s="18">
        <v>374</v>
      </c>
    </row>
    <row r="109" spans="1:4" ht="18" customHeight="1" x14ac:dyDescent="0.15">
      <c r="A109" s="5">
        <v>85</v>
      </c>
      <c r="B109" s="22">
        <v>29</v>
      </c>
      <c r="C109" s="14">
        <v>31</v>
      </c>
      <c r="D109" s="18">
        <v>60</v>
      </c>
    </row>
    <row r="110" spans="1:4" ht="18" customHeight="1" x14ac:dyDescent="0.15">
      <c r="A110" s="5">
        <v>86</v>
      </c>
      <c r="B110" s="22">
        <v>19</v>
      </c>
      <c r="C110" s="14">
        <v>26</v>
      </c>
      <c r="D110" s="18">
        <v>45</v>
      </c>
    </row>
    <row r="111" spans="1:4" ht="18" customHeight="1" x14ac:dyDescent="0.15">
      <c r="A111" s="5">
        <v>87</v>
      </c>
      <c r="B111" s="22">
        <v>12</v>
      </c>
      <c r="C111" s="14">
        <v>33</v>
      </c>
      <c r="D111" s="18">
        <v>45</v>
      </c>
    </row>
    <row r="112" spans="1:4" ht="18" customHeight="1" x14ac:dyDescent="0.15">
      <c r="A112" s="5">
        <v>88</v>
      </c>
      <c r="B112" s="22">
        <v>8</v>
      </c>
      <c r="C112" s="14">
        <v>29</v>
      </c>
      <c r="D112" s="18">
        <v>37</v>
      </c>
    </row>
    <row r="113" spans="1:4" ht="18" customHeight="1" x14ac:dyDescent="0.15">
      <c r="A113" s="5">
        <v>89</v>
      </c>
      <c r="B113" s="22">
        <v>12</v>
      </c>
      <c r="C113" s="14">
        <v>34</v>
      </c>
      <c r="D113" s="18">
        <v>46</v>
      </c>
    </row>
    <row r="114" spans="1:4" ht="18" customHeight="1" x14ac:dyDescent="0.15">
      <c r="A114" s="5" t="s">
        <v>37</v>
      </c>
      <c r="B114" s="22">
        <v>80</v>
      </c>
      <c r="C114" s="14">
        <v>153</v>
      </c>
      <c r="D114" s="18">
        <v>233</v>
      </c>
    </row>
    <row r="115" spans="1:4" ht="18" customHeight="1" x14ac:dyDescent="0.15">
      <c r="A115" s="5">
        <v>90</v>
      </c>
      <c r="B115" s="22">
        <v>4</v>
      </c>
      <c r="C115" s="14">
        <v>29</v>
      </c>
      <c r="D115" s="18">
        <v>33</v>
      </c>
    </row>
    <row r="116" spans="1:4" ht="18" customHeight="1" x14ac:dyDescent="0.15">
      <c r="A116" s="5">
        <v>91</v>
      </c>
      <c r="B116" s="22">
        <v>5</v>
      </c>
      <c r="C116" s="14">
        <v>22</v>
      </c>
      <c r="D116" s="18">
        <v>27</v>
      </c>
    </row>
    <row r="117" spans="1:4" ht="18" customHeight="1" x14ac:dyDescent="0.15">
      <c r="A117" s="5">
        <v>92</v>
      </c>
      <c r="B117" s="22">
        <v>5</v>
      </c>
      <c r="C117" s="14">
        <v>26</v>
      </c>
      <c r="D117" s="18">
        <v>31</v>
      </c>
    </row>
    <row r="118" spans="1:4" ht="18" customHeight="1" x14ac:dyDescent="0.15">
      <c r="A118" s="5">
        <v>93</v>
      </c>
      <c r="B118" s="22">
        <v>7</v>
      </c>
      <c r="C118" s="14">
        <v>26</v>
      </c>
      <c r="D118" s="18">
        <v>33</v>
      </c>
    </row>
    <row r="119" spans="1:4" ht="18" customHeight="1" x14ac:dyDescent="0.15">
      <c r="A119" s="5">
        <v>94</v>
      </c>
      <c r="B119" s="22">
        <v>4</v>
      </c>
      <c r="C119" s="14">
        <v>10</v>
      </c>
      <c r="D119" s="18">
        <v>14</v>
      </c>
    </row>
    <row r="120" spans="1:4" ht="18" customHeight="1" x14ac:dyDescent="0.15">
      <c r="A120" s="5" t="s">
        <v>39</v>
      </c>
      <c r="B120" s="22">
        <v>25</v>
      </c>
      <c r="C120" s="14">
        <v>113</v>
      </c>
      <c r="D120" s="18">
        <v>138</v>
      </c>
    </row>
    <row r="121" spans="1:4" ht="18" customHeight="1" x14ac:dyDescent="0.15">
      <c r="A121" s="5">
        <v>95</v>
      </c>
      <c r="B121" s="22">
        <v>3</v>
      </c>
      <c r="C121" s="14">
        <v>8</v>
      </c>
      <c r="D121" s="18">
        <v>11</v>
      </c>
    </row>
    <row r="122" spans="1:4" ht="18" customHeight="1" x14ac:dyDescent="0.15">
      <c r="A122" s="5">
        <v>96</v>
      </c>
      <c r="B122" s="22">
        <v>5</v>
      </c>
      <c r="C122" s="14">
        <v>7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0</v>
      </c>
      <c r="C126" s="14">
        <v>25</v>
      </c>
      <c r="D126" s="18">
        <v>35</v>
      </c>
    </row>
    <row r="127" spans="1:4" ht="18" customHeight="1" x14ac:dyDescent="0.15">
      <c r="A127" s="5">
        <v>100</v>
      </c>
      <c r="B127" s="22">
        <v>0</v>
      </c>
      <c r="C127" s="14">
        <v>6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12</v>
      </c>
      <c r="D129" s="18">
        <v>13</v>
      </c>
    </row>
    <row r="130" spans="1:4" ht="18" customHeight="1" x14ac:dyDescent="0.15">
      <c r="A130" s="5" t="s">
        <v>46</v>
      </c>
      <c r="B130" s="22">
        <v>1032</v>
      </c>
      <c r="C130" s="14">
        <v>1329</v>
      </c>
      <c r="D130" s="18">
        <v>2361</v>
      </c>
    </row>
    <row r="131" spans="1:4" ht="18" customHeight="1" x14ac:dyDescent="0.15">
      <c r="A131" s="7" t="s">
        <v>45</v>
      </c>
      <c r="B131" s="23">
        <v>5308</v>
      </c>
      <c r="C131" s="15">
        <v>4795</v>
      </c>
      <c r="D131" s="19">
        <v>1010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8</v>
      </c>
      <c r="C5" s="13">
        <v>11</v>
      </c>
      <c r="D5" s="17">
        <v>29</v>
      </c>
    </row>
    <row r="6" spans="1:4" ht="18" customHeight="1" x14ac:dyDescent="0.15">
      <c r="A6" s="5">
        <v>1</v>
      </c>
      <c r="B6" s="22">
        <v>4</v>
      </c>
      <c r="C6" s="14">
        <v>9</v>
      </c>
      <c r="D6" s="18">
        <v>13</v>
      </c>
    </row>
    <row r="7" spans="1:4" ht="18" customHeight="1" x14ac:dyDescent="0.15">
      <c r="A7" s="5">
        <v>2</v>
      </c>
      <c r="B7" s="22">
        <v>10</v>
      </c>
      <c r="C7" s="14">
        <v>12</v>
      </c>
      <c r="D7" s="18">
        <v>22</v>
      </c>
    </row>
    <row r="8" spans="1:4" ht="18" customHeight="1" x14ac:dyDescent="0.15">
      <c r="A8" s="5">
        <v>3</v>
      </c>
      <c r="B8" s="22">
        <v>7</v>
      </c>
      <c r="C8" s="14">
        <v>11</v>
      </c>
      <c r="D8" s="18">
        <v>18</v>
      </c>
    </row>
    <row r="9" spans="1:4" ht="18" customHeight="1" x14ac:dyDescent="0.15">
      <c r="A9" s="5">
        <v>4</v>
      </c>
      <c r="B9" s="22">
        <v>11</v>
      </c>
      <c r="C9" s="14">
        <v>13</v>
      </c>
      <c r="D9" s="18">
        <v>24</v>
      </c>
    </row>
    <row r="10" spans="1:4" ht="18" customHeight="1" x14ac:dyDescent="0.15">
      <c r="A10" s="5" t="s">
        <v>7</v>
      </c>
      <c r="B10" s="22">
        <v>50</v>
      </c>
      <c r="C10" s="14">
        <v>56</v>
      </c>
      <c r="D10" s="18">
        <v>106</v>
      </c>
    </row>
    <row r="11" spans="1:4" ht="18" customHeight="1" x14ac:dyDescent="0.15">
      <c r="A11" s="5">
        <v>5</v>
      </c>
      <c r="B11" s="22">
        <v>15</v>
      </c>
      <c r="C11" s="14">
        <v>10</v>
      </c>
      <c r="D11" s="18">
        <v>25</v>
      </c>
    </row>
    <row r="12" spans="1:4" ht="18" customHeight="1" x14ac:dyDescent="0.15">
      <c r="A12" s="5">
        <v>6</v>
      </c>
      <c r="B12" s="22">
        <v>7</v>
      </c>
      <c r="C12" s="14">
        <v>8</v>
      </c>
      <c r="D12" s="18">
        <v>15</v>
      </c>
    </row>
    <row r="13" spans="1:4" ht="18" customHeight="1" x14ac:dyDescent="0.15">
      <c r="A13" s="5">
        <v>7</v>
      </c>
      <c r="B13" s="22">
        <v>11</v>
      </c>
      <c r="C13" s="14">
        <v>12</v>
      </c>
      <c r="D13" s="18">
        <v>23</v>
      </c>
    </row>
    <row r="14" spans="1:4" ht="18" customHeight="1" x14ac:dyDescent="0.15">
      <c r="A14" s="5">
        <v>8</v>
      </c>
      <c r="B14" s="22">
        <v>13</v>
      </c>
      <c r="C14" s="14">
        <v>24</v>
      </c>
      <c r="D14" s="18">
        <v>37</v>
      </c>
    </row>
    <row r="15" spans="1:4" ht="18" customHeight="1" x14ac:dyDescent="0.15">
      <c r="A15" s="5">
        <v>9</v>
      </c>
      <c r="B15" s="22">
        <v>11</v>
      </c>
      <c r="C15" s="14">
        <v>11</v>
      </c>
      <c r="D15" s="18">
        <v>22</v>
      </c>
    </row>
    <row r="16" spans="1:4" ht="18" customHeight="1" x14ac:dyDescent="0.15">
      <c r="A16" s="5" t="s">
        <v>11</v>
      </c>
      <c r="B16" s="22">
        <v>57</v>
      </c>
      <c r="C16" s="14">
        <v>65</v>
      </c>
      <c r="D16" s="18">
        <v>122</v>
      </c>
    </row>
    <row r="17" spans="1:4" ht="18" customHeight="1" x14ac:dyDescent="0.15">
      <c r="A17" s="5">
        <v>10</v>
      </c>
      <c r="B17" s="22">
        <v>11</v>
      </c>
      <c r="C17" s="14">
        <v>18</v>
      </c>
      <c r="D17" s="18">
        <v>29</v>
      </c>
    </row>
    <row r="18" spans="1:4" ht="18" customHeight="1" x14ac:dyDescent="0.15">
      <c r="A18" s="5">
        <v>11</v>
      </c>
      <c r="B18" s="22">
        <v>14</v>
      </c>
      <c r="C18" s="14">
        <v>14</v>
      </c>
      <c r="D18" s="18">
        <v>28</v>
      </c>
    </row>
    <row r="19" spans="1:4" ht="18" customHeight="1" x14ac:dyDescent="0.15">
      <c r="A19" s="5">
        <v>12</v>
      </c>
      <c r="B19" s="22">
        <v>15</v>
      </c>
      <c r="C19" s="14">
        <v>13</v>
      </c>
      <c r="D19" s="18">
        <v>28</v>
      </c>
    </row>
    <row r="20" spans="1:4" ht="18" customHeight="1" x14ac:dyDescent="0.15">
      <c r="A20" s="5">
        <v>13</v>
      </c>
      <c r="B20" s="22">
        <v>13</v>
      </c>
      <c r="C20" s="14">
        <v>20</v>
      </c>
      <c r="D20" s="18">
        <v>33</v>
      </c>
    </row>
    <row r="21" spans="1:4" ht="18" customHeight="1" x14ac:dyDescent="0.15">
      <c r="A21" s="5">
        <v>14</v>
      </c>
      <c r="B21" s="22">
        <v>22</v>
      </c>
      <c r="C21" s="14">
        <v>16</v>
      </c>
      <c r="D21" s="18">
        <v>38</v>
      </c>
    </row>
    <row r="22" spans="1:4" ht="18" customHeight="1" x14ac:dyDescent="0.15">
      <c r="A22" s="5" t="s">
        <v>12</v>
      </c>
      <c r="B22" s="22">
        <v>75</v>
      </c>
      <c r="C22" s="14">
        <v>81</v>
      </c>
      <c r="D22" s="18">
        <v>156</v>
      </c>
    </row>
    <row r="23" spans="1:4" ht="18" customHeight="1" x14ac:dyDescent="0.15">
      <c r="A23" s="5" t="s">
        <v>6</v>
      </c>
      <c r="B23" s="22">
        <v>182</v>
      </c>
      <c r="C23" s="14">
        <v>202</v>
      </c>
      <c r="D23" s="18">
        <v>384</v>
      </c>
    </row>
    <row r="24" spans="1:4" ht="18" customHeight="1" x14ac:dyDescent="0.15">
      <c r="A24" s="5">
        <v>15</v>
      </c>
      <c r="B24" s="22">
        <v>13</v>
      </c>
      <c r="C24" s="14">
        <v>15</v>
      </c>
      <c r="D24" s="18">
        <v>28</v>
      </c>
    </row>
    <row r="25" spans="1:4" ht="18" customHeight="1" x14ac:dyDescent="0.15">
      <c r="A25" s="5">
        <v>16</v>
      </c>
      <c r="B25" s="22">
        <v>16</v>
      </c>
      <c r="C25" s="14">
        <v>19</v>
      </c>
      <c r="D25" s="18">
        <v>35</v>
      </c>
    </row>
    <row r="26" spans="1:4" ht="18" customHeight="1" x14ac:dyDescent="0.15">
      <c r="A26" s="5">
        <v>17</v>
      </c>
      <c r="B26" s="22">
        <v>19</v>
      </c>
      <c r="C26" s="14">
        <v>17</v>
      </c>
      <c r="D26" s="18">
        <v>36</v>
      </c>
    </row>
    <row r="27" spans="1:4" ht="18" customHeight="1" x14ac:dyDescent="0.15">
      <c r="A27" s="5">
        <v>18</v>
      </c>
      <c r="B27" s="22">
        <v>18</v>
      </c>
      <c r="C27" s="14">
        <v>18</v>
      </c>
      <c r="D27" s="18">
        <v>36</v>
      </c>
    </row>
    <row r="28" spans="1:4" ht="18" customHeight="1" x14ac:dyDescent="0.15">
      <c r="A28" s="5">
        <v>19</v>
      </c>
      <c r="B28" s="22">
        <v>22</v>
      </c>
      <c r="C28" s="14">
        <v>15</v>
      </c>
      <c r="D28" s="18">
        <v>37</v>
      </c>
    </row>
    <row r="29" spans="1:4" ht="18" customHeight="1" x14ac:dyDescent="0.15">
      <c r="A29" s="5" t="s">
        <v>14</v>
      </c>
      <c r="B29" s="22">
        <v>88</v>
      </c>
      <c r="C29" s="14">
        <v>84</v>
      </c>
      <c r="D29" s="18">
        <v>172</v>
      </c>
    </row>
    <row r="30" spans="1:4" ht="18" customHeight="1" x14ac:dyDescent="0.15">
      <c r="A30" s="5">
        <v>20</v>
      </c>
      <c r="B30" s="22">
        <v>14</v>
      </c>
      <c r="C30" s="14">
        <v>25</v>
      </c>
      <c r="D30" s="18">
        <v>39</v>
      </c>
    </row>
    <row r="31" spans="1:4" ht="18" customHeight="1" x14ac:dyDescent="0.15">
      <c r="A31" s="5">
        <v>21</v>
      </c>
      <c r="B31" s="22">
        <v>18</v>
      </c>
      <c r="C31" s="14">
        <v>17</v>
      </c>
      <c r="D31" s="18">
        <v>35</v>
      </c>
    </row>
    <row r="32" spans="1:4" ht="18" customHeight="1" x14ac:dyDescent="0.15">
      <c r="A32" s="5">
        <v>22</v>
      </c>
      <c r="B32" s="22">
        <v>25</v>
      </c>
      <c r="C32" s="14">
        <v>23</v>
      </c>
      <c r="D32" s="18">
        <v>48</v>
      </c>
    </row>
    <row r="33" spans="1:4" ht="18" customHeight="1" x14ac:dyDescent="0.15">
      <c r="A33" s="5">
        <v>23</v>
      </c>
      <c r="B33" s="22">
        <v>20</v>
      </c>
      <c r="C33" s="14">
        <v>18</v>
      </c>
      <c r="D33" s="18">
        <v>38</v>
      </c>
    </row>
    <row r="34" spans="1:4" ht="18" customHeight="1" x14ac:dyDescent="0.15">
      <c r="A34" s="5">
        <v>24</v>
      </c>
      <c r="B34" s="22">
        <v>19</v>
      </c>
      <c r="C34" s="14">
        <v>20</v>
      </c>
      <c r="D34" s="18">
        <v>39</v>
      </c>
    </row>
    <row r="35" spans="1:4" ht="18" customHeight="1" x14ac:dyDescent="0.15">
      <c r="A35" s="5" t="s">
        <v>9</v>
      </c>
      <c r="B35" s="22">
        <v>96</v>
      </c>
      <c r="C35" s="14">
        <v>103</v>
      </c>
      <c r="D35" s="18">
        <v>199</v>
      </c>
    </row>
    <row r="36" spans="1:4" ht="18" customHeight="1" x14ac:dyDescent="0.15">
      <c r="A36" s="5">
        <v>25</v>
      </c>
      <c r="B36" s="22">
        <v>30</v>
      </c>
      <c r="C36" s="14">
        <v>28</v>
      </c>
      <c r="D36" s="18">
        <v>58</v>
      </c>
    </row>
    <row r="37" spans="1:4" ht="18" customHeight="1" x14ac:dyDescent="0.15">
      <c r="A37" s="5">
        <v>26</v>
      </c>
      <c r="B37" s="22">
        <v>14</v>
      </c>
      <c r="C37" s="14">
        <v>29</v>
      </c>
      <c r="D37" s="18">
        <v>43</v>
      </c>
    </row>
    <row r="38" spans="1:4" ht="18" customHeight="1" x14ac:dyDescent="0.15">
      <c r="A38" s="5">
        <v>27</v>
      </c>
      <c r="B38" s="22">
        <v>22</v>
      </c>
      <c r="C38" s="14">
        <v>30</v>
      </c>
      <c r="D38" s="18">
        <v>52</v>
      </c>
    </row>
    <row r="39" spans="1:4" ht="18" customHeight="1" x14ac:dyDescent="0.15">
      <c r="A39" s="5">
        <v>28</v>
      </c>
      <c r="B39" s="22">
        <v>18</v>
      </c>
      <c r="C39" s="14">
        <v>23</v>
      </c>
      <c r="D39" s="18">
        <v>41</v>
      </c>
    </row>
    <row r="40" spans="1:4" ht="18" customHeight="1" x14ac:dyDescent="0.15">
      <c r="A40" s="5">
        <v>29</v>
      </c>
      <c r="B40" s="22">
        <v>28</v>
      </c>
      <c r="C40" s="14">
        <v>17</v>
      </c>
      <c r="D40" s="18">
        <v>45</v>
      </c>
    </row>
    <row r="41" spans="1:4" ht="18" customHeight="1" x14ac:dyDescent="0.15">
      <c r="A41" s="5" t="s">
        <v>2</v>
      </c>
      <c r="B41" s="22">
        <v>112</v>
      </c>
      <c r="C41" s="14">
        <v>127</v>
      </c>
      <c r="D41" s="18">
        <v>239</v>
      </c>
    </row>
    <row r="42" spans="1:4" ht="18" customHeight="1" x14ac:dyDescent="0.15">
      <c r="A42" s="5">
        <v>30</v>
      </c>
      <c r="B42" s="22">
        <v>20</v>
      </c>
      <c r="C42" s="14">
        <v>17</v>
      </c>
      <c r="D42" s="18">
        <v>37</v>
      </c>
    </row>
    <row r="43" spans="1:4" ht="18" customHeight="1" x14ac:dyDescent="0.15">
      <c r="A43" s="5">
        <v>31</v>
      </c>
      <c r="B43" s="22">
        <v>20</v>
      </c>
      <c r="C43" s="14">
        <v>21</v>
      </c>
      <c r="D43" s="18">
        <v>41</v>
      </c>
    </row>
    <row r="44" spans="1:4" ht="18" customHeight="1" x14ac:dyDescent="0.15">
      <c r="A44" s="5">
        <v>32</v>
      </c>
      <c r="B44" s="22">
        <v>16</v>
      </c>
      <c r="C44" s="14">
        <v>16</v>
      </c>
      <c r="D44" s="18">
        <v>32</v>
      </c>
    </row>
    <row r="45" spans="1:4" ht="18" customHeight="1" x14ac:dyDescent="0.15">
      <c r="A45" s="5">
        <v>33</v>
      </c>
      <c r="B45" s="22">
        <v>14</v>
      </c>
      <c r="C45" s="14">
        <v>10</v>
      </c>
      <c r="D45" s="18">
        <v>24</v>
      </c>
    </row>
    <row r="46" spans="1:4" ht="18" customHeight="1" x14ac:dyDescent="0.15">
      <c r="A46" s="5">
        <v>34</v>
      </c>
      <c r="B46" s="22">
        <v>18</v>
      </c>
      <c r="C46" s="14">
        <v>16</v>
      </c>
      <c r="D46" s="18">
        <v>34</v>
      </c>
    </row>
    <row r="47" spans="1:4" ht="18" customHeight="1" x14ac:dyDescent="0.15">
      <c r="A47" s="5" t="s">
        <v>15</v>
      </c>
      <c r="B47" s="22">
        <v>88</v>
      </c>
      <c r="C47" s="14">
        <v>80</v>
      </c>
      <c r="D47" s="18">
        <v>168</v>
      </c>
    </row>
    <row r="48" spans="1:4" ht="18" customHeight="1" x14ac:dyDescent="0.15">
      <c r="A48" s="5">
        <v>35</v>
      </c>
      <c r="B48" s="22">
        <v>21</v>
      </c>
      <c r="C48" s="14">
        <v>8</v>
      </c>
      <c r="D48" s="18">
        <v>29</v>
      </c>
    </row>
    <row r="49" spans="1:4" ht="18" customHeight="1" x14ac:dyDescent="0.15">
      <c r="A49" s="5">
        <v>36</v>
      </c>
      <c r="B49" s="22">
        <v>16</v>
      </c>
      <c r="C49" s="14">
        <v>14</v>
      </c>
      <c r="D49" s="18">
        <v>30</v>
      </c>
    </row>
    <row r="50" spans="1:4" ht="18" customHeight="1" x14ac:dyDescent="0.15">
      <c r="A50" s="5">
        <v>37</v>
      </c>
      <c r="B50" s="22">
        <v>20</v>
      </c>
      <c r="C50" s="14">
        <v>16</v>
      </c>
      <c r="D50" s="18">
        <v>36</v>
      </c>
    </row>
    <row r="51" spans="1:4" ht="18" customHeight="1" x14ac:dyDescent="0.15">
      <c r="A51" s="5">
        <v>38</v>
      </c>
      <c r="B51" s="22">
        <v>20</v>
      </c>
      <c r="C51" s="14">
        <v>9</v>
      </c>
      <c r="D51" s="18">
        <v>29</v>
      </c>
    </row>
    <row r="52" spans="1:4" ht="18" customHeight="1" x14ac:dyDescent="0.15">
      <c r="A52" s="5">
        <v>39</v>
      </c>
      <c r="B52" s="22">
        <v>18</v>
      </c>
      <c r="C52" s="14">
        <v>22</v>
      </c>
      <c r="D52" s="18">
        <v>40</v>
      </c>
    </row>
    <row r="53" spans="1:4" ht="18" customHeight="1" x14ac:dyDescent="0.15">
      <c r="A53" s="5" t="s">
        <v>18</v>
      </c>
      <c r="B53" s="22">
        <v>95</v>
      </c>
      <c r="C53" s="14">
        <v>69</v>
      </c>
      <c r="D53" s="18">
        <v>164</v>
      </c>
    </row>
    <row r="54" spans="1:4" ht="18" customHeight="1" x14ac:dyDescent="0.15">
      <c r="A54" s="5">
        <v>40</v>
      </c>
      <c r="B54" s="22">
        <v>19</v>
      </c>
      <c r="C54" s="14">
        <v>22</v>
      </c>
      <c r="D54" s="18">
        <v>41</v>
      </c>
    </row>
    <row r="55" spans="1:4" ht="18" customHeight="1" x14ac:dyDescent="0.15">
      <c r="A55" s="5">
        <v>41</v>
      </c>
      <c r="B55" s="22">
        <v>16</v>
      </c>
      <c r="C55" s="14">
        <v>22</v>
      </c>
      <c r="D55" s="18">
        <v>38</v>
      </c>
    </row>
    <row r="56" spans="1:4" ht="18" customHeight="1" x14ac:dyDescent="0.15">
      <c r="A56" s="5">
        <v>42</v>
      </c>
      <c r="B56" s="22">
        <v>21</v>
      </c>
      <c r="C56" s="14">
        <v>23</v>
      </c>
      <c r="D56" s="18">
        <v>44</v>
      </c>
    </row>
    <row r="57" spans="1:4" ht="18" customHeight="1" x14ac:dyDescent="0.15">
      <c r="A57" s="5">
        <v>43</v>
      </c>
      <c r="B57" s="22">
        <v>17</v>
      </c>
      <c r="C57" s="14">
        <v>17</v>
      </c>
      <c r="D57" s="18">
        <v>34</v>
      </c>
    </row>
    <row r="58" spans="1:4" ht="18" customHeight="1" x14ac:dyDescent="0.15">
      <c r="A58" s="5">
        <v>44</v>
      </c>
      <c r="B58" s="22">
        <v>19</v>
      </c>
      <c r="C58" s="14">
        <v>20</v>
      </c>
      <c r="D58" s="18">
        <v>39</v>
      </c>
    </row>
    <row r="59" spans="1:4" ht="18" customHeight="1" x14ac:dyDescent="0.15">
      <c r="A59" s="5" t="s">
        <v>21</v>
      </c>
      <c r="B59" s="22">
        <v>92</v>
      </c>
      <c r="C59" s="14">
        <v>104</v>
      </c>
      <c r="D59" s="18">
        <v>196</v>
      </c>
    </row>
    <row r="60" spans="1:4" ht="18" customHeight="1" x14ac:dyDescent="0.15">
      <c r="A60" s="5">
        <v>45</v>
      </c>
      <c r="B60" s="22">
        <v>24</v>
      </c>
      <c r="C60" s="14">
        <v>26</v>
      </c>
      <c r="D60" s="18">
        <v>50</v>
      </c>
    </row>
    <row r="61" spans="1:4" ht="18" customHeight="1" x14ac:dyDescent="0.15">
      <c r="A61" s="5">
        <v>46</v>
      </c>
      <c r="B61" s="22">
        <v>21</v>
      </c>
      <c r="C61" s="14">
        <v>27</v>
      </c>
      <c r="D61" s="18">
        <v>48</v>
      </c>
    </row>
    <row r="62" spans="1:4" ht="18" customHeight="1" x14ac:dyDescent="0.15">
      <c r="A62" s="5">
        <v>47</v>
      </c>
      <c r="B62" s="22">
        <v>29</v>
      </c>
      <c r="C62" s="14">
        <v>20</v>
      </c>
      <c r="D62" s="18">
        <v>49</v>
      </c>
    </row>
    <row r="63" spans="1:4" ht="18" customHeight="1" x14ac:dyDescent="0.15">
      <c r="A63" s="5">
        <v>48</v>
      </c>
      <c r="B63" s="22">
        <v>21</v>
      </c>
      <c r="C63" s="14">
        <v>26</v>
      </c>
      <c r="D63" s="18">
        <v>47</v>
      </c>
    </row>
    <row r="64" spans="1:4" ht="18" customHeight="1" x14ac:dyDescent="0.15">
      <c r="A64" s="5">
        <v>49</v>
      </c>
      <c r="B64" s="22">
        <v>28</v>
      </c>
      <c r="C64" s="14">
        <v>33</v>
      </c>
      <c r="D64" s="18">
        <v>61</v>
      </c>
    </row>
    <row r="65" spans="1:4" ht="18" customHeight="1" x14ac:dyDescent="0.15">
      <c r="A65" s="5" t="s">
        <v>17</v>
      </c>
      <c r="B65" s="22">
        <v>123</v>
      </c>
      <c r="C65" s="14">
        <v>132</v>
      </c>
      <c r="D65" s="18">
        <v>255</v>
      </c>
    </row>
    <row r="66" spans="1:4" ht="18" customHeight="1" x14ac:dyDescent="0.15">
      <c r="A66" s="5">
        <v>50</v>
      </c>
      <c r="B66" s="22">
        <v>30</v>
      </c>
      <c r="C66" s="14">
        <v>36</v>
      </c>
      <c r="D66" s="18">
        <v>66</v>
      </c>
    </row>
    <row r="67" spans="1:4" ht="18" customHeight="1" x14ac:dyDescent="0.15">
      <c r="A67" s="5">
        <v>51</v>
      </c>
      <c r="B67" s="22">
        <v>36</v>
      </c>
      <c r="C67" s="14">
        <v>32</v>
      </c>
      <c r="D67" s="18">
        <v>68</v>
      </c>
    </row>
    <row r="68" spans="1:4" ht="18" customHeight="1" x14ac:dyDescent="0.15">
      <c r="A68" s="5">
        <v>52</v>
      </c>
      <c r="B68" s="22">
        <v>34</v>
      </c>
      <c r="C68" s="14">
        <v>35</v>
      </c>
      <c r="D68" s="18">
        <v>69</v>
      </c>
    </row>
    <row r="69" spans="1:4" ht="18" customHeight="1" x14ac:dyDescent="0.15">
      <c r="A69" s="5">
        <v>53</v>
      </c>
      <c r="B69" s="22">
        <v>42</v>
      </c>
      <c r="C69" s="14">
        <v>47</v>
      </c>
      <c r="D69" s="18">
        <v>89</v>
      </c>
    </row>
    <row r="70" spans="1:4" ht="18" customHeight="1" x14ac:dyDescent="0.15">
      <c r="A70" s="5">
        <v>54</v>
      </c>
      <c r="B70" s="22">
        <v>30</v>
      </c>
      <c r="C70" s="14">
        <v>39</v>
      </c>
      <c r="D70" s="18">
        <v>69</v>
      </c>
    </row>
    <row r="71" spans="1:4" ht="18" customHeight="1" x14ac:dyDescent="0.15">
      <c r="A71" s="5" t="s">
        <v>22</v>
      </c>
      <c r="B71" s="22">
        <v>172</v>
      </c>
      <c r="C71" s="14">
        <v>189</v>
      </c>
      <c r="D71" s="18">
        <v>361</v>
      </c>
    </row>
    <row r="72" spans="1:4" ht="18" customHeight="1" x14ac:dyDescent="0.15">
      <c r="A72" s="5">
        <v>55</v>
      </c>
      <c r="B72" s="22">
        <v>29</v>
      </c>
      <c r="C72" s="14">
        <v>29</v>
      </c>
      <c r="D72" s="18">
        <v>58</v>
      </c>
    </row>
    <row r="73" spans="1:4" ht="18" customHeight="1" x14ac:dyDescent="0.15">
      <c r="A73" s="5">
        <v>56</v>
      </c>
      <c r="B73" s="22">
        <v>27</v>
      </c>
      <c r="C73" s="14">
        <v>32</v>
      </c>
      <c r="D73" s="18">
        <v>59</v>
      </c>
    </row>
    <row r="74" spans="1:4" ht="18" customHeight="1" x14ac:dyDescent="0.15">
      <c r="A74" s="5">
        <v>57</v>
      </c>
      <c r="B74" s="22">
        <v>28</v>
      </c>
      <c r="C74" s="14">
        <v>36</v>
      </c>
      <c r="D74" s="18">
        <v>64</v>
      </c>
    </row>
    <row r="75" spans="1:4" ht="18" customHeight="1" x14ac:dyDescent="0.15">
      <c r="A75" s="5">
        <v>58</v>
      </c>
      <c r="B75" s="22">
        <v>23</v>
      </c>
      <c r="C75" s="14">
        <v>24</v>
      </c>
      <c r="D75" s="18">
        <v>47</v>
      </c>
    </row>
    <row r="76" spans="1:4" ht="18" customHeight="1" x14ac:dyDescent="0.15">
      <c r="A76" s="5">
        <v>59</v>
      </c>
      <c r="B76" s="22">
        <v>39</v>
      </c>
      <c r="C76" s="14">
        <v>33</v>
      </c>
      <c r="D76" s="18">
        <v>72</v>
      </c>
    </row>
    <row r="77" spans="1:4" ht="18" customHeight="1" x14ac:dyDescent="0.15">
      <c r="A77" s="5" t="s">
        <v>27</v>
      </c>
      <c r="B77" s="22">
        <v>146</v>
      </c>
      <c r="C77" s="14">
        <v>154</v>
      </c>
      <c r="D77" s="18">
        <v>300</v>
      </c>
    </row>
    <row r="78" spans="1:4" ht="18" customHeight="1" x14ac:dyDescent="0.15">
      <c r="A78" s="5">
        <v>60</v>
      </c>
      <c r="B78" s="22">
        <v>30</v>
      </c>
      <c r="C78" s="14">
        <v>29</v>
      </c>
      <c r="D78" s="18">
        <v>59</v>
      </c>
    </row>
    <row r="79" spans="1:4" ht="18" customHeight="1" x14ac:dyDescent="0.15">
      <c r="A79" s="5">
        <v>61</v>
      </c>
      <c r="B79" s="22">
        <v>25</v>
      </c>
      <c r="C79" s="14">
        <v>39</v>
      </c>
      <c r="D79" s="18">
        <v>64</v>
      </c>
    </row>
    <row r="80" spans="1:4" ht="18" customHeight="1" x14ac:dyDescent="0.15">
      <c r="A80" s="5">
        <v>62</v>
      </c>
      <c r="B80" s="22">
        <v>22</v>
      </c>
      <c r="C80" s="14">
        <v>22</v>
      </c>
      <c r="D80" s="18">
        <v>44</v>
      </c>
    </row>
    <row r="81" spans="1:4" ht="18" customHeight="1" x14ac:dyDescent="0.15">
      <c r="A81" s="5">
        <v>63</v>
      </c>
      <c r="B81" s="22">
        <v>35</v>
      </c>
      <c r="C81" s="14">
        <v>20</v>
      </c>
      <c r="D81" s="18">
        <v>55</v>
      </c>
    </row>
    <row r="82" spans="1:4" ht="18" customHeight="1" x14ac:dyDescent="0.15">
      <c r="A82" s="5">
        <v>64</v>
      </c>
      <c r="B82" s="22">
        <v>19</v>
      </c>
      <c r="C82" s="14">
        <v>19</v>
      </c>
      <c r="D82" s="18">
        <v>38</v>
      </c>
    </row>
    <row r="83" spans="1:4" ht="18" customHeight="1" x14ac:dyDescent="0.15">
      <c r="A83" s="5" t="s">
        <v>28</v>
      </c>
      <c r="B83" s="22">
        <v>131</v>
      </c>
      <c r="C83" s="14">
        <v>129</v>
      </c>
      <c r="D83" s="18">
        <v>260</v>
      </c>
    </row>
    <row r="84" spans="1:4" ht="18" customHeight="1" x14ac:dyDescent="0.15">
      <c r="A84" s="5" t="s">
        <v>31</v>
      </c>
      <c r="B84" s="22">
        <v>1143</v>
      </c>
      <c r="C84" s="14">
        <v>1171</v>
      </c>
      <c r="D84" s="18">
        <v>2314</v>
      </c>
    </row>
    <row r="85" spans="1:4" ht="18" customHeight="1" x14ac:dyDescent="0.15">
      <c r="A85" s="5">
        <v>65</v>
      </c>
      <c r="B85" s="22">
        <v>32</v>
      </c>
      <c r="C85" s="14">
        <v>35</v>
      </c>
      <c r="D85" s="18">
        <v>67</v>
      </c>
    </row>
    <row r="86" spans="1:4" ht="18" customHeight="1" x14ac:dyDescent="0.15">
      <c r="A86" s="5">
        <v>66</v>
      </c>
      <c r="B86" s="22">
        <v>30</v>
      </c>
      <c r="C86" s="14">
        <v>15</v>
      </c>
      <c r="D86" s="18">
        <v>45</v>
      </c>
    </row>
    <row r="87" spans="1:4" ht="18" customHeight="1" x14ac:dyDescent="0.15">
      <c r="A87" s="5">
        <v>67</v>
      </c>
      <c r="B87" s="22">
        <v>18</v>
      </c>
      <c r="C87" s="14">
        <v>34</v>
      </c>
      <c r="D87" s="18">
        <v>52</v>
      </c>
    </row>
    <row r="88" spans="1:4" ht="18" customHeight="1" x14ac:dyDescent="0.15">
      <c r="A88" s="5">
        <v>68</v>
      </c>
      <c r="B88" s="22">
        <v>18</v>
      </c>
      <c r="C88" s="14">
        <v>21</v>
      </c>
      <c r="D88" s="18">
        <v>39</v>
      </c>
    </row>
    <row r="89" spans="1:4" ht="18" customHeight="1" x14ac:dyDescent="0.15">
      <c r="A89" s="5">
        <v>69</v>
      </c>
      <c r="B89" s="22">
        <v>19</v>
      </c>
      <c r="C89" s="14">
        <v>19</v>
      </c>
      <c r="D89" s="18">
        <v>38</v>
      </c>
    </row>
    <row r="90" spans="1:4" ht="18" customHeight="1" x14ac:dyDescent="0.15">
      <c r="A90" s="5" t="s">
        <v>20</v>
      </c>
      <c r="B90" s="22">
        <v>117</v>
      </c>
      <c r="C90" s="14">
        <v>124</v>
      </c>
      <c r="D90" s="18">
        <v>241</v>
      </c>
    </row>
    <row r="91" spans="1:4" ht="18" customHeight="1" x14ac:dyDescent="0.15">
      <c r="A91" s="5">
        <v>70</v>
      </c>
      <c r="B91" s="22">
        <v>16</v>
      </c>
      <c r="C91" s="14">
        <v>22</v>
      </c>
      <c r="D91" s="18">
        <v>38</v>
      </c>
    </row>
    <row r="92" spans="1:4" ht="18" customHeight="1" x14ac:dyDescent="0.15">
      <c r="A92" s="5">
        <v>71</v>
      </c>
      <c r="B92" s="22">
        <v>24</v>
      </c>
      <c r="C92" s="14">
        <v>27</v>
      </c>
      <c r="D92" s="18">
        <v>51</v>
      </c>
    </row>
    <row r="93" spans="1:4" ht="18" customHeight="1" x14ac:dyDescent="0.15">
      <c r="A93" s="5">
        <v>72</v>
      </c>
      <c r="B93" s="22">
        <v>26</v>
      </c>
      <c r="C93" s="14">
        <v>24</v>
      </c>
      <c r="D93" s="18">
        <v>50</v>
      </c>
    </row>
    <row r="94" spans="1:4" ht="18" customHeight="1" x14ac:dyDescent="0.15">
      <c r="A94" s="5">
        <v>73</v>
      </c>
      <c r="B94" s="22">
        <v>21</v>
      </c>
      <c r="C94" s="14">
        <v>23</v>
      </c>
      <c r="D94" s="18">
        <v>44</v>
      </c>
    </row>
    <row r="95" spans="1:4" ht="18" customHeight="1" x14ac:dyDescent="0.15">
      <c r="A95" s="5">
        <v>74</v>
      </c>
      <c r="B95" s="22">
        <v>23</v>
      </c>
      <c r="C95" s="14">
        <v>30</v>
      </c>
      <c r="D95" s="18">
        <v>53</v>
      </c>
    </row>
    <row r="96" spans="1:4" ht="18" customHeight="1" x14ac:dyDescent="0.15">
      <c r="A96" s="5" t="s">
        <v>33</v>
      </c>
      <c r="B96" s="22">
        <v>110</v>
      </c>
      <c r="C96" s="14">
        <v>126</v>
      </c>
      <c r="D96" s="18">
        <v>236</v>
      </c>
    </row>
    <row r="97" spans="1:4" ht="18" customHeight="1" x14ac:dyDescent="0.15">
      <c r="A97" s="5">
        <v>75</v>
      </c>
      <c r="B97" s="22">
        <v>30</v>
      </c>
      <c r="C97" s="14">
        <v>34</v>
      </c>
      <c r="D97" s="18">
        <v>64</v>
      </c>
    </row>
    <row r="98" spans="1:4" ht="18" customHeight="1" x14ac:dyDescent="0.15">
      <c r="A98" s="5">
        <v>76</v>
      </c>
      <c r="B98" s="22">
        <v>30</v>
      </c>
      <c r="C98" s="14">
        <v>40</v>
      </c>
      <c r="D98" s="18">
        <v>70</v>
      </c>
    </row>
    <row r="99" spans="1:4" ht="18" customHeight="1" x14ac:dyDescent="0.15">
      <c r="A99" s="5">
        <v>77</v>
      </c>
      <c r="B99" s="22">
        <v>24</v>
      </c>
      <c r="C99" s="14">
        <v>29</v>
      </c>
      <c r="D99" s="18">
        <v>53</v>
      </c>
    </row>
    <row r="100" spans="1:4" ht="18" customHeight="1" x14ac:dyDescent="0.15">
      <c r="A100" s="5">
        <v>78</v>
      </c>
      <c r="B100" s="22">
        <v>26</v>
      </c>
      <c r="C100" s="14">
        <v>39</v>
      </c>
      <c r="D100" s="18">
        <v>65</v>
      </c>
    </row>
    <row r="101" spans="1:4" ht="18" customHeight="1" x14ac:dyDescent="0.15">
      <c r="A101" s="5">
        <v>79</v>
      </c>
      <c r="B101" s="22">
        <v>19</v>
      </c>
      <c r="C101" s="14">
        <v>30</v>
      </c>
      <c r="D101" s="18">
        <v>49</v>
      </c>
    </row>
    <row r="102" spans="1:4" ht="18" customHeight="1" x14ac:dyDescent="0.15">
      <c r="A102" s="5" t="s">
        <v>0</v>
      </c>
      <c r="B102" s="22">
        <v>129</v>
      </c>
      <c r="C102" s="14">
        <v>172</v>
      </c>
      <c r="D102" s="18">
        <v>301</v>
      </c>
    </row>
    <row r="103" spans="1:4" ht="18" customHeight="1" x14ac:dyDescent="0.15">
      <c r="A103" s="5">
        <v>80</v>
      </c>
      <c r="B103" s="22">
        <v>12</v>
      </c>
      <c r="C103" s="14">
        <v>19</v>
      </c>
      <c r="D103" s="18">
        <v>31</v>
      </c>
    </row>
    <row r="104" spans="1:4" ht="18" customHeight="1" x14ac:dyDescent="0.15">
      <c r="A104" s="5">
        <v>81</v>
      </c>
      <c r="B104" s="22">
        <v>16</v>
      </c>
      <c r="C104" s="14">
        <v>21</v>
      </c>
      <c r="D104" s="18">
        <v>37</v>
      </c>
    </row>
    <row r="105" spans="1:4" ht="18" customHeight="1" x14ac:dyDescent="0.15">
      <c r="A105" s="5">
        <v>82</v>
      </c>
      <c r="B105" s="22">
        <v>14</v>
      </c>
      <c r="C105" s="14">
        <v>31</v>
      </c>
      <c r="D105" s="18">
        <v>45</v>
      </c>
    </row>
    <row r="106" spans="1:4" ht="18" customHeight="1" x14ac:dyDescent="0.15">
      <c r="A106" s="5">
        <v>83</v>
      </c>
      <c r="B106" s="22">
        <v>15</v>
      </c>
      <c r="C106" s="14">
        <v>28</v>
      </c>
      <c r="D106" s="18">
        <v>43</v>
      </c>
    </row>
    <row r="107" spans="1:4" ht="18" customHeight="1" x14ac:dyDescent="0.15">
      <c r="A107" s="5">
        <v>84</v>
      </c>
      <c r="B107" s="22">
        <v>17</v>
      </c>
      <c r="C107" s="14">
        <v>32</v>
      </c>
      <c r="D107" s="18">
        <v>49</v>
      </c>
    </row>
    <row r="108" spans="1:4" ht="18" customHeight="1" x14ac:dyDescent="0.15">
      <c r="A108" s="5" t="s">
        <v>35</v>
      </c>
      <c r="B108" s="22">
        <v>74</v>
      </c>
      <c r="C108" s="14">
        <v>131</v>
      </c>
      <c r="D108" s="18">
        <v>205</v>
      </c>
    </row>
    <row r="109" spans="1:4" ht="18" customHeight="1" x14ac:dyDescent="0.15">
      <c r="A109" s="5">
        <v>85</v>
      </c>
      <c r="B109" s="22">
        <v>15</v>
      </c>
      <c r="C109" s="14">
        <v>22</v>
      </c>
      <c r="D109" s="18">
        <v>37</v>
      </c>
    </row>
    <row r="110" spans="1:4" ht="18" customHeight="1" x14ac:dyDescent="0.15">
      <c r="A110" s="5">
        <v>86</v>
      </c>
      <c r="B110" s="22">
        <v>15</v>
      </c>
      <c r="C110" s="14">
        <v>18</v>
      </c>
      <c r="D110" s="18">
        <v>33</v>
      </c>
    </row>
    <row r="111" spans="1:4" ht="18" customHeight="1" x14ac:dyDescent="0.15">
      <c r="A111" s="5">
        <v>87</v>
      </c>
      <c r="B111" s="22">
        <v>9</v>
      </c>
      <c r="C111" s="14">
        <v>15</v>
      </c>
      <c r="D111" s="18">
        <v>24</v>
      </c>
    </row>
    <row r="112" spans="1:4" ht="18" customHeight="1" x14ac:dyDescent="0.15">
      <c r="A112" s="5">
        <v>88</v>
      </c>
      <c r="B112" s="22">
        <v>13</v>
      </c>
      <c r="C112" s="14">
        <v>20</v>
      </c>
      <c r="D112" s="18">
        <v>33</v>
      </c>
    </row>
    <row r="113" spans="1:4" ht="18" customHeight="1" x14ac:dyDescent="0.15">
      <c r="A113" s="5">
        <v>89</v>
      </c>
      <c r="B113" s="22">
        <v>1</v>
      </c>
      <c r="C113" s="14">
        <v>10</v>
      </c>
      <c r="D113" s="18">
        <v>11</v>
      </c>
    </row>
    <row r="114" spans="1:4" ht="18" customHeight="1" x14ac:dyDescent="0.15">
      <c r="A114" s="5" t="s">
        <v>37</v>
      </c>
      <c r="B114" s="22">
        <v>53</v>
      </c>
      <c r="C114" s="14">
        <v>85</v>
      </c>
      <c r="D114" s="18">
        <v>138</v>
      </c>
    </row>
    <row r="115" spans="1:4" ht="18" customHeight="1" x14ac:dyDescent="0.15">
      <c r="A115" s="5">
        <v>90</v>
      </c>
      <c r="B115" s="22">
        <v>7</v>
      </c>
      <c r="C115" s="14">
        <v>16</v>
      </c>
      <c r="D115" s="18">
        <v>23</v>
      </c>
    </row>
    <row r="116" spans="1:4" ht="18" customHeight="1" x14ac:dyDescent="0.15">
      <c r="A116" s="5">
        <v>91</v>
      </c>
      <c r="B116" s="22">
        <v>5</v>
      </c>
      <c r="C116" s="14">
        <v>5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7</v>
      </c>
      <c r="D117" s="18">
        <v>10</v>
      </c>
    </row>
    <row r="118" spans="1:4" ht="18" customHeight="1" x14ac:dyDescent="0.15">
      <c r="A118" s="5">
        <v>93</v>
      </c>
      <c r="B118" s="22">
        <v>6</v>
      </c>
      <c r="C118" s="14">
        <v>9</v>
      </c>
      <c r="D118" s="18">
        <v>15</v>
      </c>
    </row>
    <row r="119" spans="1:4" ht="18" customHeight="1" x14ac:dyDescent="0.15">
      <c r="A119" s="5">
        <v>94</v>
      </c>
      <c r="B119" s="22">
        <v>1</v>
      </c>
      <c r="C119" s="14">
        <v>9</v>
      </c>
      <c r="D119" s="18">
        <v>10</v>
      </c>
    </row>
    <row r="120" spans="1:4" ht="18" customHeight="1" x14ac:dyDescent="0.15">
      <c r="A120" s="5" t="s">
        <v>39</v>
      </c>
      <c r="B120" s="22">
        <v>22</v>
      </c>
      <c r="C120" s="14">
        <v>46</v>
      </c>
      <c r="D120" s="18">
        <v>68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9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07</v>
      </c>
      <c r="C130" s="14">
        <v>695</v>
      </c>
      <c r="D130" s="18">
        <v>1202</v>
      </c>
    </row>
    <row r="131" spans="1:4" ht="18" customHeight="1" x14ac:dyDescent="0.15">
      <c r="A131" s="7" t="s">
        <v>45</v>
      </c>
      <c r="B131" s="23">
        <v>1832</v>
      </c>
      <c r="C131" s="15">
        <v>2068</v>
      </c>
      <c r="D131" s="19">
        <v>39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7</v>
      </c>
      <c r="D5" s="17">
        <v>13</v>
      </c>
    </row>
    <row r="6" spans="1:4" ht="18" customHeight="1" x14ac:dyDescent="0.15">
      <c r="A6" s="5">
        <v>1</v>
      </c>
      <c r="B6" s="22">
        <v>6</v>
      </c>
      <c r="C6" s="14">
        <v>10</v>
      </c>
      <c r="D6" s="18">
        <v>16</v>
      </c>
    </row>
    <row r="7" spans="1:4" ht="18" customHeight="1" x14ac:dyDescent="0.15">
      <c r="A7" s="5">
        <v>2</v>
      </c>
      <c r="B7" s="22">
        <v>6</v>
      </c>
      <c r="C7" s="14">
        <v>6</v>
      </c>
      <c r="D7" s="18">
        <v>12</v>
      </c>
    </row>
    <row r="8" spans="1:4" ht="18" customHeight="1" x14ac:dyDescent="0.15">
      <c r="A8" s="5">
        <v>3</v>
      </c>
      <c r="B8" s="22">
        <v>10</v>
      </c>
      <c r="C8" s="14">
        <v>7</v>
      </c>
      <c r="D8" s="18">
        <v>17</v>
      </c>
    </row>
    <row r="9" spans="1:4" ht="18" customHeight="1" x14ac:dyDescent="0.15">
      <c r="A9" s="5">
        <v>4</v>
      </c>
      <c r="B9" s="22">
        <v>5</v>
      </c>
      <c r="C9" s="14">
        <v>5</v>
      </c>
      <c r="D9" s="18">
        <v>10</v>
      </c>
    </row>
    <row r="10" spans="1:4" ht="18" customHeight="1" x14ac:dyDescent="0.15">
      <c r="A10" s="5" t="s">
        <v>7</v>
      </c>
      <c r="B10" s="22">
        <v>33</v>
      </c>
      <c r="C10" s="14">
        <v>35</v>
      </c>
      <c r="D10" s="18">
        <v>68</v>
      </c>
    </row>
    <row r="11" spans="1:4" ht="18" customHeight="1" x14ac:dyDescent="0.15">
      <c r="A11" s="5">
        <v>5</v>
      </c>
      <c r="B11" s="22">
        <v>4</v>
      </c>
      <c r="C11" s="14">
        <v>8</v>
      </c>
      <c r="D11" s="18">
        <v>12</v>
      </c>
    </row>
    <row r="12" spans="1:4" ht="18" customHeight="1" x14ac:dyDescent="0.15">
      <c r="A12" s="5">
        <v>6</v>
      </c>
      <c r="B12" s="22">
        <v>6</v>
      </c>
      <c r="C12" s="14">
        <v>9</v>
      </c>
      <c r="D12" s="18">
        <v>15</v>
      </c>
    </row>
    <row r="13" spans="1:4" ht="18" customHeight="1" x14ac:dyDescent="0.15">
      <c r="A13" s="5">
        <v>7</v>
      </c>
      <c r="B13" s="22">
        <v>9</v>
      </c>
      <c r="C13" s="14">
        <v>2</v>
      </c>
      <c r="D13" s="18">
        <v>11</v>
      </c>
    </row>
    <row r="14" spans="1:4" ht="18" customHeight="1" x14ac:dyDescent="0.15">
      <c r="A14" s="5">
        <v>8</v>
      </c>
      <c r="B14" s="22">
        <v>3</v>
      </c>
      <c r="C14" s="14">
        <v>11</v>
      </c>
      <c r="D14" s="18">
        <v>14</v>
      </c>
    </row>
    <row r="15" spans="1:4" ht="18" customHeight="1" x14ac:dyDescent="0.15">
      <c r="A15" s="5">
        <v>9</v>
      </c>
      <c r="B15" s="22">
        <v>6</v>
      </c>
      <c r="C15" s="14">
        <v>16</v>
      </c>
      <c r="D15" s="18">
        <v>22</v>
      </c>
    </row>
    <row r="16" spans="1:4" ht="18" customHeight="1" x14ac:dyDescent="0.15">
      <c r="A16" s="5" t="s">
        <v>11</v>
      </c>
      <c r="B16" s="22">
        <v>28</v>
      </c>
      <c r="C16" s="14">
        <v>46</v>
      </c>
      <c r="D16" s="18">
        <v>74</v>
      </c>
    </row>
    <row r="17" spans="1:4" ht="18" customHeight="1" x14ac:dyDescent="0.15">
      <c r="A17" s="5">
        <v>10</v>
      </c>
      <c r="B17" s="22">
        <v>10</v>
      </c>
      <c r="C17" s="14">
        <v>8</v>
      </c>
      <c r="D17" s="18">
        <v>18</v>
      </c>
    </row>
    <row r="18" spans="1:4" ht="18" customHeight="1" x14ac:dyDescent="0.15">
      <c r="A18" s="5">
        <v>11</v>
      </c>
      <c r="B18" s="22">
        <v>8</v>
      </c>
      <c r="C18" s="14">
        <v>4</v>
      </c>
      <c r="D18" s="18">
        <v>12</v>
      </c>
    </row>
    <row r="19" spans="1:4" ht="18" customHeight="1" x14ac:dyDescent="0.15">
      <c r="A19" s="5">
        <v>12</v>
      </c>
      <c r="B19" s="22">
        <v>7</v>
      </c>
      <c r="C19" s="14">
        <v>8</v>
      </c>
      <c r="D19" s="18">
        <v>15</v>
      </c>
    </row>
    <row r="20" spans="1:4" ht="18" customHeight="1" x14ac:dyDescent="0.15">
      <c r="A20" s="5">
        <v>13</v>
      </c>
      <c r="B20" s="22">
        <v>9</v>
      </c>
      <c r="C20" s="14">
        <v>6</v>
      </c>
      <c r="D20" s="18">
        <v>15</v>
      </c>
    </row>
    <row r="21" spans="1:4" ht="18" customHeight="1" x14ac:dyDescent="0.15">
      <c r="A21" s="5">
        <v>14</v>
      </c>
      <c r="B21" s="22">
        <v>6</v>
      </c>
      <c r="C21" s="14">
        <v>17</v>
      </c>
      <c r="D21" s="18">
        <v>23</v>
      </c>
    </row>
    <row r="22" spans="1:4" ht="18" customHeight="1" x14ac:dyDescent="0.15">
      <c r="A22" s="5" t="s">
        <v>12</v>
      </c>
      <c r="B22" s="22">
        <v>40</v>
      </c>
      <c r="C22" s="14">
        <v>43</v>
      </c>
      <c r="D22" s="18">
        <v>83</v>
      </c>
    </row>
    <row r="23" spans="1:4" ht="18" customHeight="1" x14ac:dyDescent="0.15">
      <c r="A23" s="5" t="s">
        <v>6</v>
      </c>
      <c r="B23" s="22">
        <v>101</v>
      </c>
      <c r="C23" s="14">
        <v>124</v>
      </c>
      <c r="D23" s="18">
        <v>225</v>
      </c>
    </row>
    <row r="24" spans="1:4" ht="18" customHeight="1" x14ac:dyDescent="0.15">
      <c r="A24" s="5">
        <v>15</v>
      </c>
      <c r="B24" s="22">
        <v>16</v>
      </c>
      <c r="C24" s="14">
        <v>13</v>
      </c>
      <c r="D24" s="18">
        <v>29</v>
      </c>
    </row>
    <row r="25" spans="1:4" ht="18" customHeight="1" x14ac:dyDescent="0.15">
      <c r="A25" s="5">
        <v>16</v>
      </c>
      <c r="B25" s="22">
        <v>10</v>
      </c>
      <c r="C25" s="14">
        <v>7</v>
      </c>
      <c r="D25" s="18">
        <v>17</v>
      </c>
    </row>
    <row r="26" spans="1:4" ht="18" customHeight="1" x14ac:dyDescent="0.15">
      <c r="A26" s="5">
        <v>17</v>
      </c>
      <c r="B26" s="22">
        <v>8</v>
      </c>
      <c r="C26" s="14">
        <v>10</v>
      </c>
      <c r="D26" s="18">
        <v>18</v>
      </c>
    </row>
    <row r="27" spans="1:4" ht="18" customHeight="1" x14ac:dyDescent="0.15">
      <c r="A27" s="5">
        <v>18</v>
      </c>
      <c r="B27" s="22">
        <v>7</v>
      </c>
      <c r="C27" s="14">
        <v>9</v>
      </c>
      <c r="D27" s="18">
        <v>16</v>
      </c>
    </row>
    <row r="28" spans="1:4" ht="18" customHeight="1" x14ac:dyDescent="0.15">
      <c r="A28" s="5">
        <v>19</v>
      </c>
      <c r="B28" s="22">
        <v>11</v>
      </c>
      <c r="C28" s="14">
        <v>10</v>
      </c>
      <c r="D28" s="18">
        <v>21</v>
      </c>
    </row>
    <row r="29" spans="1:4" ht="18" customHeight="1" x14ac:dyDescent="0.15">
      <c r="A29" s="5" t="s">
        <v>14</v>
      </c>
      <c r="B29" s="22">
        <v>52</v>
      </c>
      <c r="C29" s="14">
        <v>49</v>
      </c>
      <c r="D29" s="18">
        <v>101</v>
      </c>
    </row>
    <row r="30" spans="1:4" ht="18" customHeight="1" x14ac:dyDescent="0.15">
      <c r="A30" s="5">
        <v>20</v>
      </c>
      <c r="B30" s="22">
        <v>15</v>
      </c>
      <c r="C30" s="14">
        <v>11</v>
      </c>
      <c r="D30" s="18">
        <v>26</v>
      </c>
    </row>
    <row r="31" spans="1:4" ht="18" customHeight="1" x14ac:dyDescent="0.15">
      <c r="A31" s="5">
        <v>21</v>
      </c>
      <c r="B31" s="22">
        <v>8</v>
      </c>
      <c r="C31" s="14">
        <v>13</v>
      </c>
      <c r="D31" s="18">
        <v>21</v>
      </c>
    </row>
    <row r="32" spans="1:4" ht="18" customHeight="1" x14ac:dyDescent="0.15">
      <c r="A32" s="5">
        <v>22</v>
      </c>
      <c r="B32" s="22">
        <v>12</v>
      </c>
      <c r="C32" s="14">
        <v>11</v>
      </c>
      <c r="D32" s="18">
        <v>23</v>
      </c>
    </row>
    <row r="33" spans="1:4" ht="18" customHeight="1" x14ac:dyDescent="0.15">
      <c r="A33" s="5">
        <v>23</v>
      </c>
      <c r="B33" s="22">
        <v>8</v>
      </c>
      <c r="C33" s="14">
        <v>10</v>
      </c>
      <c r="D33" s="18">
        <v>18</v>
      </c>
    </row>
    <row r="34" spans="1:4" ht="18" customHeight="1" x14ac:dyDescent="0.15">
      <c r="A34" s="5">
        <v>24</v>
      </c>
      <c r="B34" s="22">
        <v>16</v>
      </c>
      <c r="C34" s="14">
        <v>16</v>
      </c>
      <c r="D34" s="18">
        <v>32</v>
      </c>
    </row>
    <row r="35" spans="1:4" ht="18" customHeight="1" x14ac:dyDescent="0.15">
      <c r="A35" s="5" t="s">
        <v>9</v>
      </c>
      <c r="B35" s="22">
        <v>59</v>
      </c>
      <c r="C35" s="14">
        <v>61</v>
      </c>
      <c r="D35" s="18">
        <v>120</v>
      </c>
    </row>
    <row r="36" spans="1:4" ht="18" customHeight="1" x14ac:dyDescent="0.15">
      <c r="A36" s="5">
        <v>25</v>
      </c>
      <c r="B36" s="22">
        <v>13</v>
      </c>
      <c r="C36" s="14">
        <v>19</v>
      </c>
      <c r="D36" s="18">
        <v>32</v>
      </c>
    </row>
    <row r="37" spans="1:4" ht="18" customHeight="1" x14ac:dyDescent="0.15">
      <c r="A37" s="5">
        <v>26</v>
      </c>
      <c r="B37" s="22">
        <v>16</v>
      </c>
      <c r="C37" s="14">
        <v>6</v>
      </c>
      <c r="D37" s="18">
        <v>22</v>
      </c>
    </row>
    <row r="38" spans="1:4" ht="18" customHeight="1" x14ac:dyDescent="0.15">
      <c r="A38" s="5">
        <v>27</v>
      </c>
      <c r="B38" s="22">
        <v>10</v>
      </c>
      <c r="C38" s="14">
        <v>11</v>
      </c>
      <c r="D38" s="18">
        <v>21</v>
      </c>
    </row>
    <row r="39" spans="1:4" ht="18" customHeight="1" x14ac:dyDescent="0.15">
      <c r="A39" s="5">
        <v>28</v>
      </c>
      <c r="B39" s="22">
        <v>11</v>
      </c>
      <c r="C39" s="14">
        <v>6</v>
      </c>
      <c r="D39" s="18">
        <v>17</v>
      </c>
    </row>
    <row r="40" spans="1:4" ht="18" customHeight="1" x14ac:dyDescent="0.15">
      <c r="A40" s="5">
        <v>29</v>
      </c>
      <c r="B40" s="22">
        <v>10</v>
      </c>
      <c r="C40" s="14">
        <v>11</v>
      </c>
      <c r="D40" s="18">
        <v>21</v>
      </c>
    </row>
    <row r="41" spans="1:4" ht="18" customHeight="1" x14ac:dyDescent="0.15">
      <c r="A41" s="5" t="s">
        <v>2</v>
      </c>
      <c r="B41" s="22">
        <v>60</v>
      </c>
      <c r="C41" s="14">
        <v>53</v>
      </c>
      <c r="D41" s="18">
        <v>113</v>
      </c>
    </row>
    <row r="42" spans="1:4" ht="18" customHeight="1" x14ac:dyDescent="0.15">
      <c r="A42" s="5">
        <v>30</v>
      </c>
      <c r="B42" s="22">
        <v>20</v>
      </c>
      <c r="C42" s="14">
        <v>13</v>
      </c>
      <c r="D42" s="18">
        <v>33</v>
      </c>
    </row>
    <row r="43" spans="1:4" ht="18" customHeight="1" x14ac:dyDescent="0.15">
      <c r="A43" s="5">
        <v>31</v>
      </c>
      <c r="B43" s="22">
        <v>9</v>
      </c>
      <c r="C43" s="14">
        <v>7</v>
      </c>
      <c r="D43" s="18">
        <v>16</v>
      </c>
    </row>
    <row r="44" spans="1:4" ht="18" customHeight="1" x14ac:dyDescent="0.15">
      <c r="A44" s="5">
        <v>32</v>
      </c>
      <c r="B44" s="22">
        <v>10</v>
      </c>
      <c r="C44" s="14">
        <v>9</v>
      </c>
      <c r="D44" s="18">
        <v>19</v>
      </c>
    </row>
    <row r="45" spans="1:4" ht="18" customHeight="1" x14ac:dyDescent="0.15">
      <c r="A45" s="5">
        <v>33</v>
      </c>
      <c r="B45" s="22">
        <v>11</v>
      </c>
      <c r="C45" s="14">
        <v>2</v>
      </c>
      <c r="D45" s="18">
        <v>13</v>
      </c>
    </row>
    <row r="46" spans="1:4" ht="18" customHeight="1" x14ac:dyDescent="0.15">
      <c r="A46" s="5">
        <v>34</v>
      </c>
      <c r="B46" s="22">
        <v>15</v>
      </c>
      <c r="C46" s="14">
        <v>16</v>
      </c>
      <c r="D46" s="18">
        <v>31</v>
      </c>
    </row>
    <row r="47" spans="1:4" ht="18" customHeight="1" x14ac:dyDescent="0.15">
      <c r="A47" s="5" t="s">
        <v>15</v>
      </c>
      <c r="B47" s="22">
        <v>65</v>
      </c>
      <c r="C47" s="14">
        <v>47</v>
      </c>
      <c r="D47" s="18">
        <v>112</v>
      </c>
    </row>
    <row r="48" spans="1:4" ht="18" customHeight="1" x14ac:dyDescent="0.15">
      <c r="A48" s="5">
        <v>35</v>
      </c>
      <c r="B48" s="22">
        <v>19</v>
      </c>
      <c r="C48" s="14">
        <v>5</v>
      </c>
      <c r="D48" s="18">
        <v>24</v>
      </c>
    </row>
    <row r="49" spans="1:4" ht="18" customHeight="1" x14ac:dyDescent="0.15">
      <c r="A49" s="5">
        <v>36</v>
      </c>
      <c r="B49" s="22">
        <v>6</v>
      </c>
      <c r="C49" s="14">
        <v>10</v>
      </c>
      <c r="D49" s="18">
        <v>16</v>
      </c>
    </row>
    <row r="50" spans="1:4" ht="18" customHeight="1" x14ac:dyDescent="0.15">
      <c r="A50" s="5">
        <v>37</v>
      </c>
      <c r="B50" s="22">
        <v>17</v>
      </c>
      <c r="C50" s="14">
        <v>8</v>
      </c>
      <c r="D50" s="18">
        <v>25</v>
      </c>
    </row>
    <row r="51" spans="1:4" ht="18" customHeight="1" x14ac:dyDescent="0.15">
      <c r="A51" s="5">
        <v>38</v>
      </c>
      <c r="B51" s="22">
        <v>9</v>
      </c>
      <c r="C51" s="14">
        <v>12</v>
      </c>
      <c r="D51" s="18">
        <v>21</v>
      </c>
    </row>
    <row r="52" spans="1:4" ht="18" customHeight="1" x14ac:dyDescent="0.15">
      <c r="A52" s="5">
        <v>39</v>
      </c>
      <c r="B52" s="22">
        <v>8</v>
      </c>
      <c r="C52" s="14">
        <v>10</v>
      </c>
      <c r="D52" s="18">
        <v>18</v>
      </c>
    </row>
    <row r="53" spans="1:4" ht="18" customHeight="1" x14ac:dyDescent="0.15">
      <c r="A53" s="5" t="s">
        <v>18</v>
      </c>
      <c r="B53" s="22">
        <v>59</v>
      </c>
      <c r="C53" s="14">
        <v>45</v>
      </c>
      <c r="D53" s="18">
        <v>104</v>
      </c>
    </row>
    <row r="54" spans="1:4" ht="18" customHeight="1" x14ac:dyDescent="0.15">
      <c r="A54" s="5">
        <v>40</v>
      </c>
      <c r="B54" s="22">
        <v>7</v>
      </c>
      <c r="C54" s="14">
        <v>17</v>
      </c>
      <c r="D54" s="18">
        <v>24</v>
      </c>
    </row>
    <row r="55" spans="1:4" ht="18" customHeight="1" x14ac:dyDescent="0.15">
      <c r="A55" s="5">
        <v>41</v>
      </c>
      <c r="B55" s="22">
        <v>12</v>
      </c>
      <c r="C55" s="14">
        <v>15</v>
      </c>
      <c r="D55" s="18">
        <v>27</v>
      </c>
    </row>
    <row r="56" spans="1:4" ht="18" customHeight="1" x14ac:dyDescent="0.15">
      <c r="A56" s="5">
        <v>42</v>
      </c>
      <c r="B56" s="22">
        <v>11</v>
      </c>
      <c r="C56" s="14">
        <v>14</v>
      </c>
      <c r="D56" s="18">
        <v>25</v>
      </c>
    </row>
    <row r="57" spans="1:4" ht="18" customHeight="1" x14ac:dyDescent="0.15">
      <c r="A57" s="5">
        <v>43</v>
      </c>
      <c r="B57" s="22">
        <v>11</v>
      </c>
      <c r="C57" s="14">
        <v>5</v>
      </c>
      <c r="D57" s="18">
        <v>16</v>
      </c>
    </row>
    <row r="58" spans="1:4" ht="18" customHeight="1" x14ac:dyDescent="0.15">
      <c r="A58" s="5">
        <v>44</v>
      </c>
      <c r="B58" s="22">
        <v>15</v>
      </c>
      <c r="C58" s="14">
        <v>11</v>
      </c>
      <c r="D58" s="18">
        <v>26</v>
      </c>
    </row>
    <row r="59" spans="1:4" ht="18" customHeight="1" x14ac:dyDescent="0.15">
      <c r="A59" s="5" t="s">
        <v>21</v>
      </c>
      <c r="B59" s="22">
        <v>56</v>
      </c>
      <c r="C59" s="14">
        <v>62</v>
      </c>
      <c r="D59" s="18">
        <v>118</v>
      </c>
    </row>
    <row r="60" spans="1:4" ht="18" customHeight="1" x14ac:dyDescent="0.15">
      <c r="A60" s="5">
        <v>45</v>
      </c>
      <c r="B60" s="22">
        <v>13</v>
      </c>
      <c r="C60" s="14">
        <v>11</v>
      </c>
      <c r="D60" s="18">
        <v>24</v>
      </c>
    </row>
    <row r="61" spans="1:4" ht="18" customHeight="1" x14ac:dyDescent="0.15">
      <c r="A61" s="5">
        <v>46</v>
      </c>
      <c r="B61" s="22">
        <v>15</v>
      </c>
      <c r="C61" s="14">
        <v>15</v>
      </c>
      <c r="D61" s="18">
        <v>30</v>
      </c>
    </row>
    <row r="62" spans="1:4" ht="18" customHeight="1" x14ac:dyDescent="0.15">
      <c r="A62" s="5">
        <v>47</v>
      </c>
      <c r="B62" s="22">
        <v>28</v>
      </c>
      <c r="C62" s="14">
        <v>15</v>
      </c>
      <c r="D62" s="18">
        <v>43</v>
      </c>
    </row>
    <row r="63" spans="1:4" ht="18" customHeight="1" x14ac:dyDescent="0.15">
      <c r="A63" s="5">
        <v>48</v>
      </c>
      <c r="B63" s="22">
        <v>25</v>
      </c>
      <c r="C63" s="14">
        <v>20</v>
      </c>
      <c r="D63" s="18">
        <v>45</v>
      </c>
    </row>
    <row r="64" spans="1:4" ht="18" customHeight="1" x14ac:dyDescent="0.15">
      <c r="A64" s="5">
        <v>49</v>
      </c>
      <c r="B64" s="22">
        <v>22</v>
      </c>
      <c r="C64" s="14">
        <v>24</v>
      </c>
      <c r="D64" s="18">
        <v>46</v>
      </c>
    </row>
    <row r="65" spans="1:4" ht="18" customHeight="1" x14ac:dyDescent="0.15">
      <c r="A65" s="5" t="s">
        <v>17</v>
      </c>
      <c r="B65" s="22">
        <v>103</v>
      </c>
      <c r="C65" s="14">
        <v>85</v>
      </c>
      <c r="D65" s="18">
        <v>188</v>
      </c>
    </row>
    <row r="66" spans="1:4" ht="18" customHeight="1" x14ac:dyDescent="0.15">
      <c r="A66" s="5">
        <v>50</v>
      </c>
      <c r="B66" s="22">
        <v>24</v>
      </c>
      <c r="C66" s="14">
        <v>17</v>
      </c>
      <c r="D66" s="18">
        <v>41</v>
      </c>
    </row>
    <row r="67" spans="1:4" ht="18" customHeight="1" x14ac:dyDescent="0.15">
      <c r="A67" s="5">
        <v>51</v>
      </c>
      <c r="B67" s="22">
        <v>26</v>
      </c>
      <c r="C67" s="14">
        <v>21</v>
      </c>
      <c r="D67" s="18">
        <v>47</v>
      </c>
    </row>
    <row r="68" spans="1:4" ht="18" customHeight="1" x14ac:dyDescent="0.15">
      <c r="A68" s="5">
        <v>52</v>
      </c>
      <c r="B68" s="22">
        <v>20</v>
      </c>
      <c r="C68" s="14">
        <v>23</v>
      </c>
      <c r="D68" s="18">
        <v>43</v>
      </c>
    </row>
    <row r="69" spans="1:4" ht="18" customHeight="1" x14ac:dyDescent="0.15">
      <c r="A69" s="5">
        <v>53</v>
      </c>
      <c r="B69" s="22">
        <v>20</v>
      </c>
      <c r="C69" s="14">
        <v>19</v>
      </c>
      <c r="D69" s="18">
        <v>39</v>
      </c>
    </row>
    <row r="70" spans="1:4" ht="18" customHeight="1" x14ac:dyDescent="0.15">
      <c r="A70" s="5">
        <v>54</v>
      </c>
      <c r="B70" s="22">
        <v>21</v>
      </c>
      <c r="C70" s="14">
        <v>22</v>
      </c>
      <c r="D70" s="18">
        <v>43</v>
      </c>
    </row>
    <row r="71" spans="1:4" ht="18" customHeight="1" x14ac:dyDescent="0.15">
      <c r="A71" s="5" t="s">
        <v>22</v>
      </c>
      <c r="B71" s="22">
        <v>111</v>
      </c>
      <c r="C71" s="14">
        <v>102</v>
      </c>
      <c r="D71" s="18">
        <v>213</v>
      </c>
    </row>
    <row r="72" spans="1:4" ht="18" customHeight="1" x14ac:dyDescent="0.15">
      <c r="A72" s="5">
        <v>55</v>
      </c>
      <c r="B72" s="22">
        <v>22</v>
      </c>
      <c r="C72" s="14">
        <v>21</v>
      </c>
      <c r="D72" s="18">
        <v>43</v>
      </c>
    </row>
    <row r="73" spans="1:4" ht="18" customHeight="1" x14ac:dyDescent="0.15">
      <c r="A73" s="5">
        <v>56</v>
      </c>
      <c r="B73" s="22">
        <v>26</v>
      </c>
      <c r="C73" s="14">
        <v>22</v>
      </c>
      <c r="D73" s="18">
        <v>48</v>
      </c>
    </row>
    <row r="74" spans="1:4" ht="18" customHeight="1" x14ac:dyDescent="0.15">
      <c r="A74" s="5">
        <v>57</v>
      </c>
      <c r="B74" s="22">
        <v>29</v>
      </c>
      <c r="C74" s="14">
        <v>16</v>
      </c>
      <c r="D74" s="18">
        <v>45</v>
      </c>
    </row>
    <row r="75" spans="1:4" ht="18" customHeight="1" x14ac:dyDescent="0.15">
      <c r="A75" s="5">
        <v>58</v>
      </c>
      <c r="B75" s="22">
        <v>20</v>
      </c>
      <c r="C75" s="14">
        <v>19</v>
      </c>
      <c r="D75" s="18">
        <v>39</v>
      </c>
    </row>
    <row r="76" spans="1:4" ht="18" customHeight="1" x14ac:dyDescent="0.15">
      <c r="A76" s="5">
        <v>59</v>
      </c>
      <c r="B76" s="22">
        <v>14</v>
      </c>
      <c r="C76" s="14">
        <v>16</v>
      </c>
      <c r="D76" s="18">
        <v>30</v>
      </c>
    </row>
    <row r="77" spans="1:4" ht="18" customHeight="1" x14ac:dyDescent="0.15">
      <c r="A77" s="5" t="s">
        <v>27</v>
      </c>
      <c r="B77" s="22">
        <v>111</v>
      </c>
      <c r="C77" s="14">
        <v>94</v>
      </c>
      <c r="D77" s="18">
        <v>205</v>
      </c>
    </row>
    <row r="78" spans="1:4" ht="18" customHeight="1" x14ac:dyDescent="0.15">
      <c r="A78" s="5">
        <v>60</v>
      </c>
      <c r="B78" s="22">
        <v>26</v>
      </c>
      <c r="C78" s="14">
        <v>24</v>
      </c>
      <c r="D78" s="18">
        <v>50</v>
      </c>
    </row>
    <row r="79" spans="1:4" ht="18" customHeight="1" x14ac:dyDescent="0.15">
      <c r="A79" s="5">
        <v>61</v>
      </c>
      <c r="B79" s="22">
        <v>30</v>
      </c>
      <c r="C79" s="14">
        <v>20</v>
      </c>
      <c r="D79" s="18">
        <v>50</v>
      </c>
    </row>
    <row r="80" spans="1:4" ht="18" customHeight="1" x14ac:dyDescent="0.15">
      <c r="A80" s="5">
        <v>62</v>
      </c>
      <c r="B80" s="22">
        <v>24</v>
      </c>
      <c r="C80" s="14">
        <v>17</v>
      </c>
      <c r="D80" s="18">
        <v>41</v>
      </c>
    </row>
    <row r="81" spans="1:4" ht="18" customHeight="1" x14ac:dyDescent="0.15">
      <c r="A81" s="5">
        <v>63</v>
      </c>
      <c r="B81" s="22">
        <v>22</v>
      </c>
      <c r="C81" s="14">
        <v>20</v>
      </c>
      <c r="D81" s="18">
        <v>42</v>
      </c>
    </row>
    <row r="82" spans="1:4" ht="18" customHeight="1" x14ac:dyDescent="0.15">
      <c r="A82" s="5">
        <v>64</v>
      </c>
      <c r="B82" s="22">
        <v>19</v>
      </c>
      <c r="C82" s="14">
        <v>20</v>
      </c>
      <c r="D82" s="18">
        <v>39</v>
      </c>
    </row>
    <row r="83" spans="1:4" ht="18" customHeight="1" x14ac:dyDescent="0.15">
      <c r="A83" s="5" t="s">
        <v>28</v>
      </c>
      <c r="B83" s="22">
        <v>121</v>
      </c>
      <c r="C83" s="14">
        <v>101</v>
      </c>
      <c r="D83" s="18">
        <v>222</v>
      </c>
    </row>
    <row r="84" spans="1:4" ht="18" customHeight="1" x14ac:dyDescent="0.15">
      <c r="A84" s="5" t="s">
        <v>31</v>
      </c>
      <c r="B84" s="22">
        <v>797</v>
      </c>
      <c r="C84" s="14">
        <v>699</v>
      </c>
      <c r="D84" s="18">
        <v>1496</v>
      </c>
    </row>
    <row r="85" spans="1:4" ht="18" customHeight="1" x14ac:dyDescent="0.15">
      <c r="A85" s="5">
        <v>65</v>
      </c>
      <c r="B85" s="22">
        <v>11</v>
      </c>
      <c r="C85" s="14">
        <v>17</v>
      </c>
      <c r="D85" s="18">
        <v>28</v>
      </c>
    </row>
    <row r="86" spans="1:4" ht="18" customHeight="1" x14ac:dyDescent="0.15">
      <c r="A86" s="5">
        <v>66</v>
      </c>
      <c r="B86" s="22">
        <v>16</v>
      </c>
      <c r="C86" s="14">
        <v>19</v>
      </c>
      <c r="D86" s="18">
        <v>35</v>
      </c>
    </row>
    <row r="87" spans="1:4" ht="18" customHeight="1" x14ac:dyDescent="0.15">
      <c r="A87" s="5">
        <v>67</v>
      </c>
      <c r="B87" s="22">
        <v>15</v>
      </c>
      <c r="C87" s="14">
        <v>17</v>
      </c>
      <c r="D87" s="18">
        <v>32</v>
      </c>
    </row>
    <row r="88" spans="1:4" ht="18" customHeight="1" x14ac:dyDescent="0.15">
      <c r="A88" s="5">
        <v>68</v>
      </c>
      <c r="B88" s="22">
        <v>8</v>
      </c>
      <c r="C88" s="14">
        <v>16</v>
      </c>
      <c r="D88" s="18">
        <v>24</v>
      </c>
    </row>
    <row r="89" spans="1:4" ht="18" customHeight="1" x14ac:dyDescent="0.15">
      <c r="A89" s="5">
        <v>69</v>
      </c>
      <c r="B89" s="22">
        <v>17</v>
      </c>
      <c r="C89" s="14">
        <v>17</v>
      </c>
      <c r="D89" s="18">
        <v>34</v>
      </c>
    </row>
    <row r="90" spans="1:4" ht="18" customHeight="1" x14ac:dyDescent="0.15">
      <c r="A90" s="5" t="s">
        <v>20</v>
      </c>
      <c r="B90" s="22">
        <v>67</v>
      </c>
      <c r="C90" s="14">
        <v>86</v>
      </c>
      <c r="D90" s="18">
        <v>153</v>
      </c>
    </row>
    <row r="91" spans="1:4" ht="18" customHeight="1" x14ac:dyDescent="0.15">
      <c r="A91" s="5">
        <v>70</v>
      </c>
      <c r="B91" s="22">
        <v>16</v>
      </c>
      <c r="C91" s="14">
        <v>11</v>
      </c>
      <c r="D91" s="18">
        <v>27</v>
      </c>
    </row>
    <row r="92" spans="1:4" ht="18" customHeight="1" x14ac:dyDescent="0.15">
      <c r="A92" s="5">
        <v>71</v>
      </c>
      <c r="B92" s="22">
        <v>18</v>
      </c>
      <c r="C92" s="14">
        <v>16</v>
      </c>
      <c r="D92" s="18">
        <v>34</v>
      </c>
    </row>
    <row r="93" spans="1:4" ht="18" customHeight="1" x14ac:dyDescent="0.15">
      <c r="A93" s="5">
        <v>72</v>
      </c>
      <c r="B93" s="22">
        <v>11</v>
      </c>
      <c r="C93" s="14">
        <v>29</v>
      </c>
      <c r="D93" s="18">
        <v>40</v>
      </c>
    </row>
    <row r="94" spans="1:4" ht="18" customHeight="1" x14ac:dyDescent="0.15">
      <c r="A94" s="5">
        <v>73</v>
      </c>
      <c r="B94" s="22">
        <v>23</v>
      </c>
      <c r="C94" s="14">
        <v>34</v>
      </c>
      <c r="D94" s="18">
        <v>57</v>
      </c>
    </row>
    <row r="95" spans="1:4" ht="18" customHeight="1" x14ac:dyDescent="0.15">
      <c r="A95" s="5">
        <v>74</v>
      </c>
      <c r="B95" s="22">
        <v>13</v>
      </c>
      <c r="C95" s="14">
        <v>21</v>
      </c>
      <c r="D95" s="18">
        <v>34</v>
      </c>
    </row>
    <row r="96" spans="1:4" ht="18" customHeight="1" x14ac:dyDescent="0.15">
      <c r="A96" s="5" t="s">
        <v>33</v>
      </c>
      <c r="B96" s="22">
        <v>81</v>
      </c>
      <c r="C96" s="14">
        <v>111</v>
      </c>
      <c r="D96" s="18">
        <v>192</v>
      </c>
    </row>
    <row r="97" spans="1:4" ht="18" customHeight="1" x14ac:dyDescent="0.15">
      <c r="A97" s="5">
        <v>75</v>
      </c>
      <c r="B97" s="22">
        <v>20</v>
      </c>
      <c r="C97" s="14">
        <v>30</v>
      </c>
      <c r="D97" s="18">
        <v>50</v>
      </c>
    </row>
    <row r="98" spans="1:4" ht="18" customHeight="1" x14ac:dyDescent="0.15">
      <c r="A98" s="5">
        <v>76</v>
      </c>
      <c r="B98" s="22">
        <v>25</v>
      </c>
      <c r="C98" s="14">
        <v>35</v>
      </c>
      <c r="D98" s="18">
        <v>60</v>
      </c>
    </row>
    <row r="99" spans="1:4" ht="18" customHeight="1" x14ac:dyDescent="0.15">
      <c r="A99" s="5">
        <v>77</v>
      </c>
      <c r="B99" s="22">
        <v>35</v>
      </c>
      <c r="C99" s="14">
        <v>47</v>
      </c>
      <c r="D99" s="18">
        <v>82</v>
      </c>
    </row>
    <row r="100" spans="1:4" ht="18" customHeight="1" x14ac:dyDescent="0.15">
      <c r="A100" s="5">
        <v>78</v>
      </c>
      <c r="B100" s="22">
        <v>36</v>
      </c>
      <c r="C100" s="14">
        <v>34</v>
      </c>
      <c r="D100" s="18">
        <v>70</v>
      </c>
    </row>
    <row r="101" spans="1:4" ht="18" customHeight="1" x14ac:dyDescent="0.15">
      <c r="A101" s="5">
        <v>79</v>
      </c>
      <c r="B101" s="22">
        <v>30</v>
      </c>
      <c r="C101" s="14">
        <v>47</v>
      </c>
      <c r="D101" s="18">
        <v>77</v>
      </c>
    </row>
    <row r="102" spans="1:4" ht="18" customHeight="1" x14ac:dyDescent="0.15">
      <c r="A102" s="5" t="s">
        <v>0</v>
      </c>
      <c r="B102" s="22">
        <v>146</v>
      </c>
      <c r="C102" s="14">
        <v>193</v>
      </c>
      <c r="D102" s="18">
        <v>339</v>
      </c>
    </row>
    <row r="103" spans="1:4" ht="18" customHeight="1" x14ac:dyDescent="0.15">
      <c r="A103" s="5">
        <v>80</v>
      </c>
      <c r="B103" s="22">
        <v>8</v>
      </c>
      <c r="C103" s="14">
        <v>25</v>
      </c>
      <c r="D103" s="18">
        <v>33</v>
      </c>
    </row>
    <row r="104" spans="1:4" ht="18" customHeight="1" x14ac:dyDescent="0.15">
      <c r="A104" s="5">
        <v>81</v>
      </c>
      <c r="B104" s="22">
        <v>22</v>
      </c>
      <c r="C104" s="14">
        <v>32</v>
      </c>
      <c r="D104" s="18">
        <v>54</v>
      </c>
    </row>
    <row r="105" spans="1:4" ht="18" customHeight="1" x14ac:dyDescent="0.15">
      <c r="A105" s="5">
        <v>82</v>
      </c>
      <c r="B105" s="22">
        <v>16</v>
      </c>
      <c r="C105" s="14">
        <v>29</v>
      </c>
      <c r="D105" s="18">
        <v>45</v>
      </c>
    </row>
    <row r="106" spans="1:4" ht="18" customHeight="1" x14ac:dyDescent="0.15">
      <c r="A106" s="5">
        <v>83</v>
      </c>
      <c r="B106" s="22">
        <v>16</v>
      </c>
      <c r="C106" s="14">
        <v>29</v>
      </c>
      <c r="D106" s="18">
        <v>45</v>
      </c>
    </row>
    <row r="107" spans="1:4" ht="18" customHeight="1" x14ac:dyDescent="0.15">
      <c r="A107" s="5">
        <v>84</v>
      </c>
      <c r="B107" s="22">
        <v>20</v>
      </c>
      <c r="C107" s="14">
        <v>33</v>
      </c>
      <c r="D107" s="18">
        <v>53</v>
      </c>
    </row>
    <row r="108" spans="1:4" ht="18" customHeight="1" x14ac:dyDescent="0.15">
      <c r="A108" s="5" t="s">
        <v>35</v>
      </c>
      <c r="B108" s="22">
        <v>82</v>
      </c>
      <c r="C108" s="14">
        <v>148</v>
      </c>
      <c r="D108" s="18">
        <v>230</v>
      </c>
    </row>
    <row r="109" spans="1:4" ht="18" customHeight="1" x14ac:dyDescent="0.15">
      <c r="A109" s="5">
        <v>85</v>
      </c>
      <c r="B109" s="22">
        <v>14</v>
      </c>
      <c r="C109" s="14">
        <v>25</v>
      </c>
      <c r="D109" s="18">
        <v>39</v>
      </c>
    </row>
    <row r="110" spans="1:4" ht="18" customHeight="1" x14ac:dyDescent="0.15">
      <c r="A110" s="5">
        <v>86</v>
      </c>
      <c r="B110" s="22">
        <v>10</v>
      </c>
      <c r="C110" s="14">
        <v>19</v>
      </c>
      <c r="D110" s="18">
        <v>29</v>
      </c>
    </row>
    <row r="111" spans="1:4" ht="18" customHeight="1" x14ac:dyDescent="0.15">
      <c r="A111" s="5">
        <v>87</v>
      </c>
      <c r="B111" s="22">
        <v>4</v>
      </c>
      <c r="C111" s="14">
        <v>24</v>
      </c>
      <c r="D111" s="18">
        <v>28</v>
      </c>
    </row>
    <row r="112" spans="1:4" ht="18" customHeight="1" x14ac:dyDescent="0.15">
      <c r="A112" s="5">
        <v>88</v>
      </c>
      <c r="B112" s="22">
        <v>8</v>
      </c>
      <c r="C112" s="14">
        <v>18</v>
      </c>
      <c r="D112" s="18">
        <v>26</v>
      </c>
    </row>
    <row r="113" spans="1:4" ht="18" customHeight="1" x14ac:dyDescent="0.15">
      <c r="A113" s="5">
        <v>89</v>
      </c>
      <c r="B113" s="22">
        <v>9</v>
      </c>
      <c r="C113" s="14">
        <v>22</v>
      </c>
      <c r="D113" s="18">
        <v>31</v>
      </c>
    </row>
    <row r="114" spans="1:4" ht="18" customHeight="1" x14ac:dyDescent="0.15">
      <c r="A114" s="5" t="s">
        <v>37</v>
      </c>
      <c r="B114" s="22">
        <v>45</v>
      </c>
      <c r="C114" s="14">
        <v>108</v>
      </c>
      <c r="D114" s="18">
        <v>153</v>
      </c>
    </row>
    <row r="115" spans="1:4" ht="18" customHeight="1" x14ac:dyDescent="0.15">
      <c r="A115" s="5">
        <v>90</v>
      </c>
      <c r="B115" s="22">
        <v>10</v>
      </c>
      <c r="C115" s="14">
        <v>17</v>
      </c>
      <c r="D115" s="18">
        <v>27</v>
      </c>
    </row>
    <row r="116" spans="1:4" ht="18" customHeight="1" x14ac:dyDescent="0.15">
      <c r="A116" s="5">
        <v>91</v>
      </c>
      <c r="B116" s="22">
        <v>5</v>
      </c>
      <c r="C116" s="14">
        <v>19</v>
      </c>
      <c r="D116" s="18">
        <v>24</v>
      </c>
    </row>
    <row r="117" spans="1:4" ht="18" customHeight="1" x14ac:dyDescent="0.15">
      <c r="A117" s="5">
        <v>92</v>
      </c>
      <c r="B117" s="22">
        <v>6</v>
      </c>
      <c r="C117" s="14">
        <v>7</v>
      </c>
      <c r="D117" s="18">
        <v>13</v>
      </c>
    </row>
    <row r="118" spans="1:4" ht="18" customHeight="1" x14ac:dyDescent="0.15">
      <c r="A118" s="5">
        <v>93</v>
      </c>
      <c r="B118" s="22">
        <v>5</v>
      </c>
      <c r="C118" s="14">
        <v>13</v>
      </c>
      <c r="D118" s="18">
        <v>18</v>
      </c>
    </row>
    <row r="119" spans="1:4" ht="18" customHeight="1" x14ac:dyDescent="0.15">
      <c r="A119" s="5">
        <v>94</v>
      </c>
      <c r="B119" s="22">
        <v>4</v>
      </c>
      <c r="C119" s="14">
        <v>11</v>
      </c>
      <c r="D119" s="18">
        <v>15</v>
      </c>
    </row>
    <row r="120" spans="1:4" ht="18" customHeight="1" x14ac:dyDescent="0.15">
      <c r="A120" s="5" t="s">
        <v>39</v>
      </c>
      <c r="B120" s="22">
        <v>30</v>
      </c>
      <c r="C120" s="14">
        <v>67</v>
      </c>
      <c r="D120" s="18">
        <v>97</v>
      </c>
    </row>
    <row r="121" spans="1:4" ht="18" customHeight="1" x14ac:dyDescent="0.15">
      <c r="A121" s="5">
        <v>95</v>
      </c>
      <c r="B121" s="22">
        <v>2</v>
      </c>
      <c r="C121" s="14">
        <v>8</v>
      </c>
      <c r="D121" s="18">
        <v>10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26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53</v>
      </c>
      <c r="C130" s="14">
        <v>743</v>
      </c>
      <c r="D130" s="18">
        <v>1196</v>
      </c>
    </row>
    <row r="131" spans="1:4" ht="18" customHeight="1" x14ac:dyDescent="0.15">
      <c r="A131" s="7" t="s">
        <v>45</v>
      </c>
      <c r="B131" s="23">
        <v>1351</v>
      </c>
      <c r="C131" s="15">
        <v>1566</v>
      </c>
      <c r="D131" s="19">
        <v>29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</v>
      </c>
      <c r="B1" s="44"/>
      <c r="C1" s="44"/>
      <c r="D1" s="44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8" t="s">
        <v>47</v>
      </c>
      <c r="C4" s="12" t="s">
        <v>50</v>
      </c>
      <c r="D4" s="16" t="s">
        <v>26</v>
      </c>
    </row>
    <row r="5" spans="1:4" ht="18" customHeight="1" x14ac:dyDescent="0.15">
      <c r="A5" s="4">
        <v>0</v>
      </c>
      <c r="B5" s="9">
        <v>11</v>
      </c>
      <c r="C5" s="13">
        <v>4</v>
      </c>
      <c r="D5" s="17">
        <v>15</v>
      </c>
    </row>
    <row r="6" spans="1:4" ht="18" customHeight="1" x14ac:dyDescent="0.15">
      <c r="A6" s="5">
        <v>1</v>
      </c>
      <c r="B6" s="10">
        <v>5</v>
      </c>
      <c r="C6" s="14">
        <v>5</v>
      </c>
      <c r="D6" s="18">
        <v>10</v>
      </c>
    </row>
    <row r="7" spans="1:4" ht="18" customHeight="1" x14ac:dyDescent="0.15">
      <c r="A7" s="5">
        <v>2</v>
      </c>
      <c r="B7" s="10">
        <v>7</v>
      </c>
      <c r="C7" s="14">
        <v>8</v>
      </c>
      <c r="D7" s="18">
        <v>15</v>
      </c>
    </row>
    <row r="8" spans="1:4" ht="18" customHeight="1" x14ac:dyDescent="0.15">
      <c r="A8" s="5">
        <v>3</v>
      </c>
      <c r="B8" s="10">
        <v>7</v>
      </c>
      <c r="C8" s="14">
        <v>8</v>
      </c>
      <c r="D8" s="18">
        <v>15</v>
      </c>
    </row>
    <row r="9" spans="1:4" ht="18" customHeight="1" x14ac:dyDescent="0.15">
      <c r="A9" s="5">
        <v>4</v>
      </c>
      <c r="B9" s="10">
        <v>5</v>
      </c>
      <c r="C9" s="14">
        <v>8</v>
      </c>
      <c r="D9" s="18">
        <v>13</v>
      </c>
    </row>
    <row r="10" spans="1:4" ht="18" customHeight="1" x14ac:dyDescent="0.15">
      <c r="A10" s="5" t="s">
        <v>7</v>
      </c>
      <c r="B10" s="10">
        <v>35</v>
      </c>
      <c r="C10" s="14">
        <v>33</v>
      </c>
      <c r="D10" s="18">
        <v>68</v>
      </c>
    </row>
    <row r="11" spans="1:4" ht="18" customHeight="1" x14ac:dyDescent="0.15">
      <c r="A11" s="5">
        <v>5</v>
      </c>
      <c r="B11" s="10">
        <v>16</v>
      </c>
      <c r="C11" s="14">
        <v>5</v>
      </c>
      <c r="D11" s="18">
        <v>21</v>
      </c>
    </row>
    <row r="12" spans="1:4" ht="18" customHeight="1" x14ac:dyDescent="0.15">
      <c r="A12" s="5">
        <v>6</v>
      </c>
      <c r="B12" s="10">
        <v>12</v>
      </c>
      <c r="C12" s="14">
        <v>1</v>
      </c>
      <c r="D12" s="18">
        <v>13</v>
      </c>
    </row>
    <row r="13" spans="1:4" ht="18" customHeight="1" x14ac:dyDescent="0.15">
      <c r="A13" s="5">
        <v>7</v>
      </c>
      <c r="B13" s="10">
        <v>5</v>
      </c>
      <c r="C13" s="14">
        <v>7</v>
      </c>
      <c r="D13" s="18">
        <v>12</v>
      </c>
    </row>
    <row r="14" spans="1:4" ht="18" customHeight="1" x14ac:dyDescent="0.15">
      <c r="A14" s="5">
        <v>8</v>
      </c>
      <c r="B14" s="10">
        <v>9</v>
      </c>
      <c r="C14" s="14">
        <v>5</v>
      </c>
      <c r="D14" s="18">
        <v>14</v>
      </c>
    </row>
    <row r="15" spans="1:4" ht="18" customHeight="1" x14ac:dyDescent="0.15">
      <c r="A15" s="5">
        <v>9</v>
      </c>
      <c r="B15" s="10">
        <v>10</v>
      </c>
      <c r="C15" s="14">
        <v>12</v>
      </c>
      <c r="D15" s="18">
        <v>22</v>
      </c>
    </row>
    <row r="16" spans="1:4" ht="18" customHeight="1" x14ac:dyDescent="0.15">
      <c r="A16" s="5" t="s">
        <v>11</v>
      </c>
      <c r="B16" s="10">
        <v>52</v>
      </c>
      <c r="C16" s="14">
        <v>30</v>
      </c>
      <c r="D16" s="18">
        <v>82</v>
      </c>
    </row>
    <row r="17" spans="1:4" ht="18" customHeight="1" x14ac:dyDescent="0.15">
      <c r="A17" s="5">
        <v>10</v>
      </c>
      <c r="B17" s="10">
        <v>4</v>
      </c>
      <c r="C17" s="14">
        <v>10</v>
      </c>
      <c r="D17" s="18">
        <v>14</v>
      </c>
    </row>
    <row r="18" spans="1:4" ht="18" customHeight="1" x14ac:dyDescent="0.15">
      <c r="A18" s="5">
        <v>11</v>
      </c>
      <c r="B18" s="10">
        <v>8</v>
      </c>
      <c r="C18" s="14">
        <v>11</v>
      </c>
      <c r="D18" s="18">
        <v>19</v>
      </c>
    </row>
    <row r="19" spans="1:4" ht="18" customHeight="1" x14ac:dyDescent="0.15">
      <c r="A19" s="5">
        <v>12</v>
      </c>
      <c r="B19" s="10">
        <v>9</v>
      </c>
      <c r="C19" s="14">
        <v>12</v>
      </c>
      <c r="D19" s="18">
        <v>21</v>
      </c>
    </row>
    <row r="20" spans="1:4" ht="18" customHeight="1" x14ac:dyDescent="0.15">
      <c r="A20" s="5">
        <v>13</v>
      </c>
      <c r="B20" s="10">
        <v>7</v>
      </c>
      <c r="C20" s="14">
        <v>7</v>
      </c>
      <c r="D20" s="18">
        <v>14</v>
      </c>
    </row>
    <row r="21" spans="1:4" ht="18" customHeight="1" x14ac:dyDescent="0.15">
      <c r="A21" s="5">
        <v>14</v>
      </c>
      <c r="B21" s="10">
        <v>5</v>
      </c>
      <c r="C21" s="14">
        <v>6</v>
      </c>
      <c r="D21" s="18">
        <v>11</v>
      </c>
    </row>
    <row r="22" spans="1:4" ht="18" customHeight="1" x14ac:dyDescent="0.15">
      <c r="A22" s="5" t="s">
        <v>12</v>
      </c>
      <c r="B22" s="10">
        <v>33</v>
      </c>
      <c r="C22" s="14">
        <v>46</v>
      </c>
      <c r="D22" s="18">
        <v>79</v>
      </c>
    </row>
    <row r="23" spans="1:4" ht="18" customHeight="1" x14ac:dyDescent="0.15">
      <c r="A23" s="5" t="s">
        <v>6</v>
      </c>
      <c r="B23" s="10">
        <v>120</v>
      </c>
      <c r="C23" s="14">
        <v>109</v>
      </c>
      <c r="D23" s="18">
        <v>229</v>
      </c>
    </row>
    <row r="24" spans="1:4" ht="18" customHeight="1" x14ac:dyDescent="0.15">
      <c r="A24" s="5">
        <v>15</v>
      </c>
      <c r="B24" s="10">
        <v>12</v>
      </c>
      <c r="C24" s="14">
        <v>5</v>
      </c>
      <c r="D24" s="18">
        <v>17</v>
      </c>
    </row>
    <row r="25" spans="1:4" ht="18" customHeight="1" x14ac:dyDescent="0.15">
      <c r="A25" s="5">
        <v>16</v>
      </c>
      <c r="B25" s="10">
        <v>8</v>
      </c>
      <c r="C25" s="14">
        <v>4</v>
      </c>
      <c r="D25" s="18">
        <v>12</v>
      </c>
    </row>
    <row r="26" spans="1:4" ht="18" customHeight="1" x14ac:dyDescent="0.15">
      <c r="A26" s="5">
        <v>17</v>
      </c>
      <c r="B26" s="10">
        <v>14</v>
      </c>
      <c r="C26" s="14">
        <v>8</v>
      </c>
      <c r="D26" s="18">
        <v>22</v>
      </c>
    </row>
    <row r="27" spans="1:4" ht="18" customHeight="1" x14ac:dyDescent="0.15">
      <c r="A27" s="5">
        <v>18</v>
      </c>
      <c r="B27" s="10">
        <v>4</v>
      </c>
      <c r="C27" s="14">
        <v>7</v>
      </c>
      <c r="D27" s="18">
        <v>11</v>
      </c>
    </row>
    <row r="28" spans="1:4" ht="18" customHeight="1" x14ac:dyDescent="0.15">
      <c r="A28" s="5">
        <v>19</v>
      </c>
      <c r="B28" s="10">
        <v>4</v>
      </c>
      <c r="C28" s="14">
        <v>9</v>
      </c>
      <c r="D28" s="18">
        <v>13</v>
      </c>
    </row>
    <row r="29" spans="1:4" ht="18" customHeight="1" x14ac:dyDescent="0.15">
      <c r="A29" s="5" t="s">
        <v>14</v>
      </c>
      <c r="B29" s="10">
        <v>42</v>
      </c>
      <c r="C29" s="14">
        <v>33</v>
      </c>
      <c r="D29" s="18">
        <v>75</v>
      </c>
    </row>
    <row r="30" spans="1:4" ht="18" customHeight="1" x14ac:dyDescent="0.15">
      <c r="A30" s="5">
        <v>20</v>
      </c>
      <c r="B30" s="10">
        <v>8</v>
      </c>
      <c r="C30" s="14">
        <v>7</v>
      </c>
      <c r="D30" s="18">
        <v>15</v>
      </c>
    </row>
    <row r="31" spans="1:4" ht="18" customHeight="1" x14ac:dyDescent="0.15">
      <c r="A31" s="5">
        <v>21</v>
      </c>
      <c r="B31" s="10">
        <v>5</v>
      </c>
      <c r="C31" s="14">
        <v>9</v>
      </c>
      <c r="D31" s="18">
        <v>14</v>
      </c>
    </row>
    <row r="32" spans="1:4" ht="18" customHeight="1" x14ac:dyDescent="0.15">
      <c r="A32" s="5">
        <v>22</v>
      </c>
      <c r="B32" s="10">
        <v>8</v>
      </c>
      <c r="C32" s="14">
        <v>5</v>
      </c>
      <c r="D32" s="18">
        <v>13</v>
      </c>
    </row>
    <row r="33" spans="1:4" ht="18" customHeight="1" x14ac:dyDescent="0.15">
      <c r="A33" s="5">
        <v>23</v>
      </c>
      <c r="B33" s="10">
        <v>7</v>
      </c>
      <c r="C33" s="14">
        <v>7</v>
      </c>
      <c r="D33" s="18">
        <v>14</v>
      </c>
    </row>
    <row r="34" spans="1:4" ht="18" customHeight="1" x14ac:dyDescent="0.15">
      <c r="A34" s="5">
        <v>24</v>
      </c>
      <c r="B34" s="10">
        <v>10</v>
      </c>
      <c r="C34" s="14">
        <v>6</v>
      </c>
      <c r="D34" s="18">
        <v>16</v>
      </c>
    </row>
    <row r="35" spans="1:4" ht="18" customHeight="1" x14ac:dyDescent="0.15">
      <c r="A35" s="5" t="s">
        <v>9</v>
      </c>
      <c r="B35" s="10">
        <v>38</v>
      </c>
      <c r="C35" s="14">
        <v>34</v>
      </c>
      <c r="D35" s="18">
        <v>72</v>
      </c>
    </row>
    <row r="36" spans="1:4" ht="18" customHeight="1" x14ac:dyDescent="0.15">
      <c r="A36" s="5">
        <v>25</v>
      </c>
      <c r="B36" s="10">
        <v>5</v>
      </c>
      <c r="C36" s="14">
        <v>10</v>
      </c>
      <c r="D36" s="18">
        <v>15</v>
      </c>
    </row>
    <row r="37" spans="1:4" ht="18" customHeight="1" x14ac:dyDescent="0.15">
      <c r="A37" s="5">
        <v>26</v>
      </c>
      <c r="B37" s="10">
        <v>10</v>
      </c>
      <c r="C37" s="14">
        <v>5</v>
      </c>
      <c r="D37" s="18">
        <v>15</v>
      </c>
    </row>
    <row r="38" spans="1:4" ht="18" customHeight="1" x14ac:dyDescent="0.15">
      <c r="A38" s="5">
        <v>27</v>
      </c>
      <c r="B38" s="10">
        <v>13</v>
      </c>
      <c r="C38" s="14">
        <v>6</v>
      </c>
      <c r="D38" s="18">
        <v>19</v>
      </c>
    </row>
    <row r="39" spans="1:4" ht="18" customHeight="1" x14ac:dyDescent="0.15">
      <c r="A39" s="5">
        <v>28</v>
      </c>
      <c r="B39" s="10">
        <v>9</v>
      </c>
      <c r="C39" s="14">
        <v>5</v>
      </c>
      <c r="D39" s="18">
        <v>14</v>
      </c>
    </row>
    <row r="40" spans="1:4" ht="18" customHeight="1" x14ac:dyDescent="0.15">
      <c r="A40" s="5">
        <v>29</v>
      </c>
      <c r="B40" s="10">
        <v>4</v>
      </c>
      <c r="C40" s="14">
        <v>4</v>
      </c>
      <c r="D40" s="18">
        <v>8</v>
      </c>
    </row>
    <row r="41" spans="1:4" ht="18" customHeight="1" x14ac:dyDescent="0.15">
      <c r="A41" s="5" t="s">
        <v>2</v>
      </c>
      <c r="B41" s="10">
        <v>41</v>
      </c>
      <c r="C41" s="14">
        <v>30</v>
      </c>
      <c r="D41" s="18">
        <v>71</v>
      </c>
    </row>
    <row r="42" spans="1:4" ht="18" customHeight="1" x14ac:dyDescent="0.15">
      <c r="A42" s="5">
        <v>30</v>
      </c>
      <c r="B42" s="10">
        <v>6</v>
      </c>
      <c r="C42" s="14">
        <v>6</v>
      </c>
      <c r="D42" s="18">
        <v>12</v>
      </c>
    </row>
    <row r="43" spans="1:4" ht="18" customHeight="1" x14ac:dyDescent="0.15">
      <c r="A43" s="5">
        <v>31</v>
      </c>
      <c r="B43" s="10">
        <v>6</v>
      </c>
      <c r="C43" s="14">
        <v>6</v>
      </c>
      <c r="D43" s="18">
        <v>12</v>
      </c>
    </row>
    <row r="44" spans="1:4" ht="18" customHeight="1" x14ac:dyDescent="0.15">
      <c r="A44" s="5">
        <v>32</v>
      </c>
      <c r="B44" s="10">
        <v>8</v>
      </c>
      <c r="C44" s="14">
        <v>6</v>
      </c>
      <c r="D44" s="18">
        <v>14</v>
      </c>
    </row>
    <row r="45" spans="1:4" ht="18" customHeight="1" x14ac:dyDescent="0.15">
      <c r="A45" s="5">
        <v>33</v>
      </c>
      <c r="B45" s="10">
        <v>12</v>
      </c>
      <c r="C45" s="14">
        <v>10</v>
      </c>
      <c r="D45" s="18">
        <v>22</v>
      </c>
    </row>
    <row r="46" spans="1:4" ht="18" customHeight="1" x14ac:dyDescent="0.15">
      <c r="A46" s="5">
        <v>34</v>
      </c>
      <c r="B46" s="10">
        <v>4</v>
      </c>
      <c r="C46" s="14">
        <v>15</v>
      </c>
      <c r="D46" s="18">
        <v>19</v>
      </c>
    </row>
    <row r="47" spans="1:4" ht="18" customHeight="1" x14ac:dyDescent="0.15">
      <c r="A47" s="5" t="s">
        <v>15</v>
      </c>
      <c r="B47" s="10">
        <v>36</v>
      </c>
      <c r="C47" s="14">
        <v>43</v>
      </c>
      <c r="D47" s="18">
        <v>79</v>
      </c>
    </row>
    <row r="48" spans="1:4" ht="18" customHeight="1" x14ac:dyDescent="0.15">
      <c r="A48" s="5">
        <v>35</v>
      </c>
      <c r="B48" s="10">
        <v>10</v>
      </c>
      <c r="C48" s="14">
        <v>11</v>
      </c>
      <c r="D48" s="18">
        <v>21</v>
      </c>
    </row>
    <row r="49" spans="1:4" ht="18" customHeight="1" x14ac:dyDescent="0.15">
      <c r="A49" s="5">
        <v>36</v>
      </c>
      <c r="B49" s="10">
        <v>7</v>
      </c>
      <c r="C49" s="14">
        <v>8</v>
      </c>
      <c r="D49" s="18">
        <v>15</v>
      </c>
    </row>
    <row r="50" spans="1:4" ht="18" customHeight="1" x14ac:dyDescent="0.15">
      <c r="A50" s="5">
        <v>37</v>
      </c>
      <c r="B50" s="10">
        <v>14</v>
      </c>
      <c r="C50" s="14">
        <v>6</v>
      </c>
      <c r="D50" s="18">
        <v>20</v>
      </c>
    </row>
    <row r="51" spans="1:4" ht="18" customHeight="1" x14ac:dyDescent="0.15">
      <c r="A51" s="5">
        <v>38</v>
      </c>
      <c r="B51" s="10">
        <v>14</v>
      </c>
      <c r="C51" s="14">
        <v>15</v>
      </c>
      <c r="D51" s="18">
        <v>29</v>
      </c>
    </row>
    <row r="52" spans="1:4" ht="18" customHeight="1" x14ac:dyDescent="0.15">
      <c r="A52" s="5">
        <v>39</v>
      </c>
      <c r="B52" s="10">
        <v>18</v>
      </c>
      <c r="C52" s="14">
        <v>13</v>
      </c>
      <c r="D52" s="18">
        <v>31</v>
      </c>
    </row>
    <row r="53" spans="1:4" ht="18" customHeight="1" x14ac:dyDescent="0.15">
      <c r="A53" s="5" t="s">
        <v>18</v>
      </c>
      <c r="B53" s="10">
        <v>63</v>
      </c>
      <c r="C53" s="14">
        <v>53</v>
      </c>
      <c r="D53" s="18">
        <v>116</v>
      </c>
    </row>
    <row r="54" spans="1:4" ht="18" customHeight="1" x14ac:dyDescent="0.15">
      <c r="A54" s="5">
        <v>40</v>
      </c>
      <c r="B54" s="10">
        <v>15</v>
      </c>
      <c r="C54" s="14">
        <v>10</v>
      </c>
      <c r="D54" s="18">
        <v>25</v>
      </c>
    </row>
    <row r="55" spans="1:4" ht="18" customHeight="1" x14ac:dyDescent="0.15">
      <c r="A55" s="5">
        <v>41</v>
      </c>
      <c r="B55" s="10">
        <v>15</v>
      </c>
      <c r="C55" s="14">
        <v>18</v>
      </c>
      <c r="D55" s="18">
        <v>33</v>
      </c>
    </row>
    <row r="56" spans="1:4" ht="18" customHeight="1" x14ac:dyDescent="0.15">
      <c r="A56" s="5">
        <v>42</v>
      </c>
      <c r="B56" s="10">
        <v>10</v>
      </c>
      <c r="C56" s="14">
        <v>16</v>
      </c>
      <c r="D56" s="18">
        <v>26</v>
      </c>
    </row>
    <row r="57" spans="1:4" ht="18" customHeight="1" x14ac:dyDescent="0.15">
      <c r="A57" s="5">
        <v>43</v>
      </c>
      <c r="B57" s="10">
        <v>13</v>
      </c>
      <c r="C57" s="14">
        <v>6</v>
      </c>
      <c r="D57" s="18">
        <v>19</v>
      </c>
    </row>
    <row r="58" spans="1:4" ht="18" customHeight="1" x14ac:dyDescent="0.15">
      <c r="A58" s="5">
        <v>44</v>
      </c>
      <c r="B58" s="10">
        <v>22</v>
      </c>
      <c r="C58" s="14">
        <v>15</v>
      </c>
      <c r="D58" s="18">
        <v>37</v>
      </c>
    </row>
    <row r="59" spans="1:4" ht="18" customHeight="1" x14ac:dyDescent="0.15">
      <c r="A59" s="5" t="s">
        <v>21</v>
      </c>
      <c r="B59" s="10">
        <v>75</v>
      </c>
      <c r="C59" s="14">
        <v>65</v>
      </c>
      <c r="D59" s="18">
        <v>140</v>
      </c>
    </row>
    <row r="60" spans="1:4" ht="18" customHeight="1" x14ac:dyDescent="0.15">
      <c r="A60" s="5">
        <v>45</v>
      </c>
      <c r="B60" s="10">
        <v>8</v>
      </c>
      <c r="C60" s="14">
        <v>8</v>
      </c>
      <c r="D60" s="18">
        <v>16</v>
      </c>
    </row>
    <row r="61" spans="1:4" ht="18" customHeight="1" x14ac:dyDescent="0.15">
      <c r="A61" s="5">
        <v>46</v>
      </c>
      <c r="B61" s="10">
        <v>9</v>
      </c>
      <c r="C61" s="14">
        <v>22</v>
      </c>
      <c r="D61" s="18">
        <v>31</v>
      </c>
    </row>
    <row r="62" spans="1:4" ht="18" customHeight="1" x14ac:dyDescent="0.15">
      <c r="A62" s="5">
        <v>47</v>
      </c>
      <c r="B62" s="10">
        <v>9</v>
      </c>
      <c r="C62" s="14">
        <v>16</v>
      </c>
      <c r="D62" s="18">
        <v>25</v>
      </c>
    </row>
    <row r="63" spans="1:4" ht="18" customHeight="1" x14ac:dyDescent="0.15">
      <c r="A63" s="5">
        <v>48</v>
      </c>
      <c r="B63" s="10">
        <v>13</v>
      </c>
      <c r="C63" s="14">
        <v>22</v>
      </c>
      <c r="D63" s="18">
        <v>35</v>
      </c>
    </row>
    <row r="64" spans="1:4" ht="18" customHeight="1" x14ac:dyDescent="0.15">
      <c r="A64" s="5">
        <v>49</v>
      </c>
      <c r="B64" s="10">
        <v>24</v>
      </c>
      <c r="C64" s="14">
        <v>16</v>
      </c>
      <c r="D64" s="18">
        <v>40</v>
      </c>
    </row>
    <row r="65" spans="1:4" ht="18" customHeight="1" x14ac:dyDescent="0.15">
      <c r="A65" s="5" t="s">
        <v>17</v>
      </c>
      <c r="B65" s="10">
        <v>63</v>
      </c>
      <c r="C65" s="14">
        <v>84</v>
      </c>
      <c r="D65" s="18">
        <v>147</v>
      </c>
    </row>
    <row r="66" spans="1:4" ht="18" customHeight="1" x14ac:dyDescent="0.15">
      <c r="A66" s="5">
        <v>50</v>
      </c>
      <c r="B66" s="10">
        <v>27</v>
      </c>
      <c r="C66" s="14">
        <v>13</v>
      </c>
      <c r="D66" s="18">
        <v>40</v>
      </c>
    </row>
    <row r="67" spans="1:4" ht="18" customHeight="1" x14ac:dyDescent="0.15">
      <c r="A67" s="5">
        <v>51</v>
      </c>
      <c r="B67" s="10">
        <v>19</v>
      </c>
      <c r="C67" s="14">
        <v>24</v>
      </c>
      <c r="D67" s="18">
        <v>43</v>
      </c>
    </row>
    <row r="68" spans="1:4" ht="18" customHeight="1" x14ac:dyDescent="0.15">
      <c r="A68" s="5">
        <v>52</v>
      </c>
      <c r="B68" s="10">
        <v>19</v>
      </c>
      <c r="C68" s="14">
        <v>20</v>
      </c>
      <c r="D68" s="18">
        <v>39</v>
      </c>
    </row>
    <row r="69" spans="1:4" ht="18" customHeight="1" x14ac:dyDescent="0.15">
      <c r="A69" s="5">
        <v>53</v>
      </c>
      <c r="B69" s="10">
        <v>19</v>
      </c>
      <c r="C69" s="14">
        <v>25</v>
      </c>
      <c r="D69" s="18">
        <v>44</v>
      </c>
    </row>
    <row r="70" spans="1:4" ht="18" customHeight="1" x14ac:dyDescent="0.15">
      <c r="A70" s="5">
        <v>54</v>
      </c>
      <c r="B70" s="10">
        <v>16</v>
      </c>
      <c r="C70" s="14">
        <v>20</v>
      </c>
      <c r="D70" s="18">
        <v>36</v>
      </c>
    </row>
    <row r="71" spans="1:4" ht="18" customHeight="1" x14ac:dyDescent="0.15">
      <c r="A71" s="5" t="s">
        <v>22</v>
      </c>
      <c r="B71" s="10">
        <v>100</v>
      </c>
      <c r="C71" s="14">
        <v>102</v>
      </c>
      <c r="D71" s="18">
        <v>202</v>
      </c>
    </row>
    <row r="72" spans="1:4" ht="18" customHeight="1" x14ac:dyDescent="0.15">
      <c r="A72" s="5">
        <v>55</v>
      </c>
      <c r="B72" s="10">
        <v>19</v>
      </c>
      <c r="C72" s="14">
        <v>26</v>
      </c>
      <c r="D72" s="18">
        <v>45</v>
      </c>
    </row>
    <row r="73" spans="1:4" ht="18" customHeight="1" x14ac:dyDescent="0.15">
      <c r="A73" s="5">
        <v>56</v>
      </c>
      <c r="B73" s="10">
        <v>21</v>
      </c>
      <c r="C73" s="14">
        <v>18</v>
      </c>
      <c r="D73" s="18">
        <v>39</v>
      </c>
    </row>
    <row r="74" spans="1:4" ht="18" customHeight="1" x14ac:dyDescent="0.15">
      <c r="A74" s="5">
        <v>57</v>
      </c>
      <c r="B74" s="10">
        <v>25</v>
      </c>
      <c r="C74" s="14">
        <v>27</v>
      </c>
      <c r="D74" s="18">
        <v>52</v>
      </c>
    </row>
    <row r="75" spans="1:4" ht="18" customHeight="1" x14ac:dyDescent="0.15">
      <c r="A75" s="5">
        <v>58</v>
      </c>
      <c r="B75" s="10">
        <v>18</v>
      </c>
      <c r="C75" s="14">
        <v>20</v>
      </c>
      <c r="D75" s="18">
        <v>38</v>
      </c>
    </row>
    <row r="76" spans="1:4" ht="18" customHeight="1" x14ac:dyDescent="0.15">
      <c r="A76" s="5">
        <v>59</v>
      </c>
      <c r="B76" s="10">
        <v>14</v>
      </c>
      <c r="C76" s="14">
        <v>19</v>
      </c>
      <c r="D76" s="18">
        <v>33</v>
      </c>
    </row>
    <row r="77" spans="1:4" ht="18" customHeight="1" x14ac:dyDescent="0.15">
      <c r="A77" s="5" t="s">
        <v>27</v>
      </c>
      <c r="B77" s="10">
        <v>97</v>
      </c>
      <c r="C77" s="14">
        <v>110</v>
      </c>
      <c r="D77" s="18">
        <v>207</v>
      </c>
    </row>
    <row r="78" spans="1:4" ht="18" customHeight="1" x14ac:dyDescent="0.15">
      <c r="A78" s="5">
        <v>60</v>
      </c>
      <c r="B78" s="10">
        <v>13</v>
      </c>
      <c r="C78" s="14">
        <v>11</v>
      </c>
      <c r="D78" s="18">
        <v>24</v>
      </c>
    </row>
    <row r="79" spans="1:4" ht="18" customHeight="1" x14ac:dyDescent="0.15">
      <c r="A79" s="5">
        <v>61</v>
      </c>
      <c r="B79" s="10">
        <v>11</v>
      </c>
      <c r="C79" s="14">
        <v>15</v>
      </c>
      <c r="D79" s="18">
        <v>26</v>
      </c>
    </row>
    <row r="80" spans="1:4" ht="18" customHeight="1" x14ac:dyDescent="0.15">
      <c r="A80" s="5">
        <v>62</v>
      </c>
      <c r="B80" s="10">
        <v>16</v>
      </c>
      <c r="C80" s="14">
        <v>18</v>
      </c>
      <c r="D80" s="18">
        <v>34</v>
      </c>
    </row>
    <row r="81" spans="1:4" ht="18" customHeight="1" x14ac:dyDescent="0.15">
      <c r="A81" s="5">
        <v>63</v>
      </c>
      <c r="B81" s="10">
        <v>22</v>
      </c>
      <c r="C81" s="14">
        <v>10</v>
      </c>
      <c r="D81" s="18">
        <v>32</v>
      </c>
    </row>
    <row r="82" spans="1:4" ht="18" customHeight="1" x14ac:dyDescent="0.15">
      <c r="A82" s="5">
        <v>64</v>
      </c>
      <c r="B82" s="10">
        <v>19</v>
      </c>
      <c r="C82" s="14">
        <v>16</v>
      </c>
      <c r="D82" s="18">
        <v>35</v>
      </c>
    </row>
    <row r="83" spans="1:4" ht="18" customHeight="1" x14ac:dyDescent="0.15">
      <c r="A83" s="5" t="s">
        <v>28</v>
      </c>
      <c r="B83" s="10">
        <v>81</v>
      </c>
      <c r="C83" s="14">
        <v>70</v>
      </c>
      <c r="D83" s="18">
        <v>151</v>
      </c>
    </row>
    <row r="84" spans="1:4" ht="18" customHeight="1" x14ac:dyDescent="0.15">
      <c r="A84" s="5" t="s">
        <v>31</v>
      </c>
      <c r="B84" s="10">
        <v>636</v>
      </c>
      <c r="C84" s="14">
        <v>624</v>
      </c>
      <c r="D84" s="18">
        <v>1260</v>
      </c>
    </row>
    <row r="85" spans="1:4" ht="18" customHeight="1" x14ac:dyDescent="0.15">
      <c r="A85" s="5">
        <v>65</v>
      </c>
      <c r="B85" s="10">
        <v>12</v>
      </c>
      <c r="C85" s="14">
        <v>29</v>
      </c>
      <c r="D85" s="18">
        <v>41</v>
      </c>
    </row>
    <row r="86" spans="1:4" ht="18" customHeight="1" x14ac:dyDescent="0.15">
      <c r="A86" s="5">
        <v>66</v>
      </c>
      <c r="B86" s="10">
        <v>14</v>
      </c>
      <c r="C86" s="14">
        <v>17</v>
      </c>
      <c r="D86" s="18">
        <v>31</v>
      </c>
    </row>
    <row r="87" spans="1:4" ht="18" customHeight="1" x14ac:dyDescent="0.15">
      <c r="A87" s="5">
        <v>67</v>
      </c>
      <c r="B87" s="10">
        <v>13</v>
      </c>
      <c r="C87" s="14">
        <v>18</v>
      </c>
      <c r="D87" s="18">
        <v>31</v>
      </c>
    </row>
    <row r="88" spans="1:4" ht="18" customHeight="1" x14ac:dyDescent="0.15">
      <c r="A88" s="5">
        <v>68</v>
      </c>
      <c r="B88" s="10">
        <v>13</v>
      </c>
      <c r="C88" s="14">
        <v>20</v>
      </c>
      <c r="D88" s="18">
        <v>33</v>
      </c>
    </row>
    <row r="89" spans="1:4" ht="18" customHeight="1" x14ac:dyDescent="0.15">
      <c r="A89" s="5">
        <v>69</v>
      </c>
      <c r="B89" s="10">
        <v>14</v>
      </c>
      <c r="C89" s="14">
        <v>17</v>
      </c>
      <c r="D89" s="18">
        <v>31</v>
      </c>
    </row>
    <row r="90" spans="1:4" ht="18" customHeight="1" x14ac:dyDescent="0.15">
      <c r="A90" s="5" t="s">
        <v>20</v>
      </c>
      <c r="B90" s="10">
        <v>66</v>
      </c>
      <c r="C90" s="14">
        <v>101</v>
      </c>
      <c r="D90" s="18">
        <v>167</v>
      </c>
    </row>
    <row r="91" spans="1:4" ht="18" customHeight="1" x14ac:dyDescent="0.15">
      <c r="A91" s="5">
        <v>70</v>
      </c>
      <c r="B91" s="10">
        <v>22</v>
      </c>
      <c r="C91" s="14">
        <v>16</v>
      </c>
      <c r="D91" s="18">
        <v>38</v>
      </c>
    </row>
    <row r="92" spans="1:4" ht="18" customHeight="1" x14ac:dyDescent="0.15">
      <c r="A92" s="5">
        <v>71</v>
      </c>
      <c r="B92" s="10">
        <v>17</v>
      </c>
      <c r="C92" s="14">
        <v>22</v>
      </c>
      <c r="D92" s="18">
        <v>39</v>
      </c>
    </row>
    <row r="93" spans="1:4" ht="18" customHeight="1" x14ac:dyDescent="0.15">
      <c r="A93" s="5">
        <v>72</v>
      </c>
      <c r="B93" s="10">
        <v>10</v>
      </c>
      <c r="C93" s="14">
        <v>12</v>
      </c>
      <c r="D93" s="18">
        <v>22</v>
      </c>
    </row>
    <row r="94" spans="1:4" ht="18" customHeight="1" x14ac:dyDescent="0.15">
      <c r="A94" s="5">
        <v>73</v>
      </c>
      <c r="B94" s="10">
        <v>17</v>
      </c>
      <c r="C94" s="14">
        <v>16</v>
      </c>
      <c r="D94" s="18">
        <v>33</v>
      </c>
    </row>
    <row r="95" spans="1:4" ht="18" customHeight="1" x14ac:dyDescent="0.15">
      <c r="A95" s="5">
        <v>74</v>
      </c>
      <c r="B95" s="10">
        <v>13</v>
      </c>
      <c r="C95" s="14">
        <v>16</v>
      </c>
      <c r="D95" s="18">
        <v>29</v>
      </c>
    </row>
    <row r="96" spans="1:4" ht="18" customHeight="1" x14ac:dyDescent="0.15">
      <c r="A96" s="5" t="s">
        <v>33</v>
      </c>
      <c r="B96" s="10">
        <v>79</v>
      </c>
      <c r="C96" s="14">
        <v>82</v>
      </c>
      <c r="D96" s="18">
        <v>161</v>
      </c>
    </row>
    <row r="97" spans="1:4" ht="18" customHeight="1" x14ac:dyDescent="0.15">
      <c r="A97" s="5">
        <v>75</v>
      </c>
      <c r="B97" s="10">
        <v>14</v>
      </c>
      <c r="C97" s="14">
        <v>18</v>
      </c>
      <c r="D97" s="18">
        <v>32</v>
      </c>
    </row>
    <row r="98" spans="1:4" ht="18" customHeight="1" x14ac:dyDescent="0.15">
      <c r="A98" s="5">
        <v>76</v>
      </c>
      <c r="B98" s="10">
        <v>9</v>
      </c>
      <c r="C98" s="14">
        <v>21</v>
      </c>
      <c r="D98" s="18">
        <v>30</v>
      </c>
    </row>
    <row r="99" spans="1:4" ht="18" customHeight="1" x14ac:dyDescent="0.15">
      <c r="A99" s="5">
        <v>77</v>
      </c>
      <c r="B99" s="10">
        <v>16</v>
      </c>
      <c r="C99" s="14">
        <v>20</v>
      </c>
      <c r="D99" s="18">
        <v>36</v>
      </c>
    </row>
    <row r="100" spans="1:4" ht="18" customHeight="1" x14ac:dyDescent="0.15">
      <c r="A100" s="5">
        <v>78</v>
      </c>
      <c r="B100" s="10">
        <v>12</v>
      </c>
      <c r="C100" s="14">
        <v>22</v>
      </c>
      <c r="D100" s="18">
        <v>34</v>
      </c>
    </row>
    <row r="101" spans="1:4" ht="18" customHeight="1" x14ac:dyDescent="0.15">
      <c r="A101" s="5">
        <v>79</v>
      </c>
      <c r="B101" s="10">
        <v>12</v>
      </c>
      <c r="C101" s="14">
        <v>21</v>
      </c>
      <c r="D101" s="18">
        <v>33</v>
      </c>
    </row>
    <row r="102" spans="1:4" ht="18" customHeight="1" x14ac:dyDescent="0.15">
      <c r="A102" s="5" t="s">
        <v>0</v>
      </c>
      <c r="B102" s="10">
        <v>63</v>
      </c>
      <c r="C102" s="14">
        <v>102</v>
      </c>
      <c r="D102" s="18">
        <v>165</v>
      </c>
    </row>
    <row r="103" spans="1:4" ht="18" customHeight="1" x14ac:dyDescent="0.15">
      <c r="A103" s="5">
        <v>80</v>
      </c>
      <c r="B103" s="10">
        <v>7</v>
      </c>
      <c r="C103" s="14">
        <v>10</v>
      </c>
      <c r="D103" s="18">
        <v>17</v>
      </c>
    </row>
    <row r="104" spans="1:4" ht="18" customHeight="1" x14ac:dyDescent="0.15">
      <c r="A104" s="5">
        <v>81</v>
      </c>
      <c r="B104" s="10">
        <v>17</v>
      </c>
      <c r="C104" s="14">
        <v>6</v>
      </c>
      <c r="D104" s="18">
        <v>23</v>
      </c>
    </row>
    <row r="105" spans="1:4" ht="18" customHeight="1" x14ac:dyDescent="0.15">
      <c r="A105" s="5">
        <v>82</v>
      </c>
      <c r="B105" s="10">
        <v>7</v>
      </c>
      <c r="C105" s="14">
        <v>17</v>
      </c>
      <c r="D105" s="18">
        <v>24</v>
      </c>
    </row>
    <row r="106" spans="1:4" ht="18" customHeight="1" x14ac:dyDescent="0.15">
      <c r="A106" s="5">
        <v>83</v>
      </c>
      <c r="B106" s="10">
        <v>5</v>
      </c>
      <c r="C106" s="14">
        <v>13</v>
      </c>
      <c r="D106" s="18">
        <v>18</v>
      </c>
    </row>
    <row r="107" spans="1:4" ht="18" customHeight="1" x14ac:dyDescent="0.15">
      <c r="A107" s="5">
        <v>84</v>
      </c>
      <c r="B107" s="10">
        <v>7</v>
      </c>
      <c r="C107" s="14">
        <v>18</v>
      </c>
      <c r="D107" s="18">
        <v>25</v>
      </c>
    </row>
    <row r="108" spans="1:4" ht="18" customHeight="1" x14ac:dyDescent="0.15">
      <c r="A108" s="5" t="s">
        <v>35</v>
      </c>
      <c r="B108" s="10">
        <v>43</v>
      </c>
      <c r="C108" s="14">
        <v>64</v>
      </c>
      <c r="D108" s="18">
        <v>107</v>
      </c>
    </row>
    <row r="109" spans="1:4" ht="18" customHeight="1" x14ac:dyDescent="0.15">
      <c r="A109" s="5">
        <v>85</v>
      </c>
      <c r="B109" s="10">
        <v>10</v>
      </c>
      <c r="C109" s="14">
        <v>13</v>
      </c>
      <c r="D109" s="18">
        <v>23</v>
      </c>
    </row>
    <row r="110" spans="1:4" ht="18" customHeight="1" x14ac:dyDescent="0.15">
      <c r="A110" s="5">
        <v>86</v>
      </c>
      <c r="B110" s="10">
        <v>8</v>
      </c>
      <c r="C110" s="14">
        <v>18</v>
      </c>
      <c r="D110" s="18">
        <v>26</v>
      </c>
    </row>
    <row r="111" spans="1:4" ht="18" customHeight="1" x14ac:dyDescent="0.15">
      <c r="A111" s="5">
        <v>87</v>
      </c>
      <c r="B111" s="10">
        <v>4</v>
      </c>
      <c r="C111" s="14">
        <v>2</v>
      </c>
      <c r="D111" s="18">
        <v>6</v>
      </c>
    </row>
    <row r="112" spans="1:4" ht="18" customHeight="1" x14ac:dyDescent="0.15">
      <c r="A112" s="5">
        <v>88</v>
      </c>
      <c r="B112" s="10">
        <v>3</v>
      </c>
      <c r="C112" s="14">
        <v>10</v>
      </c>
      <c r="D112" s="18">
        <v>13</v>
      </c>
    </row>
    <row r="113" spans="1:4" ht="18" customHeight="1" x14ac:dyDescent="0.15">
      <c r="A113" s="5">
        <v>89</v>
      </c>
      <c r="B113" s="10">
        <v>1</v>
      </c>
      <c r="C113" s="14">
        <v>10</v>
      </c>
      <c r="D113" s="18">
        <v>11</v>
      </c>
    </row>
    <row r="114" spans="1:4" ht="18" customHeight="1" x14ac:dyDescent="0.15">
      <c r="A114" s="5" t="s">
        <v>37</v>
      </c>
      <c r="B114" s="10">
        <v>26</v>
      </c>
      <c r="C114" s="14">
        <v>53</v>
      </c>
      <c r="D114" s="18">
        <v>79</v>
      </c>
    </row>
    <row r="115" spans="1:4" ht="18" customHeight="1" x14ac:dyDescent="0.15">
      <c r="A115" s="5">
        <v>90</v>
      </c>
      <c r="B115" s="10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10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10">
        <v>6</v>
      </c>
      <c r="C117" s="14">
        <v>6</v>
      </c>
      <c r="D117" s="18">
        <v>12</v>
      </c>
    </row>
    <row r="118" spans="1:4" ht="18" customHeight="1" x14ac:dyDescent="0.15">
      <c r="A118" s="5">
        <v>93</v>
      </c>
      <c r="B118" s="10">
        <v>5</v>
      </c>
      <c r="C118" s="14">
        <v>9</v>
      </c>
      <c r="D118" s="18">
        <v>14</v>
      </c>
    </row>
    <row r="119" spans="1:4" ht="18" customHeight="1" x14ac:dyDescent="0.15">
      <c r="A119" s="5">
        <v>94</v>
      </c>
      <c r="B119" s="10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10">
        <v>19</v>
      </c>
      <c r="C120" s="14">
        <v>39</v>
      </c>
      <c r="D120" s="18">
        <v>58</v>
      </c>
    </row>
    <row r="121" spans="1:4" ht="18" customHeight="1" x14ac:dyDescent="0.15">
      <c r="A121" s="5">
        <v>95</v>
      </c>
      <c r="B121" s="10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10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10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10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10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10">
        <v>3</v>
      </c>
      <c r="C126" s="14">
        <v>10</v>
      </c>
      <c r="D126" s="18">
        <v>13</v>
      </c>
    </row>
    <row r="127" spans="1:4" ht="18" customHeight="1" x14ac:dyDescent="0.15">
      <c r="A127" s="5">
        <v>100</v>
      </c>
      <c r="B127" s="10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10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10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10">
        <v>299</v>
      </c>
      <c r="C130" s="14">
        <v>455</v>
      </c>
      <c r="D130" s="18">
        <v>754</v>
      </c>
    </row>
    <row r="131" spans="1:4" ht="18" customHeight="1" x14ac:dyDescent="0.15">
      <c r="A131" s="7" t="s">
        <v>45</v>
      </c>
      <c r="B131" s="11">
        <v>1055</v>
      </c>
      <c r="C131" s="15">
        <v>1188</v>
      </c>
      <c r="D131" s="19">
        <v>22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16</v>
      </c>
      <c r="D5" s="17">
        <v>27</v>
      </c>
    </row>
    <row r="6" spans="1:4" ht="18" customHeight="1" x14ac:dyDescent="0.15">
      <c r="A6" s="5">
        <v>1</v>
      </c>
      <c r="B6" s="22">
        <v>15</v>
      </c>
      <c r="C6" s="14">
        <v>11</v>
      </c>
      <c r="D6" s="18">
        <v>26</v>
      </c>
    </row>
    <row r="7" spans="1:4" ht="18" customHeight="1" x14ac:dyDescent="0.15">
      <c r="A7" s="5">
        <v>2</v>
      </c>
      <c r="B7" s="22">
        <v>19</v>
      </c>
      <c r="C7" s="14">
        <v>19</v>
      </c>
      <c r="D7" s="18">
        <v>38</v>
      </c>
    </row>
    <row r="8" spans="1:4" ht="18" customHeight="1" x14ac:dyDescent="0.15">
      <c r="A8" s="5">
        <v>3</v>
      </c>
      <c r="B8" s="22">
        <v>16</v>
      </c>
      <c r="C8" s="14">
        <v>23</v>
      </c>
      <c r="D8" s="18">
        <v>39</v>
      </c>
    </row>
    <row r="9" spans="1:4" ht="18" customHeight="1" x14ac:dyDescent="0.15">
      <c r="A9" s="5">
        <v>4</v>
      </c>
      <c r="B9" s="22">
        <v>14</v>
      </c>
      <c r="C9" s="14">
        <v>23</v>
      </c>
      <c r="D9" s="18">
        <v>37</v>
      </c>
    </row>
    <row r="10" spans="1:4" ht="18" customHeight="1" x14ac:dyDescent="0.15">
      <c r="A10" s="5" t="s">
        <v>7</v>
      </c>
      <c r="B10" s="22">
        <v>75</v>
      </c>
      <c r="C10" s="14">
        <v>92</v>
      </c>
      <c r="D10" s="18">
        <v>167</v>
      </c>
    </row>
    <row r="11" spans="1:4" ht="18" customHeight="1" x14ac:dyDescent="0.15">
      <c r="A11" s="5">
        <v>5</v>
      </c>
      <c r="B11" s="22">
        <v>26</v>
      </c>
      <c r="C11" s="14">
        <v>17</v>
      </c>
      <c r="D11" s="18">
        <v>43</v>
      </c>
    </row>
    <row r="12" spans="1:4" ht="18" customHeight="1" x14ac:dyDescent="0.15">
      <c r="A12" s="5">
        <v>6</v>
      </c>
      <c r="B12" s="22">
        <v>26</v>
      </c>
      <c r="C12" s="14">
        <v>15</v>
      </c>
      <c r="D12" s="18">
        <v>41</v>
      </c>
    </row>
    <row r="13" spans="1:4" ht="18" customHeight="1" x14ac:dyDescent="0.15">
      <c r="A13" s="5">
        <v>7</v>
      </c>
      <c r="B13" s="22">
        <v>23</v>
      </c>
      <c r="C13" s="14">
        <v>16</v>
      </c>
      <c r="D13" s="18">
        <v>39</v>
      </c>
    </row>
    <row r="14" spans="1:4" ht="18" customHeight="1" x14ac:dyDescent="0.15">
      <c r="A14" s="5">
        <v>8</v>
      </c>
      <c r="B14" s="22">
        <v>16</v>
      </c>
      <c r="C14" s="14">
        <v>19</v>
      </c>
      <c r="D14" s="18">
        <v>35</v>
      </c>
    </row>
    <row r="15" spans="1:4" ht="18" customHeight="1" x14ac:dyDescent="0.15">
      <c r="A15" s="5">
        <v>9</v>
      </c>
      <c r="B15" s="22">
        <v>22</v>
      </c>
      <c r="C15" s="14">
        <v>20</v>
      </c>
      <c r="D15" s="18">
        <v>42</v>
      </c>
    </row>
    <row r="16" spans="1:4" ht="18" customHeight="1" x14ac:dyDescent="0.15">
      <c r="A16" s="5" t="s">
        <v>11</v>
      </c>
      <c r="B16" s="22">
        <v>113</v>
      </c>
      <c r="C16" s="14">
        <v>87</v>
      </c>
      <c r="D16" s="18">
        <v>200</v>
      </c>
    </row>
    <row r="17" spans="1:4" ht="18" customHeight="1" x14ac:dyDescent="0.15">
      <c r="A17" s="5">
        <v>10</v>
      </c>
      <c r="B17" s="22">
        <v>25</v>
      </c>
      <c r="C17" s="14">
        <v>21</v>
      </c>
      <c r="D17" s="18">
        <v>46</v>
      </c>
    </row>
    <row r="18" spans="1:4" ht="18" customHeight="1" x14ac:dyDescent="0.15">
      <c r="A18" s="5">
        <v>11</v>
      </c>
      <c r="B18" s="22">
        <v>19</v>
      </c>
      <c r="C18" s="14">
        <v>26</v>
      </c>
      <c r="D18" s="18">
        <v>45</v>
      </c>
    </row>
    <row r="19" spans="1:4" ht="18" customHeight="1" x14ac:dyDescent="0.15">
      <c r="A19" s="5">
        <v>12</v>
      </c>
      <c r="B19" s="22">
        <v>23</v>
      </c>
      <c r="C19" s="14">
        <v>32</v>
      </c>
      <c r="D19" s="18">
        <v>55</v>
      </c>
    </row>
    <row r="20" spans="1:4" ht="18" customHeight="1" x14ac:dyDescent="0.15">
      <c r="A20" s="5">
        <v>13</v>
      </c>
      <c r="B20" s="22">
        <v>23</v>
      </c>
      <c r="C20" s="14">
        <v>21</v>
      </c>
      <c r="D20" s="18">
        <v>44</v>
      </c>
    </row>
    <row r="21" spans="1:4" ht="18" customHeight="1" x14ac:dyDescent="0.15">
      <c r="A21" s="5">
        <v>14</v>
      </c>
      <c r="B21" s="22">
        <v>26</v>
      </c>
      <c r="C21" s="14">
        <v>26</v>
      </c>
      <c r="D21" s="18">
        <v>52</v>
      </c>
    </row>
    <row r="22" spans="1:4" ht="18" customHeight="1" x14ac:dyDescent="0.15">
      <c r="A22" s="5" t="s">
        <v>12</v>
      </c>
      <c r="B22" s="22">
        <v>116</v>
      </c>
      <c r="C22" s="14">
        <v>126</v>
      </c>
      <c r="D22" s="18">
        <v>242</v>
      </c>
    </row>
    <row r="23" spans="1:4" ht="18" customHeight="1" x14ac:dyDescent="0.15">
      <c r="A23" s="5" t="s">
        <v>6</v>
      </c>
      <c r="B23" s="22">
        <v>304</v>
      </c>
      <c r="C23" s="14">
        <v>305</v>
      </c>
      <c r="D23" s="18">
        <v>609</v>
      </c>
    </row>
    <row r="24" spans="1:4" ht="18" customHeight="1" x14ac:dyDescent="0.15">
      <c r="A24" s="5">
        <v>15</v>
      </c>
      <c r="B24" s="22">
        <v>12</v>
      </c>
      <c r="C24" s="14">
        <v>24</v>
      </c>
      <c r="D24" s="18">
        <v>36</v>
      </c>
    </row>
    <row r="25" spans="1:4" ht="18" customHeight="1" x14ac:dyDescent="0.15">
      <c r="A25" s="5">
        <v>16</v>
      </c>
      <c r="B25" s="22">
        <v>24</v>
      </c>
      <c r="C25" s="14">
        <v>30</v>
      </c>
      <c r="D25" s="18">
        <v>54</v>
      </c>
    </row>
    <row r="26" spans="1:4" ht="18" customHeight="1" x14ac:dyDescent="0.15">
      <c r="A26" s="5">
        <v>17</v>
      </c>
      <c r="B26" s="22">
        <v>28</v>
      </c>
      <c r="C26" s="14">
        <v>22</v>
      </c>
      <c r="D26" s="18">
        <v>50</v>
      </c>
    </row>
    <row r="27" spans="1:4" ht="18" customHeight="1" x14ac:dyDescent="0.15">
      <c r="A27" s="5">
        <v>18</v>
      </c>
      <c r="B27" s="22">
        <v>19</v>
      </c>
      <c r="C27" s="14">
        <v>27</v>
      </c>
      <c r="D27" s="18">
        <v>46</v>
      </c>
    </row>
    <row r="28" spans="1:4" ht="18" customHeight="1" x14ac:dyDescent="0.15">
      <c r="A28" s="5">
        <v>19</v>
      </c>
      <c r="B28" s="22">
        <v>23</v>
      </c>
      <c r="C28" s="14">
        <v>27</v>
      </c>
      <c r="D28" s="18">
        <v>50</v>
      </c>
    </row>
    <row r="29" spans="1:4" ht="18" customHeight="1" x14ac:dyDescent="0.15">
      <c r="A29" s="5" t="s">
        <v>14</v>
      </c>
      <c r="B29" s="22">
        <v>106</v>
      </c>
      <c r="C29" s="14">
        <v>130</v>
      </c>
      <c r="D29" s="18">
        <v>236</v>
      </c>
    </row>
    <row r="30" spans="1:4" ht="18" customHeight="1" x14ac:dyDescent="0.15">
      <c r="A30" s="5">
        <v>20</v>
      </c>
      <c r="B30" s="22">
        <v>24</v>
      </c>
      <c r="C30" s="14">
        <v>20</v>
      </c>
      <c r="D30" s="18">
        <v>44</v>
      </c>
    </row>
    <row r="31" spans="1:4" ht="18" customHeight="1" x14ac:dyDescent="0.15">
      <c r="A31" s="5">
        <v>21</v>
      </c>
      <c r="B31" s="22">
        <v>22</v>
      </c>
      <c r="C31" s="14">
        <v>30</v>
      </c>
      <c r="D31" s="18">
        <v>52</v>
      </c>
    </row>
    <row r="32" spans="1:4" ht="18" customHeight="1" x14ac:dyDescent="0.15">
      <c r="A32" s="5">
        <v>22</v>
      </c>
      <c r="B32" s="22">
        <v>27</v>
      </c>
      <c r="C32" s="14">
        <v>31</v>
      </c>
      <c r="D32" s="18">
        <v>58</v>
      </c>
    </row>
    <row r="33" spans="1:4" ht="18" customHeight="1" x14ac:dyDescent="0.15">
      <c r="A33" s="5">
        <v>23</v>
      </c>
      <c r="B33" s="22">
        <v>25</v>
      </c>
      <c r="C33" s="14">
        <v>23</v>
      </c>
      <c r="D33" s="18">
        <v>48</v>
      </c>
    </row>
    <row r="34" spans="1:4" ht="18" customHeight="1" x14ac:dyDescent="0.15">
      <c r="A34" s="5">
        <v>24</v>
      </c>
      <c r="B34" s="22">
        <v>33</v>
      </c>
      <c r="C34" s="14">
        <v>18</v>
      </c>
      <c r="D34" s="18">
        <v>51</v>
      </c>
    </row>
    <row r="35" spans="1:4" ht="18" customHeight="1" x14ac:dyDescent="0.15">
      <c r="A35" s="5" t="s">
        <v>9</v>
      </c>
      <c r="B35" s="22">
        <v>131</v>
      </c>
      <c r="C35" s="14">
        <v>122</v>
      </c>
      <c r="D35" s="18">
        <v>253</v>
      </c>
    </row>
    <row r="36" spans="1:4" ht="18" customHeight="1" x14ac:dyDescent="0.15">
      <c r="A36" s="5">
        <v>25</v>
      </c>
      <c r="B36" s="22">
        <v>30</v>
      </c>
      <c r="C36" s="14">
        <v>19</v>
      </c>
      <c r="D36" s="18">
        <v>49</v>
      </c>
    </row>
    <row r="37" spans="1:4" ht="18" customHeight="1" x14ac:dyDescent="0.15">
      <c r="A37" s="5">
        <v>26</v>
      </c>
      <c r="B37" s="22">
        <v>25</v>
      </c>
      <c r="C37" s="14">
        <v>29</v>
      </c>
      <c r="D37" s="18">
        <v>54</v>
      </c>
    </row>
    <row r="38" spans="1:4" ht="18" customHeight="1" x14ac:dyDescent="0.15">
      <c r="A38" s="5">
        <v>27</v>
      </c>
      <c r="B38" s="22">
        <v>25</v>
      </c>
      <c r="C38" s="14">
        <v>24</v>
      </c>
      <c r="D38" s="18">
        <v>49</v>
      </c>
    </row>
    <row r="39" spans="1:4" ht="18" customHeight="1" x14ac:dyDescent="0.15">
      <c r="A39" s="5">
        <v>28</v>
      </c>
      <c r="B39" s="22">
        <v>35</v>
      </c>
      <c r="C39" s="14">
        <v>24</v>
      </c>
      <c r="D39" s="18">
        <v>59</v>
      </c>
    </row>
    <row r="40" spans="1:4" ht="18" customHeight="1" x14ac:dyDescent="0.15">
      <c r="A40" s="5">
        <v>29</v>
      </c>
      <c r="B40" s="22">
        <v>23</v>
      </c>
      <c r="C40" s="14">
        <v>27</v>
      </c>
      <c r="D40" s="18">
        <v>50</v>
      </c>
    </row>
    <row r="41" spans="1:4" ht="18" customHeight="1" x14ac:dyDescent="0.15">
      <c r="A41" s="5" t="s">
        <v>2</v>
      </c>
      <c r="B41" s="22">
        <v>138</v>
      </c>
      <c r="C41" s="14">
        <v>123</v>
      </c>
      <c r="D41" s="18">
        <v>261</v>
      </c>
    </row>
    <row r="42" spans="1:4" ht="18" customHeight="1" x14ac:dyDescent="0.15">
      <c r="A42" s="5">
        <v>30</v>
      </c>
      <c r="B42" s="22">
        <v>37</v>
      </c>
      <c r="C42" s="14">
        <v>21</v>
      </c>
      <c r="D42" s="18">
        <v>58</v>
      </c>
    </row>
    <row r="43" spans="1:4" ht="18" customHeight="1" x14ac:dyDescent="0.15">
      <c r="A43" s="5">
        <v>31</v>
      </c>
      <c r="B43" s="22">
        <v>32</v>
      </c>
      <c r="C43" s="14">
        <v>17</v>
      </c>
      <c r="D43" s="18">
        <v>49</v>
      </c>
    </row>
    <row r="44" spans="1:4" ht="18" customHeight="1" x14ac:dyDescent="0.15">
      <c r="A44" s="5">
        <v>32</v>
      </c>
      <c r="B44" s="22">
        <v>26</v>
      </c>
      <c r="C44" s="14">
        <v>23</v>
      </c>
      <c r="D44" s="18">
        <v>49</v>
      </c>
    </row>
    <row r="45" spans="1:4" ht="18" customHeight="1" x14ac:dyDescent="0.15">
      <c r="A45" s="5">
        <v>33</v>
      </c>
      <c r="B45" s="22">
        <v>35</v>
      </c>
      <c r="C45" s="14">
        <v>28</v>
      </c>
      <c r="D45" s="18">
        <v>63</v>
      </c>
    </row>
    <row r="46" spans="1:4" ht="18" customHeight="1" x14ac:dyDescent="0.15">
      <c r="A46" s="5">
        <v>34</v>
      </c>
      <c r="B46" s="22">
        <v>27</v>
      </c>
      <c r="C46" s="14">
        <v>28</v>
      </c>
      <c r="D46" s="18">
        <v>55</v>
      </c>
    </row>
    <row r="47" spans="1:4" ht="18" customHeight="1" x14ac:dyDescent="0.15">
      <c r="A47" s="5" t="s">
        <v>15</v>
      </c>
      <c r="B47" s="22">
        <v>157</v>
      </c>
      <c r="C47" s="14">
        <v>117</v>
      </c>
      <c r="D47" s="18">
        <v>274</v>
      </c>
    </row>
    <row r="48" spans="1:4" ht="18" customHeight="1" x14ac:dyDescent="0.15">
      <c r="A48" s="5">
        <v>35</v>
      </c>
      <c r="B48" s="22">
        <v>38</v>
      </c>
      <c r="C48" s="14">
        <v>27</v>
      </c>
      <c r="D48" s="18">
        <v>65</v>
      </c>
    </row>
    <row r="49" spans="1:4" ht="18" customHeight="1" x14ac:dyDescent="0.15">
      <c r="A49" s="5">
        <v>36</v>
      </c>
      <c r="B49" s="22">
        <v>22</v>
      </c>
      <c r="C49" s="14">
        <v>28</v>
      </c>
      <c r="D49" s="18">
        <v>50</v>
      </c>
    </row>
    <row r="50" spans="1:4" ht="18" customHeight="1" x14ac:dyDescent="0.15">
      <c r="A50" s="5">
        <v>37</v>
      </c>
      <c r="B50" s="22">
        <v>33</v>
      </c>
      <c r="C50" s="14">
        <v>22</v>
      </c>
      <c r="D50" s="18">
        <v>55</v>
      </c>
    </row>
    <row r="51" spans="1:4" ht="18" customHeight="1" x14ac:dyDescent="0.15">
      <c r="A51" s="5">
        <v>38</v>
      </c>
      <c r="B51" s="22">
        <v>36</v>
      </c>
      <c r="C51" s="14">
        <v>29</v>
      </c>
      <c r="D51" s="18">
        <v>65</v>
      </c>
    </row>
    <row r="52" spans="1:4" ht="18" customHeight="1" x14ac:dyDescent="0.15">
      <c r="A52" s="5">
        <v>39</v>
      </c>
      <c r="B52" s="22">
        <v>45</v>
      </c>
      <c r="C52" s="14">
        <v>27</v>
      </c>
      <c r="D52" s="18">
        <v>72</v>
      </c>
    </row>
    <row r="53" spans="1:4" ht="18" customHeight="1" x14ac:dyDescent="0.15">
      <c r="A53" s="5" t="s">
        <v>18</v>
      </c>
      <c r="B53" s="22">
        <v>174</v>
      </c>
      <c r="C53" s="14">
        <v>133</v>
      </c>
      <c r="D53" s="18">
        <v>307</v>
      </c>
    </row>
    <row r="54" spans="1:4" ht="18" customHeight="1" x14ac:dyDescent="0.15">
      <c r="A54" s="5">
        <v>40</v>
      </c>
      <c r="B54" s="22">
        <v>39</v>
      </c>
      <c r="C54" s="14">
        <v>30</v>
      </c>
      <c r="D54" s="18">
        <v>69</v>
      </c>
    </row>
    <row r="55" spans="1:4" ht="18" customHeight="1" x14ac:dyDescent="0.15">
      <c r="A55" s="5">
        <v>41</v>
      </c>
      <c r="B55" s="22">
        <v>25</v>
      </c>
      <c r="C55" s="14">
        <v>27</v>
      </c>
      <c r="D55" s="18">
        <v>52</v>
      </c>
    </row>
    <row r="56" spans="1:4" ht="18" customHeight="1" x14ac:dyDescent="0.15">
      <c r="A56" s="5">
        <v>42</v>
      </c>
      <c r="B56" s="22">
        <v>33</v>
      </c>
      <c r="C56" s="14">
        <v>37</v>
      </c>
      <c r="D56" s="18">
        <v>70</v>
      </c>
    </row>
    <row r="57" spans="1:4" ht="18" customHeight="1" x14ac:dyDescent="0.15">
      <c r="A57" s="5">
        <v>43</v>
      </c>
      <c r="B57" s="22">
        <v>36</v>
      </c>
      <c r="C57" s="14">
        <v>23</v>
      </c>
      <c r="D57" s="18">
        <v>59</v>
      </c>
    </row>
    <row r="58" spans="1:4" ht="18" customHeight="1" x14ac:dyDescent="0.15">
      <c r="A58" s="5">
        <v>44</v>
      </c>
      <c r="B58" s="22">
        <v>37</v>
      </c>
      <c r="C58" s="14">
        <v>35</v>
      </c>
      <c r="D58" s="18">
        <v>72</v>
      </c>
    </row>
    <row r="59" spans="1:4" ht="18" customHeight="1" x14ac:dyDescent="0.15">
      <c r="A59" s="5" t="s">
        <v>21</v>
      </c>
      <c r="B59" s="22">
        <v>170</v>
      </c>
      <c r="C59" s="14">
        <v>152</v>
      </c>
      <c r="D59" s="18">
        <v>322</v>
      </c>
    </row>
    <row r="60" spans="1:4" ht="18" customHeight="1" x14ac:dyDescent="0.15">
      <c r="A60" s="5">
        <v>45</v>
      </c>
      <c r="B60" s="22">
        <v>32</v>
      </c>
      <c r="C60" s="14">
        <v>35</v>
      </c>
      <c r="D60" s="18">
        <v>67</v>
      </c>
    </row>
    <row r="61" spans="1:4" ht="18" customHeight="1" x14ac:dyDescent="0.15">
      <c r="A61" s="5">
        <v>46</v>
      </c>
      <c r="B61" s="22">
        <v>35</v>
      </c>
      <c r="C61" s="14">
        <v>32</v>
      </c>
      <c r="D61" s="18">
        <v>67</v>
      </c>
    </row>
    <row r="62" spans="1:4" ht="18" customHeight="1" x14ac:dyDescent="0.15">
      <c r="A62" s="5">
        <v>47</v>
      </c>
      <c r="B62" s="22">
        <v>29</v>
      </c>
      <c r="C62" s="14">
        <v>35</v>
      </c>
      <c r="D62" s="18">
        <v>64</v>
      </c>
    </row>
    <row r="63" spans="1:4" ht="18" customHeight="1" x14ac:dyDescent="0.15">
      <c r="A63" s="5">
        <v>48</v>
      </c>
      <c r="B63" s="22">
        <v>47</v>
      </c>
      <c r="C63" s="14">
        <v>34</v>
      </c>
      <c r="D63" s="18">
        <v>81</v>
      </c>
    </row>
    <row r="64" spans="1:4" ht="18" customHeight="1" x14ac:dyDescent="0.15">
      <c r="A64" s="5">
        <v>49</v>
      </c>
      <c r="B64" s="22">
        <v>46</v>
      </c>
      <c r="C64" s="14">
        <v>40</v>
      </c>
      <c r="D64" s="18">
        <v>86</v>
      </c>
    </row>
    <row r="65" spans="1:4" ht="18" customHeight="1" x14ac:dyDescent="0.15">
      <c r="A65" s="5" t="s">
        <v>17</v>
      </c>
      <c r="B65" s="22">
        <v>189</v>
      </c>
      <c r="C65" s="14">
        <v>176</v>
      </c>
      <c r="D65" s="18">
        <v>365</v>
      </c>
    </row>
    <row r="66" spans="1:4" ht="18" customHeight="1" x14ac:dyDescent="0.15">
      <c r="A66" s="5">
        <v>50</v>
      </c>
      <c r="B66" s="22">
        <v>48</v>
      </c>
      <c r="C66" s="14">
        <v>42</v>
      </c>
      <c r="D66" s="18">
        <v>90</v>
      </c>
    </row>
    <row r="67" spans="1:4" ht="18" customHeight="1" x14ac:dyDescent="0.15">
      <c r="A67" s="5">
        <v>51</v>
      </c>
      <c r="B67" s="22">
        <v>39</v>
      </c>
      <c r="C67" s="14">
        <v>48</v>
      </c>
      <c r="D67" s="18">
        <v>87</v>
      </c>
    </row>
    <row r="68" spans="1:4" ht="18" customHeight="1" x14ac:dyDescent="0.15">
      <c r="A68" s="5">
        <v>52</v>
      </c>
      <c r="B68" s="22">
        <v>45</v>
      </c>
      <c r="C68" s="14">
        <v>39</v>
      </c>
      <c r="D68" s="18">
        <v>84</v>
      </c>
    </row>
    <row r="69" spans="1:4" ht="18" customHeight="1" x14ac:dyDescent="0.15">
      <c r="A69" s="5">
        <v>53</v>
      </c>
      <c r="B69" s="22">
        <v>49</v>
      </c>
      <c r="C69" s="14">
        <v>51</v>
      </c>
      <c r="D69" s="18">
        <v>100</v>
      </c>
    </row>
    <row r="70" spans="1:4" ht="18" customHeight="1" x14ac:dyDescent="0.15">
      <c r="A70" s="5">
        <v>54</v>
      </c>
      <c r="B70" s="22">
        <v>38</v>
      </c>
      <c r="C70" s="14">
        <v>39</v>
      </c>
      <c r="D70" s="18">
        <v>77</v>
      </c>
    </row>
    <row r="71" spans="1:4" ht="18" customHeight="1" x14ac:dyDescent="0.15">
      <c r="A71" s="5" t="s">
        <v>22</v>
      </c>
      <c r="B71" s="22">
        <v>219</v>
      </c>
      <c r="C71" s="14">
        <v>219</v>
      </c>
      <c r="D71" s="18">
        <v>438</v>
      </c>
    </row>
    <row r="72" spans="1:4" ht="18" customHeight="1" x14ac:dyDescent="0.15">
      <c r="A72" s="5">
        <v>55</v>
      </c>
      <c r="B72" s="22">
        <v>54</v>
      </c>
      <c r="C72" s="14">
        <v>41</v>
      </c>
      <c r="D72" s="18">
        <v>95</v>
      </c>
    </row>
    <row r="73" spans="1:4" ht="18" customHeight="1" x14ac:dyDescent="0.15">
      <c r="A73" s="5">
        <v>56</v>
      </c>
      <c r="B73" s="22">
        <v>50</v>
      </c>
      <c r="C73" s="14">
        <v>32</v>
      </c>
      <c r="D73" s="18">
        <v>82</v>
      </c>
    </row>
    <row r="74" spans="1:4" ht="18" customHeight="1" x14ac:dyDescent="0.15">
      <c r="A74" s="5">
        <v>57</v>
      </c>
      <c r="B74" s="22">
        <v>51</v>
      </c>
      <c r="C74" s="14">
        <v>44</v>
      </c>
      <c r="D74" s="18">
        <v>95</v>
      </c>
    </row>
    <row r="75" spans="1:4" ht="18" customHeight="1" x14ac:dyDescent="0.15">
      <c r="A75" s="5">
        <v>58</v>
      </c>
      <c r="B75" s="22">
        <v>35</v>
      </c>
      <c r="C75" s="14">
        <v>39</v>
      </c>
      <c r="D75" s="18">
        <v>74</v>
      </c>
    </row>
    <row r="76" spans="1:4" ht="18" customHeight="1" x14ac:dyDescent="0.15">
      <c r="A76" s="5">
        <v>59</v>
      </c>
      <c r="B76" s="22">
        <v>37</v>
      </c>
      <c r="C76" s="14">
        <v>42</v>
      </c>
      <c r="D76" s="18">
        <v>79</v>
      </c>
    </row>
    <row r="77" spans="1:4" ht="18" customHeight="1" x14ac:dyDescent="0.15">
      <c r="A77" s="5" t="s">
        <v>27</v>
      </c>
      <c r="B77" s="22">
        <v>227</v>
      </c>
      <c r="C77" s="14">
        <v>198</v>
      </c>
      <c r="D77" s="18">
        <v>425</v>
      </c>
    </row>
    <row r="78" spans="1:4" ht="18" customHeight="1" x14ac:dyDescent="0.15">
      <c r="A78" s="5">
        <v>60</v>
      </c>
      <c r="B78" s="22">
        <v>34</v>
      </c>
      <c r="C78" s="14">
        <v>22</v>
      </c>
      <c r="D78" s="18">
        <v>56</v>
      </c>
    </row>
    <row r="79" spans="1:4" ht="18" customHeight="1" x14ac:dyDescent="0.15">
      <c r="A79" s="5">
        <v>61</v>
      </c>
      <c r="B79" s="22">
        <v>41</v>
      </c>
      <c r="C79" s="14">
        <v>36</v>
      </c>
      <c r="D79" s="18">
        <v>77</v>
      </c>
    </row>
    <row r="80" spans="1:4" ht="18" customHeight="1" x14ac:dyDescent="0.15">
      <c r="A80" s="5">
        <v>62</v>
      </c>
      <c r="B80" s="22">
        <v>41</v>
      </c>
      <c r="C80" s="14">
        <v>38</v>
      </c>
      <c r="D80" s="18">
        <v>79</v>
      </c>
    </row>
    <row r="81" spans="1:4" ht="18" customHeight="1" x14ac:dyDescent="0.15">
      <c r="A81" s="5">
        <v>63</v>
      </c>
      <c r="B81" s="22">
        <v>31</v>
      </c>
      <c r="C81" s="14">
        <v>35</v>
      </c>
      <c r="D81" s="18">
        <v>66</v>
      </c>
    </row>
    <row r="82" spans="1:4" ht="18" customHeight="1" x14ac:dyDescent="0.15">
      <c r="A82" s="5">
        <v>64</v>
      </c>
      <c r="B82" s="22">
        <v>29</v>
      </c>
      <c r="C82" s="14">
        <v>28</v>
      </c>
      <c r="D82" s="18">
        <v>57</v>
      </c>
    </row>
    <row r="83" spans="1:4" ht="18" customHeight="1" x14ac:dyDescent="0.15">
      <c r="A83" s="5" t="s">
        <v>28</v>
      </c>
      <c r="B83" s="22">
        <v>176</v>
      </c>
      <c r="C83" s="14">
        <v>159</v>
      </c>
      <c r="D83" s="18">
        <v>335</v>
      </c>
    </row>
    <row r="84" spans="1:4" ht="18" customHeight="1" x14ac:dyDescent="0.15">
      <c r="A84" s="5" t="s">
        <v>31</v>
      </c>
      <c r="B84" s="22">
        <v>1687</v>
      </c>
      <c r="C84" s="14">
        <v>1529</v>
      </c>
      <c r="D84" s="18">
        <v>3216</v>
      </c>
    </row>
    <row r="85" spans="1:4" ht="18" customHeight="1" x14ac:dyDescent="0.15">
      <c r="A85" s="5">
        <v>65</v>
      </c>
      <c r="B85" s="22">
        <v>30</v>
      </c>
      <c r="C85" s="14">
        <v>29</v>
      </c>
      <c r="D85" s="18">
        <v>59</v>
      </c>
    </row>
    <row r="86" spans="1:4" ht="18" customHeight="1" x14ac:dyDescent="0.15">
      <c r="A86" s="5">
        <v>66</v>
      </c>
      <c r="B86" s="22">
        <v>29</v>
      </c>
      <c r="C86" s="14">
        <v>43</v>
      </c>
      <c r="D86" s="18">
        <v>72</v>
      </c>
    </row>
    <row r="87" spans="1:4" ht="18" customHeight="1" x14ac:dyDescent="0.15">
      <c r="A87" s="5">
        <v>67</v>
      </c>
      <c r="B87" s="22">
        <v>29</v>
      </c>
      <c r="C87" s="14">
        <v>30</v>
      </c>
      <c r="D87" s="18">
        <v>59</v>
      </c>
    </row>
    <row r="88" spans="1:4" ht="18" customHeight="1" x14ac:dyDescent="0.15">
      <c r="A88" s="5">
        <v>68</v>
      </c>
      <c r="B88" s="22">
        <v>30</v>
      </c>
      <c r="C88" s="14">
        <v>30</v>
      </c>
      <c r="D88" s="18">
        <v>60</v>
      </c>
    </row>
    <row r="89" spans="1:4" ht="18" customHeight="1" x14ac:dyDescent="0.15">
      <c r="A89" s="5">
        <v>69</v>
      </c>
      <c r="B89" s="22">
        <v>22</v>
      </c>
      <c r="C89" s="14">
        <v>36</v>
      </c>
      <c r="D89" s="18">
        <v>58</v>
      </c>
    </row>
    <row r="90" spans="1:4" ht="18" customHeight="1" x14ac:dyDescent="0.15">
      <c r="A90" s="5" t="s">
        <v>20</v>
      </c>
      <c r="B90" s="22">
        <v>140</v>
      </c>
      <c r="C90" s="14">
        <v>168</v>
      </c>
      <c r="D90" s="18">
        <v>308</v>
      </c>
    </row>
    <row r="91" spans="1:4" ht="18" customHeight="1" x14ac:dyDescent="0.15">
      <c r="A91" s="5">
        <v>70</v>
      </c>
      <c r="B91" s="22">
        <v>41</v>
      </c>
      <c r="C91" s="14">
        <v>46</v>
      </c>
      <c r="D91" s="18">
        <v>87</v>
      </c>
    </row>
    <row r="92" spans="1:4" ht="18" customHeight="1" x14ac:dyDescent="0.15">
      <c r="A92" s="5">
        <v>71</v>
      </c>
      <c r="B92" s="22">
        <v>37</v>
      </c>
      <c r="C92" s="14">
        <v>29</v>
      </c>
      <c r="D92" s="18">
        <v>66</v>
      </c>
    </row>
    <row r="93" spans="1:4" ht="18" customHeight="1" x14ac:dyDescent="0.15">
      <c r="A93" s="5">
        <v>72</v>
      </c>
      <c r="B93" s="22">
        <v>41</v>
      </c>
      <c r="C93" s="14">
        <v>39</v>
      </c>
      <c r="D93" s="18">
        <v>80</v>
      </c>
    </row>
    <row r="94" spans="1:4" ht="18" customHeight="1" x14ac:dyDescent="0.15">
      <c r="A94" s="5">
        <v>73</v>
      </c>
      <c r="B94" s="22">
        <v>40</v>
      </c>
      <c r="C94" s="14">
        <v>40</v>
      </c>
      <c r="D94" s="18">
        <v>80</v>
      </c>
    </row>
    <row r="95" spans="1:4" ht="18" customHeight="1" x14ac:dyDescent="0.15">
      <c r="A95" s="5">
        <v>74</v>
      </c>
      <c r="B95" s="22">
        <v>37</v>
      </c>
      <c r="C95" s="14">
        <v>42</v>
      </c>
      <c r="D95" s="18">
        <v>79</v>
      </c>
    </row>
    <row r="96" spans="1:4" ht="18" customHeight="1" x14ac:dyDescent="0.15">
      <c r="A96" s="5" t="s">
        <v>33</v>
      </c>
      <c r="B96" s="22">
        <v>196</v>
      </c>
      <c r="C96" s="14">
        <v>196</v>
      </c>
      <c r="D96" s="18">
        <v>392</v>
      </c>
    </row>
    <row r="97" spans="1:4" ht="18" customHeight="1" x14ac:dyDescent="0.15">
      <c r="A97" s="5">
        <v>75</v>
      </c>
      <c r="B97" s="22">
        <v>45</v>
      </c>
      <c r="C97" s="14">
        <v>49</v>
      </c>
      <c r="D97" s="18">
        <v>94</v>
      </c>
    </row>
    <row r="98" spans="1:4" ht="18" customHeight="1" x14ac:dyDescent="0.15">
      <c r="A98" s="5">
        <v>76</v>
      </c>
      <c r="B98" s="22">
        <v>40</v>
      </c>
      <c r="C98" s="14">
        <v>51</v>
      </c>
      <c r="D98" s="18">
        <v>91</v>
      </c>
    </row>
    <row r="99" spans="1:4" ht="18" customHeight="1" x14ac:dyDescent="0.15">
      <c r="A99" s="5">
        <v>77</v>
      </c>
      <c r="B99" s="22">
        <v>47</v>
      </c>
      <c r="C99" s="14">
        <v>55</v>
      </c>
      <c r="D99" s="18">
        <v>102</v>
      </c>
    </row>
    <row r="100" spans="1:4" ht="18" customHeight="1" x14ac:dyDescent="0.15">
      <c r="A100" s="5">
        <v>78</v>
      </c>
      <c r="B100" s="22">
        <v>41</v>
      </c>
      <c r="C100" s="14">
        <v>61</v>
      </c>
      <c r="D100" s="18">
        <v>102</v>
      </c>
    </row>
    <row r="101" spans="1:4" ht="18" customHeight="1" x14ac:dyDescent="0.15">
      <c r="A101" s="5">
        <v>79</v>
      </c>
      <c r="B101" s="22">
        <v>29</v>
      </c>
      <c r="C101" s="14">
        <v>52</v>
      </c>
      <c r="D101" s="18">
        <v>81</v>
      </c>
    </row>
    <row r="102" spans="1:4" ht="18" customHeight="1" x14ac:dyDescent="0.15">
      <c r="A102" s="5" t="s">
        <v>0</v>
      </c>
      <c r="B102" s="22">
        <v>202</v>
      </c>
      <c r="C102" s="14">
        <v>268</v>
      </c>
      <c r="D102" s="18">
        <v>470</v>
      </c>
    </row>
    <row r="103" spans="1:4" ht="18" customHeight="1" x14ac:dyDescent="0.15">
      <c r="A103" s="5">
        <v>80</v>
      </c>
      <c r="B103" s="22">
        <v>17</v>
      </c>
      <c r="C103" s="14">
        <v>23</v>
      </c>
      <c r="D103" s="18">
        <v>40</v>
      </c>
    </row>
    <row r="104" spans="1:4" ht="18" customHeight="1" x14ac:dyDescent="0.15">
      <c r="A104" s="5">
        <v>81</v>
      </c>
      <c r="B104" s="22">
        <v>26</v>
      </c>
      <c r="C104" s="14">
        <v>34</v>
      </c>
      <c r="D104" s="18">
        <v>60</v>
      </c>
    </row>
    <row r="105" spans="1:4" ht="18" customHeight="1" x14ac:dyDescent="0.15">
      <c r="A105" s="5">
        <v>82</v>
      </c>
      <c r="B105" s="22">
        <v>36</v>
      </c>
      <c r="C105" s="14">
        <v>42</v>
      </c>
      <c r="D105" s="18">
        <v>78</v>
      </c>
    </row>
    <row r="106" spans="1:4" ht="18" customHeight="1" x14ac:dyDescent="0.15">
      <c r="A106" s="5">
        <v>83</v>
      </c>
      <c r="B106" s="22">
        <v>36</v>
      </c>
      <c r="C106" s="14">
        <v>31</v>
      </c>
      <c r="D106" s="18">
        <v>67</v>
      </c>
    </row>
    <row r="107" spans="1:4" ht="18" customHeight="1" x14ac:dyDescent="0.15">
      <c r="A107" s="5">
        <v>84</v>
      </c>
      <c r="B107" s="22">
        <v>22</v>
      </c>
      <c r="C107" s="14">
        <v>39</v>
      </c>
      <c r="D107" s="18">
        <v>61</v>
      </c>
    </row>
    <row r="108" spans="1:4" ht="18" customHeight="1" x14ac:dyDescent="0.15">
      <c r="A108" s="5" t="s">
        <v>35</v>
      </c>
      <c r="B108" s="22">
        <v>137</v>
      </c>
      <c r="C108" s="14">
        <v>169</v>
      </c>
      <c r="D108" s="18">
        <v>306</v>
      </c>
    </row>
    <row r="109" spans="1:4" ht="18" customHeight="1" x14ac:dyDescent="0.15">
      <c r="A109" s="5">
        <v>85</v>
      </c>
      <c r="B109" s="22">
        <v>19</v>
      </c>
      <c r="C109" s="14">
        <v>34</v>
      </c>
      <c r="D109" s="18">
        <v>53</v>
      </c>
    </row>
    <row r="110" spans="1:4" ht="18" customHeight="1" x14ac:dyDescent="0.15">
      <c r="A110" s="5">
        <v>86</v>
      </c>
      <c r="B110" s="22">
        <v>12</v>
      </c>
      <c r="C110" s="14">
        <v>25</v>
      </c>
      <c r="D110" s="18">
        <v>37</v>
      </c>
    </row>
    <row r="111" spans="1:4" ht="18" customHeight="1" x14ac:dyDescent="0.15">
      <c r="A111" s="5">
        <v>87</v>
      </c>
      <c r="B111" s="22">
        <v>12</v>
      </c>
      <c r="C111" s="14">
        <v>23</v>
      </c>
      <c r="D111" s="18">
        <v>35</v>
      </c>
    </row>
    <row r="112" spans="1:4" ht="18" customHeight="1" x14ac:dyDescent="0.15">
      <c r="A112" s="5">
        <v>88</v>
      </c>
      <c r="B112" s="22">
        <v>12</v>
      </c>
      <c r="C112" s="14">
        <v>18</v>
      </c>
      <c r="D112" s="18">
        <v>30</v>
      </c>
    </row>
    <row r="113" spans="1:4" ht="18" customHeight="1" x14ac:dyDescent="0.15">
      <c r="A113" s="5">
        <v>89</v>
      </c>
      <c r="B113" s="22">
        <v>11</v>
      </c>
      <c r="C113" s="14">
        <v>16</v>
      </c>
      <c r="D113" s="18">
        <v>27</v>
      </c>
    </row>
    <row r="114" spans="1:4" ht="18" customHeight="1" x14ac:dyDescent="0.15">
      <c r="A114" s="5" t="s">
        <v>37</v>
      </c>
      <c r="B114" s="22">
        <v>66</v>
      </c>
      <c r="C114" s="14">
        <v>116</v>
      </c>
      <c r="D114" s="18">
        <v>182</v>
      </c>
    </row>
    <row r="115" spans="1:4" ht="18" customHeight="1" x14ac:dyDescent="0.15">
      <c r="A115" s="5">
        <v>90</v>
      </c>
      <c r="B115" s="22">
        <v>8</v>
      </c>
      <c r="C115" s="14">
        <v>25</v>
      </c>
      <c r="D115" s="18">
        <v>33</v>
      </c>
    </row>
    <row r="116" spans="1:4" ht="18" customHeight="1" x14ac:dyDescent="0.15">
      <c r="A116" s="5">
        <v>91</v>
      </c>
      <c r="B116" s="22">
        <v>6</v>
      </c>
      <c r="C116" s="14">
        <v>20</v>
      </c>
      <c r="D116" s="18">
        <v>26</v>
      </c>
    </row>
    <row r="117" spans="1:4" ht="18" customHeight="1" x14ac:dyDescent="0.15">
      <c r="A117" s="5">
        <v>92</v>
      </c>
      <c r="B117" s="22">
        <v>2</v>
      </c>
      <c r="C117" s="14">
        <v>12</v>
      </c>
      <c r="D117" s="18">
        <v>14</v>
      </c>
    </row>
    <row r="118" spans="1:4" ht="18" customHeight="1" x14ac:dyDescent="0.15">
      <c r="A118" s="5">
        <v>93</v>
      </c>
      <c r="B118" s="22">
        <v>9</v>
      </c>
      <c r="C118" s="14">
        <v>18</v>
      </c>
      <c r="D118" s="18">
        <v>27</v>
      </c>
    </row>
    <row r="119" spans="1:4" ht="18" customHeight="1" x14ac:dyDescent="0.15">
      <c r="A119" s="5">
        <v>94</v>
      </c>
      <c r="B119" s="22">
        <v>8</v>
      </c>
      <c r="C119" s="14">
        <v>9</v>
      </c>
      <c r="D119" s="18">
        <v>17</v>
      </c>
    </row>
    <row r="120" spans="1:4" ht="18" customHeight="1" x14ac:dyDescent="0.15">
      <c r="A120" s="5" t="s">
        <v>39</v>
      </c>
      <c r="B120" s="22">
        <v>33</v>
      </c>
      <c r="C120" s="14">
        <v>84</v>
      </c>
      <c r="D120" s="18">
        <v>117</v>
      </c>
    </row>
    <row r="121" spans="1:4" ht="18" customHeight="1" x14ac:dyDescent="0.15">
      <c r="A121" s="5">
        <v>95</v>
      </c>
      <c r="B121" s="22">
        <v>0</v>
      </c>
      <c r="C121" s="14">
        <v>12</v>
      </c>
      <c r="D121" s="18">
        <v>12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10</v>
      </c>
      <c r="D124" s="18">
        <v>1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9</v>
      </c>
      <c r="D129" s="18">
        <v>11</v>
      </c>
    </row>
    <row r="130" spans="1:4" ht="18" customHeight="1" x14ac:dyDescent="0.15">
      <c r="A130" s="5" t="s">
        <v>46</v>
      </c>
      <c r="B130" s="22">
        <v>781</v>
      </c>
      <c r="C130" s="14">
        <v>1047</v>
      </c>
      <c r="D130" s="18">
        <v>1828</v>
      </c>
    </row>
    <row r="131" spans="1:4" ht="18" customHeight="1" x14ac:dyDescent="0.15">
      <c r="A131" s="7" t="s">
        <v>45</v>
      </c>
      <c r="B131" s="23">
        <v>2772</v>
      </c>
      <c r="C131" s="15">
        <v>2881</v>
      </c>
      <c r="D131" s="19">
        <v>56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20</v>
      </c>
      <c r="D5" s="17">
        <v>36</v>
      </c>
    </row>
    <row r="6" spans="1:4" ht="18" customHeight="1" x14ac:dyDescent="0.15">
      <c r="A6" s="5">
        <v>1</v>
      </c>
      <c r="B6" s="22">
        <v>17</v>
      </c>
      <c r="C6" s="14">
        <v>23</v>
      </c>
      <c r="D6" s="18">
        <v>40</v>
      </c>
    </row>
    <row r="7" spans="1:4" ht="18" customHeight="1" x14ac:dyDescent="0.15">
      <c r="A7" s="5">
        <v>2</v>
      </c>
      <c r="B7" s="22">
        <v>17</v>
      </c>
      <c r="C7" s="14">
        <v>23</v>
      </c>
      <c r="D7" s="18">
        <v>40</v>
      </c>
    </row>
    <row r="8" spans="1:4" ht="18" customHeight="1" x14ac:dyDescent="0.15">
      <c r="A8" s="5">
        <v>3</v>
      </c>
      <c r="B8" s="22">
        <v>27</v>
      </c>
      <c r="C8" s="14">
        <v>17</v>
      </c>
      <c r="D8" s="18">
        <v>44</v>
      </c>
    </row>
    <row r="9" spans="1:4" ht="18" customHeight="1" x14ac:dyDescent="0.15">
      <c r="A9" s="5">
        <v>4</v>
      </c>
      <c r="B9" s="22">
        <v>31</v>
      </c>
      <c r="C9" s="14">
        <v>25</v>
      </c>
      <c r="D9" s="18">
        <v>56</v>
      </c>
    </row>
    <row r="10" spans="1:4" ht="18" customHeight="1" x14ac:dyDescent="0.15">
      <c r="A10" s="5" t="s">
        <v>7</v>
      </c>
      <c r="B10" s="22">
        <v>108</v>
      </c>
      <c r="C10" s="14">
        <v>108</v>
      </c>
      <c r="D10" s="18">
        <v>216</v>
      </c>
    </row>
    <row r="11" spans="1:4" ht="18" customHeight="1" x14ac:dyDescent="0.15">
      <c r="A11" s="5">
        <v>5</v>
      </c>
      <c r="B11" s="22">
        <v>23</v>
      </c>
      <c r="C11" s="14">
        <v>21</v>
      </c>
      <c r="D11" s="18">
        <v>44</v>
      </c>
    </row>
    <row r="12" spans="1:4" ht="18" customHeight="1" x14ac:dyDescent="0.15">
      <c r="A12" s="5">
        <v>6</v>
      </c>
      <c r="B12" s="22">
        <v>23</v>
      </c>
      <c r="C12" s="14">
        <v>18</v>
      </c>
      <c r="D12" s="18">
        <v>41</v>
      </c>
    </row>
    <row r="13" spans="1:4" ht="18" customHeight="1" x14ac:dyDescent="0.15">
      <c r="A13" s="5">
        <v>7</v>
      </c>
      <c r="B13" s="22">
        <v>22</v>
      </c>
      <c r="C13" s="14">
        <v>26</v>
      </c>
      <c r="D13" s="18">
        <v>48</v>
      </c>
    </row>
    <row r="14" spans="1:4" ht="18" customHeight="1" x14ac:dyDescent="0.15">
      <c r="A14" s="5">
        <v>8</v>
      </c>
      <c r="B14" s="22">
        <v>25</v>
      </c>
      <c r="C14" s="14">
        <v>16</v>
      </c>
      <c r="D14" s="18">
        <v>41</v>
      </c>
    </row>
    <row r="15" spans="1:4" ht="18" customHeight="1" x14ac:dyDescent="0.15">
      <c r="A15" s="5">
        <v>9</v>
      </c>
      <c r="B15" s="22">
        <v>31</v>
      </c>
      <c r="C15" s="14">
        <v>25</v>
      </c>
      <c r="D15" s="18">
        <v>56</v>
      </c>
    </row>
    <row r="16" spans="1:4" ht="18" customHeight="1" x14ac:dyDescent="0.15">
      <c r="A16" s="5" t="s">
        <v>11</v>
      </c>
      <c r="B16" s="22">
        <v>124</v>
      </c>
      <c r="C16" s="14">
        <v>106</v>
      </c>
      <c r="D16" s="18">
        <v>230</v>
      </c>
    </row>
    <row r="17" spans="1:4" ht="18" customHeight="1" x14ac:dyDescent="0.15">
      <c r="A17" s="5">
        <v>10</v>
      </c>
      <c r="B17" s="22">
        <v>23</v>
      </c>
      <c r="C17" s="14">
        <v>30</v>
      </c>
      <c r="D17" s="18">
        <v>53</v>
      </c>
    </row>
    <row r="18" spans="1:4" ht="18" customHeight="1" x14ac:dyDescent="0.15">
      <c r="A18" s="5">
        <v>11</v>
      </c>
      <c r="B18" s="22">
        <v>27</v>
      </c>
      <c r="C18" s="14">
        <v>29</v>
      </c>
      <c r="D18" s="18">
        <v>56</v>
      </c>
    </row>
    <row r="19" spans="1:4" ht="18" customHeight="1" x14ac:dyDescent="0.15">
      <c r="A19" s="5">
        <v>12</v>
      </c>
      <c r="B19" s="22">
        <v>29</v>
      </c>
      <c r="C19" s="14">
        <v>30</v>
      </c>
      <c r="D19" s="18">
        <v>59</v>
      </c>
    </row>
    <row r="20" spans="1:4" ht="18" customHeight="1" x14ac:dyDescent="0.15">
      <c r="A20" s="5">
        <v>13</v>
      </c>
      <c r="B20" s="22">
        <v>29</v>
      </c>
      <c r="C20" s="14">
        <v>31</v>
      </c>
      <c r="D20" s="18">
        <v>60</v>
      </c>
    </row>
    <row r="21" spans="1:4" ht="18" customHeight="1" x14ac:dyDescent="0.15">
      <c r="A21" s="5">
        <v>14</v>
      </c>
      <c r="B21" s="22">
        <v>40</v>
      </c>
      <c r="C21" s="14">
        <v>30</v>
      </c>
      <c r="D21" s="18">
        <v>70</v>
      </c>
    </row>
    <row r="22" spans="1:4" ht="18" customHeight="1" x14ac:dyDescent="0.15">
      <c r="A22" s="5" t="s">
        <v>12</v>
      </c>
      <c r="B22" s="22">
        <v>148</v>
      </c>
      <c r="C22" s="14">
        <v>150</v>
      </c>
      <c r="D22" s="18">
        <v>298</v>
      </c>
    </row>
    <row r="23" spans="1:4" ht="18" customHeight="1" x14ac:dyDescent="0.15">
      <c r="A23" s="5" t="s">
        <v>6</v>
      </c>
      <c r="B23" s="22">
        <v>380</v>
      </c>
      <c r="C23" s="14">
        <v>364</v>
      </c>
      <c r="D23" s="18">
        <v>744</v>
      </c>
    </row>
    <row r="24" spans="1:4" ht="18" customHeight="1" x14ac:dyDescent="0.15">
      <c r="A24" s="5">
        <v>15</v>
      </c>
      <c r="B24" s="22">
        <v>30</v>
      </c>
      <c r="C24" s="14">
        <v>21</v>
      </c>
      <c r="D24" s="18">
        <v>51</v>
      </c>
    </row>
    <row r="25" spans="1:4" ht="18" customHeight="1" x14ac:dyDescent="0.15">
      <c r="A25" s="5">
        <v>16</v>
      </c>
      <c r="B25" s="22">
        <v>35</v>
      </c>
      <c r="C25" s="14">
        <v>27</v>
      </c>
      <c r="D25" s="18">
        <v>62</v>
      </c>
    </row>
    <row r="26" spans="1:4" ht="18" customHeight="1" x14ac:dyDescent="0.15">
      <c r="A26" s="5">
        <v>17</v>
      </c>
      <c r="B26" s="22">
        <v>33</v>
      </c>
      <c r="C26" s="14">
        <v>29</v>
      </c>
      <c r="D26" s="18">
        <v>62</v>
      </c>
    </row>
    <row r="27" spans="1:4" ht="18" customHeight="1" x14ac:dyDescent="0.15">
      <c r="A27" s="5">
        <v>18</v>
      </c>
      <c r="B27" s="22">
        <v>32</v>
      </c>
      <c r="C27" s="14">
        <v>29</v>
      </c>
      <c r="D27" s="18">
        <v>61</v>
      </c>
    </row>
    <row r="28" spans="1:4" ht="18" customHeight="1" x14ac:dyDescent="0.15">
      <c r="A28" s="5">
        <v>19</v>
      </c>
      <c r="B28" s="22">
        <v>34</v>
      </c>
      <c r="C28" s="14">
        <v>38</v>
      </c>
      <c r="D28" s="18">
        <v>72</v>
      </c>
    </row>
    <row r="29" spans="1:4" ht="18" customHeight="1" x14ac:dyDescent="0.15">
      <c r="A29" s="5" t="s">
        <v>14</v>
      </c>
      <c r="B29" s="22">
        <v>164</v>
      </c>
      <c r="C29" s="14">
        <v>144</v>
      </c>
      <c r="D29" s="18">
        <v>308</v>
      </c>
    </row>
    <row r="30" spans="1:4" ht="18" customHeight="1" x14ac:dyDescent="0.15">
      <c r="A30" s="5">
        <v>20</v>
      </c>
      <c r="B30" s="22">
        <v>37</v>
      </c>
      <c r="C30" s="14">
        <v>31</v>
      </c>
      <c r="D30" s="18">
        <v>68</v>
      </c>
    </row>
    <row r="31" spans="1:4" ht="18" customHeight="1" x14ac:dyDescent="0.15">
      <c r="A31" s="5">
        <v>21</v>
      </c>
      <c r="B31" s="22">
        <v>39</v>
      </c>
      <c r="C31" s="14">
        <v>34</v>
      </c>
      <c r="D31" s="18">
        <v>73</v>
      </c>
    </row>
    <row r="32" spans="1:4" ht="18" customHeight="1" x14ac:dyDescent="0.15">
      <c r="A32" s="5">
        <v>22</v>
      </c>
      <c r="B32" s="22">
        <v>47</v>
      </c>
      <c r="C32" s="14">
        <v>41</v>
      </c>
      <c r="D32" s="18">
        <v>88</v>
      </c>
    </row>
    <row r="33" spans="1:4" ht="18" customHeight="1" x14ac:dyDescent="0.15">
      <c r="A33" s="5">
        <v>23</v>
      </c>
      <c r="B33" s="22">
        <v>46</v>
      </c>
      <c r="C33" s="14">
        <v>37</v>
      </c>
      <c r="D33" s="18">
        <v>83</v>
      </c>
    </row>
    <row r="34" spans="1:4" ht="18" customHeight="1" x14ac:dyDescent="0.15">
      <c r="A34" s="5">
        <v>24</v>
      </c>
      <c r="B34" s="22">
        <v>37</v>
      </c>
      <c r="C34" s="14">
        <v>32</v>
      </c>
      <c r="D34" s="18">
        <v>69</v>
      </c>
    </row>
    <row r="35" spans="1:4" ht="18" customHeight="1" x14ac:dyDescent="0.15">
      <c r="A35" s="5" t="s">
        <v>9</v>
      </c>
      <c r="B35" s="22">
        <v>206</v>
      </c>
      <c r="C35" s="14">
        <v>175</v>
      </c>
      <c r="D35" s="18">
        <v>381</v>
      </c>
    </row>
    <row r="36" spans="1:4" ht="18" customHeight="1" x14ac:dyDescent="0.15">
      <c r="A36" s="5">
        <v>25</v>
      </c>
      <c r="B36" s="22">
        <v>33</v>
      </c>
      <c r="C36" s="14">
        <v>28</v>
      </c>
      <c r="D36" s="18">
        <v>61</v>
      </c>
    </row>
    <row r="37" spans="1:4" ht="18" customHeight="1" x14ac:dyDescent="0.15">
      <c r="A37" s="5">
        <v>26</v>
      </c>
      <c r="B37" s="22">
        <v>37</v>
      </c>
      <c r="C37" s="14">
        <v>38</v>
      </c>
      <c r="D37" s="18">
        <v>75</v>
      </c>
    </row>
    <row r="38" spans="1:4" ht="18" customHeight="1" x14ac:dyDescent="0.15">
      <c r="A38" s="5">
        <v>27</v>
      </c>
      <c r="B38" s="22">
        <v>38</v>
      </c>
      <c r="C38" s="14">
        <v>39</v>
      </c>
      <c r="D38" s="18">
        <v>77</v>
      </c>
    </row>
    <row r="39" spans="1:4" ht="18" customHeight="1" x14ac:dyDescent="0.15">
      <c r="A39" s="5">
        <v>28</v>
      </c>
      <c r="B39" s="22">
        <v>25</v>
      </c>
      <c r="C39" s="14">
        <v>29</v>
      </c>
      <c r="D39" s="18">
        <v>54</v>
      </c>
    </row>
    <row r="40" spans="1:4" ht="18" customHeight="1" x14ac:dyDescent="0.15">
      <c r="A40" s="5">
        <v>29</v>
      </c>
      <c r="B40" s="22">
        <v>45</v>
      </c>
      <c r="C40" s="14">
        <v>35</v>
      </c>
      <c r="D40" s="18">
        <v>80</v>
      </c>
    </row>
    <row r="41" spans="1:4" ht="18" customHeight="1" x14ac:dyDescent="0.15">
      <c r="A41" s="5" t="s">
        <v>2</v>
      </c>
      <c r="B41" s="22">
        <v>178</v>
      </c>
      <c r="C41" s="14">
        <v>169</v>
      </c>
      <c r="D41" s="18">
        <v>347</v>
      </c>
    </row>
    <row r="42" spans="1:4" ht="18" customHeight="1" x14ac:dyDescent="0.15">
      <c r="A42" s="5">
        <v>30</v>
      </c>
      <c r="B42" s="22">
        <v>53</v>
      </c>
      <c r="C42" s="14">
        <v>27</v>
      </c>
      <c r="D42" s="18">
        <v>80</v>
      </c>
    </row>
    <row r="43" spans="1:4" ht="18" customHeight="1" x14ac:dyDescent="0.15">
      <c r="A43" s="5">
        <v>31</v>
      </c>
      <c r="B43" s="22">
        <v>36</v>
      </c>
      <c r="C43" s="14">
        <v>31</v>
      </c>
      <c r="D43" s="18">
        <v>67</v>
      </c>
    </row>
    <row r="44" spans="1:4" ht="18" customHeight="1" x14ac:dyDescent="0.15">
      <c r="A44" s="5">
        <v>32</v>
      </c>
      <c r="B44" s="22">
        <v>28</v>
      </c>
      <c r="C44" s="14">
        <v>28</v>
      </c>
      <c r="D44" s="18">
        <v>56</v>
      </c>
    </row>
    <row r="45" spans="1:4" ht="18" customHeight="1" x14ac:dyDescent="0.15">
      <c r="A45" s="5">
        <v>33</v>
      </c>
      <c r="B45" s="22">
        <v>31</v>
      </c>
      <c r="C45" s="14">
        <v>16</v>
      </c>
      <c r="D45" s="18">
        <v>47</v>
      </c>
    </row>
    <row r="46" spans="1:4" ht="18" customHeight="1" x14ac:dyDescent="0.15">
      <c r="A46" s="5">
        <v>34</v>
      </c>
      <c r="B46" s="22">
        <v>38</v>
      </c>
      <c r="C46" s="14">
        <v>17</v>
      </c>
      <c r="D46" s="18">
        <v>55</v>
      </c>
    </row>
    <row r="47" spans="1:4" ht="18" customHeight="1" x14ac:dyDescent="0.15">
      <c r="A47" s="5" t="s">
        <v>15</v>
      </c>
      <c r="B47" s="22">
        <v>186</v>
      </c>
      <c r="C47" s="14">
        <v>119</v>
      </c>
      <c r="D47" s="18">
        <v>305</v>
      </c>
    </row>
    <row r="48" spans="1:4" ht="18" customHeight="1" x14ac:dyDescent="0.15">
      <c r="A48" s="5">
        <v>35</v>
      </c>
      <c r="B48" s="22">
        <v>40</v>
      </c>
      <c r="C48" s="14">
        <v>27</v>
      </c>
      <c r="D48" s="18">
        <v>67</v>
      </c>
    </row>
    <row r="49" spans="1:4" ht="18" customHeight="1" x14ac:dyDescent="0.15">
      <c r="A49" s="5">
        <v>36</v>
      </c>
      <c r="B49" s="22">
        <v>36</v>
      </c>
      <c r="C49" s="14">
        <v>25</v>
      </c>
      <c r="D49" s="18">
        <v>61</v>
      </c>
    </row>
    <row r="50" spans="1:4" ht="18" customHeight="1" x14ac:dyDescent="0.15">
      <c r="A50" s="5">
        <v>37</v>
      </c>
      <c r="B50" s="22">
        <v>33</v>
      </c>
      <c r="C50" s="14">
        <v>33</v>
      </c>
      <c r="D50" s="18">
        <v>66</v>
      </c>
    </row>
    <row r="51" spans="1:4" ht="18" customHeight="1" x14ac:dyDescent="0.15">
      <c r="A51" s="5">
        <v>38</v>
      </c>
      <c r="B51" s="22">
        <v>27</v>
      </c>
      <c r="C51" s="14">
        <v>40</v>
      </c>
      <c r="D51" s="18">
        <v>67</v>
      </c>
    </row>
    <row r="52" spans="1:4" ht="18" customHeight="1" x14ac:dyDescent="0.15">
      <c r="A52" s="5">
        <v>39</v>
      </c>
      <c r="B52" s="22">
        <v>31</v>
      </c>
      <c r="C52" s="14">
        <v>40</v>
      </c>
      <c r="D52" s="18">
        <v>71</v>
      </c>
    </row>
    <row r="53" spans="1:4" ht="18" customHeight="1" x14ac:dyDescent="0.15">
      <c r="A53" s="5" t="s">
        <v>18</v>
      </c>
      <c r="B53" s="22">
        <v>167</v>
      </c>
      <c r="C53" s="14">
        <v>165</v>
      </c>
      <c r="D53" s="18">
        <v>332</v>
      </c>
    </row>
    <row r="54" spans="1:4" ht="18" customHeight="1" x14ac:dyDescent="0.15">
      <c r="A54" s="5">
        <v>40</v>
      </c>
      <c r="B54" s="22">
        <v>45</v>
      </c>
      <c r="C54" s="14">
        <v>41</v>
      </c>
      <c r="D54" s="18">
        <v>86</v>
      </c>
    </row>
    <row r="55" spans="1:4" ht="18" customHeight="1" x14ac:dyDescent="0.15">
      <c r="A55" s="5">
        <v>41</v>
      </c>
      <c r="B55" s="22">
        <v>49</v>
      </c>
      <c r="C55" s="14">
        <v>43</v>
      </c>
      <c r="D55" s="18">
        <v>92</v>
      </c>
    </row>
    <row r="56" spans="1:4" ht="18" customHeight="1" x14ac:dyDescent="0.15">
      <c r="A56" s="5">
        <v>42</v>
      </c>
      <c r="B56" s="22">
        <v>44</v>
      </c>
      <c r="C56" s="14">
        <v>27</v>
      </c>
      <c r="D56" s="18">
        <v>71</v>
      </c>
    </row>
    <row r="57" spans="1:4" ht="18" customHeight="1" x14ac:dyDescent="0.15">
      <c r="A57" s="5">
        <v>43</v>
      </c>
      <c r="B57" s="22">
        <v>38</v>
      </c>
      <c r="C57" s="14">
        <v>38</v>
      </c>
      <c r="D57" s="18">
        <v>76</v>
      </c>
    </row>
    <row r="58" spans="1:4" ht="18" customHeight="1" x14ac:dyDescent="0.15">
      <c r="A58" s="5">
        <v>44</v>
      </c>
      <c r="B58" s="22">
        <v>46</v>
      </c>
      <c r="C58" s="14">
        <v>56</v>
      </c>
      <c r="D58" s="18">
        <v>102</v>
      </c>
    </row>
    <row r="59" spans="1:4" ht="18" customHeight="1" x14ac:dyDescent="0.15">
      <c r="A59" s="5" t="s">
        <v>21</v>
      </c>
      <c r="B59" s="22">
        <v>222</v>
      </c>
      <c r="C59" s="14">
        <v>205</v>
      </c>
      <c r="D59" s="18">
        <v>427</v>
      </c>
    </row>
    <row r="60" spans="1:4" ht="18" customHeight="1" x14ac:dyDescent="0.15">
      <c r="A60" s="5">
        <v>45</v>
      </c>
      <c r="B60" s="22">
        <v>47</v>
      </c>
      <c r="C60" s="14">
        <v>37</v>
      </c>
      <c r="D60" s="18">
        <v>84</v>
      </c>
    </row>
    <row r="61" spans="1:4" ht="18" customHeight="1" x14ac:dyDescent="0.15">
      <c r="A61" s="5">
        <v>46</v>
      </c>
      <c r="B61" s="22">
        <v>38</v>
      </c>
      <c r="C61" s="14">
        <v>37</v>
      </c>
      <c r="D61" s="18">
        <v>75</v>
      </c>
    </row>
    <row r="62" spans="1:4" ht="18" customHeight="1" x14ac:dyDescent="0.15">
      <c r="A62" s="5">
        <v>47</v>
      </c>
      <c r="B62" s="22">
        <v>49</v>
      </c>
      <c r="C62" s="14">
        <v>36</v>
      </c>
      <c r="D62" s="18">
        <v>85</v>
      </c>
    </row>
    <row r="63" spans="1:4" ht="18" customHeight="1" x14ac:dyDescent="0.15">
      <c r="A63" s="5">
        <v>48</v>
      </c>
      <c r="B63" s="22">
        <v>39</v>
      </c>
      <c r="C63" s="14">
        <v>40</v>
      </c>
      <c r="D63" s="18">
        <v>79</v>
      </c>
    </row>
    <row r="64" spans="1:4" ht="18" customHeight="1" x14ac:dyDescent="0.15">
      <c r="A64" s="5">
        <v>49</v>
      </c>
      <c r="B64" s="22">
        <v>59</v>
      </c>
      <c r="C64" s="14">
        <v>57</v>
      </c>
      <c r="D64" s="18">
        <v>116</v>
      </c>
    </row>
    <row r="65" spans="1:4" ht="18" customHeight="1" x14ac:dyDescent="0.15">
      <c r="A65" s="5" t="s">
        <v>17</v>
      </c>
      <c r="B65" s="22">
        <v>232</v>
      </c>
      <c r="C65" s="14">
        <v>207</v>
      </c>
      <c r="D65" s="18">
        <v>439</v>
      </c>
    </row>
    <row r="66" spans="1:4" ht="18" customHeight="1" x14ac:dyDescent="0.15">
      <c r="A66" s="5">
        <v>50</v>
      </c>
      <c r="B66" s="22">
        <v>53</v>
      </c>
      <c r="C66" s="14">
        <v>63</v>
      </c>
      <c r="D66" s="18">
        <v>116</v>
      </c>
    </row>
    <row r="67" spans="1:4" ht="18" customHeight="1" x14ac:dyDescent="0.15">
      <c r="A67" s="5">
        <v>51</v>
      </c>
      <c r="B67" s="22">
        <v>62</v>
      </c>
      <c r="C67" s="14">
        <v>58</v>
      </c>
      <c r="D67" s="18">
        <v>120</v>
      </c>
    </row>
    <row r="68" spans="1:4" ht="18" customHeight="1" x14ac:dyDescent="0.15">
      <c r="A68" s="5">
        <v>52</v>
      </c>
      <c r="B68" s="22">
        <v>66</v>
      </c>
      <c r="C68" s="14">
        <v>65</v>
      </c>
      <c r="D68" s="18">
        <v>131</v>
      </c>
    </row>
    <row r="69" spans="1:4" ht="18" customHeight="1" x14ac:dyDescent="0.15">
      <c r="A69" s="5">
        <v>53</v>
      </c>
      <c r="B69" s="22">
        <v>70</v>
      </c>
      <c r="C69" s="14">
        <v>76</v>
      </c>
      <c r="D69" s="18">
        <v>146</v>
      </c>
    </row>
    <row r="70" spans="1:4" ht="18" customHeight="1" x14ac:dyDescent="0.15">
      <c r="A70" s="5">
        <v>54</v>
      </c>
      <c r="B70" s="22">
        <v>68</v>
      </c>
      <c r="C70" s="14">
        <v>55</v>
      </c>
      <c r="D70" s="18">
        <v>123</v>
      </c>
    </row>
    <row r="71" spans="1:4" ht="18" customHeight="1" x14ac:dyDescent="0.15">
      <c r="A71" s="5" t="s">
        <v>22</v>
      </c>
      <c r="B71" s="22">
        <v>319</v>
      </c>
      <c r="C71" s="14">
        <v>317</v>
      </c>
      <c r="D71" s="18">
        <v>636</v>
      </c>
    </row>
    <row r="72" spans="1:4" ht="18" customHeight="1" x14ac:dyDescent="0.15">
      <c r="A72" s="5">
        <v>55</v>
      </c>
      <c r="B72" s="22">
        <v>79</v>
      </c>
      <c r="C72" s="14">
        <v>62</v>
      </c>
      <c r="D72" s="18">
        <v>141</v>
      </c>
    </row>
    <row r="73" spans="1:4" ht="18" customHeight="1" x14ac:dyDescent="0.15">
      <c r="A73" s="5">
        <v>56</v>
      </c>
      <c r="B73" s="22">
        <v>58</v>
      </c>
      <c r="C73" s="14">
        <v>63</v>
      </c>
      <c r="D73" s="18">
        <v>121</v>
      </c>
    </row>
    <row r="74" spans="1:4" ht="18" customHeight="1" x14ac:dyDescent="0.15">
      <c r="A74" s="5">
        <v>57</v>
      </c>
      <c r="B74" s="22">
        <v>56</v>
      </c>
      <c r="C74" s="14">
        <v>66</v>
      </c>
      <c r="D74" s="18">
        <v>122</v>
      </c>
    </row>
    <row r="75" spans="1:4" ht="18" customHeight="1" x14ac:dyDescent="0.15">
      <c r="A75" s="5">
        <v>58</v>
      </c>
      <c r="B75" s="22">
        <v>63</v>
      </c>
      <c r="C75" s="14">
        <v>66</v>
      </c>
      <c r="D75" s="18">
        <v>129</v>
      </c>
    </row>
    <row r="76" spans="1:4" ht="18" customHeight="1" x14ac:dyDescent="0.15">
      <c r="A76" s="5">
        <v>59</v>
      </c>
      <c r="B76" s="22">
        <v>61</v>
      </c>
      <c r="C76" s="14">
        <v>53</v>
      </c>
      <c r="D76" s="18">
        <v>114</v>
      </c>
    </row>
    <row r="77" spans="1:4" ht="18" customHeight="1" x14ac:dyDescent="0.15">
      <c r="A77" s="5" t="s">
        <v>27</v>
      </c>
      <c r="B77" s="22">
        <v>317</v>
      </c>
      <c r="C77" s="14">
        <v>310</v>
      </c>
      <c r="D77" s="18">
        <v>627</v>
      </c>
    </row>
    <row r="78" spans="1:4" ht="18" customHeight="1" x14ac:dyDescent="0.15">
      <c r="A78" s="5">
        <v>60</v>
      </c>
      <c r="B78" s="22">
        <v>38</v>
      </c>
      <c r="C78" s="14">
        <v>55</v>
      </c>
      <c r="D78" s="18">
        <v>93</v>
      </c>
    </row>
    <row r="79" spans="1:4" ht="18" customHeight="1" x14ac:dyDescent="0.15">
      <c r="A79" s="5">
        <v>61</v>
      </c>
      <c r="B79" s="22">
        <v>40</v>
      </c>
      <c r="C79" s="14">
        <v>53</v>
      </c>
      <c r="D79" s="18">
        <v>93</v>
      </c>
    </row>
    <row r="80" spans="1:4" ht="18" customHeight="1" x14ac:dyDescent="0.15">
      <c r="A80" s="5">
        <v>62</v>
      </c>
      <c r="B80" s="22">
        <v>49</v>
      </c>
      <c r="C80" s="14">
        <v>43</v>
      </c>
      <c r="D80" s="18">
        <v>92</v>
      </c>
    </row>
    <row r="81" spans="1:4" ht="18" customHeight="1" x14ac:dyDescent="0.15">
      <c r="A81" s="5">
        <v>63</v>
      </c>
      <c r="B81" s="22">
        <v>42</v>
      </c>
      <c r="C81" s="14">
        <v>40</v>
      </c>
      <c r="D81" s="18">
        <v>82</v>
      </c>
    </row>
    <row r="82" spans="1:4" ht="18" customHeight="1" x14ac:dyDescent="0.15">
      <c r="A82" s="5">
        <v>64</v>
      </c>
      <c r="B82" s="22">
        <v>41</v>
      </c>
      <c r="C82" s="14">
        <v>41</v>
      </c>
      <c r="D82" s="18">
        <v>82</v>
      </c>
    </row>
    <row r="83" spans="1:4" ht="18" customHeight="1" x14ac:dyDescent="0.15">
      <c r="A83" s="5" t="s">
        <v>28</v>
      </c>
      <c r="B83" s="22">
        <v>210</v>
      </c>
      <c r="C83" s="14">
        <v>232</v>
      </c>
      <c r="D83" s="18">
        <v>442</v>
      </c>
    </row>
    <row r="84" spans="1:4" ht="18" customHeight="1" x14ac:dyDescent="0.15">
      <c r="A84" s="5" t="s">
        <v>31</v>
      </c>
      <c r="B84" s="22">
        <v>2201</v>
      </c>
      <c r="C84" s="14">
        <v>2043</v>
      </c>
      <c r="D84" s="18">
        <v>4244</v>
      </c>
    </row>
    <row r="85" spans="1:4" ht="18" customHeight="1" x14ac:dyDescent="0.15">
      <c r="A85" s="5">
        <v>65</v>
      </c>
      <c r="B85" s="22">
        <v>51</v>
      </c>
      <c r="C85" s="14">
        <v>45</v>
      </c>
      <c r="D85" s="18">
        <v>96</v>
      </c>
    </row>
    <row r="86" spans="1:4" ht="18" customHeight="1" x14ac:dyDescent="0.15">
      <c r="A86" s="5">
        <v>66</v>
      </c>
      <c r="B86" s="22">
        <v>41</v>
      </c>
      <c r="C86" s="14">
        <v>39</v>
      </c>
      <c r="D86" s="18">
        <v>80</v>
      </c>
    </row>
    <row r="87" spans="1:4" ht="18" customHeight="1" x14ac:dyDescent="0.15">
      <c r="A87" s="5">
        <v>67</v>
      </c>
      <c r="B87" s="22">
        <v>46</v>
      </c>
      <c r="C87" s="14">
        <v>50</v>
      </c>
      <c r="D87" s="18">
        <v>96</v>
      </c>
    </row>
    <row r="88" spans="1:4" ht="18" customHeight="1" x14ac:dyDescent="0.15">
      <c r="A88" s="5">
        <v>68</v>
      </c>
      <c r="B88" s="22">
        <v>38</v>
      </c>
      <c r="C88" s="14">
        <v>45</v>
      </c>
      <c r="D88" s="18">
        <v>83</v>
      </c>
    </row>
    <row r="89" spans="1:4" ht="18" customHeight="1" x14ac:dyDescent="0.15">
      <c r="A89" s="5">
        <v>69</v>
      </c>
      <c r="B89" s="22">
        <v>51</v>
      </c>
      <c r="C89" s="14">
        <v>48</v>
      </c>
      <c r="D89" s="18">
        <v>99</v>
      </c>
    </row>
    <row r="90" spans="1:4" ht="18" customHeight="1" x14ac:dyDescent="0.15">
      <c r="A90" s="5" t="s">
        <v>20</v>
      </c>
      <c r="B90" s="22">
        <v>227</v>
      </c>
      <c r="C90" s="14">
        <v>227</v>
      </c>
      <c r="D90" s="18">
        <v>454</v>
      </c>
    </row>
    <row r="91" spans="1:4" ht="18" customHeight="1" x14ac:dyDescent="0.15">
      <c r="A91" s="5">
        <v>70</v>
      </c>
      <c r="B91" s="22">
        <v>35</v>
      </c>
      <c r="C91" s="14">
        <v>39</v>
      </c>
      <c r="D91" s="18">
        <v>74</v>
      </c>
    </row>
    <row r="92" spans="1:4" ht="18" customHeight="1" x14ac:dyDescent="0.15">
      <c r="A92" s="5">
        <v>71</v>
      </c>
      <c r="B92" s="22">
        <v>43</v>
      </c>
      <c r="C92" s="14">
        <v>56</v>
      </c>
      <c r="D92" s="18">
        <v>99</v>
      </c>
    </row>
    <row r="93" spans="1:4" ht="18" customHeight="1" x14ac:dyDescent="0.15">
      <c r="A93" s="5">
        <v>72</v>
      </c>
      <c r="B93" s="22">
        <v>49</v>
      </c>
      <c r="C93" s="14">
        <v>54</v>
      </c>
      <c r="D93" s="18">
        <v>103</v>
      </c>
    </row>
    <row r="94" spans="1:4" ht="18" customHeight="1" x14ac:dyDescent="0.15">
      <c r="A94" s="5">
        <v>73</v>
      </c>
      <c r="B94" s="22">
        <v>47</v>
      </c>
      <c r="C94" s="14">
        <v>60</v>
      </c>
      <c r="D94" s="18">
        <v>107</v>
      </c>
    </row>
    <row r="95" spans="1:4" ht="18" customHeight="1" x14ac:dyDescent="0.15">
      <c r="A95" s="5">
        <v>74</v>
      </c>
      <c r="B95" s="22">
        <v>49</v>
      </c>
      <c r="C95" s="14">
        <v>51</v>
      </c>
      <c r="D95" s="18">
        <v>100</v>
      </c>
    </row>
    <row r="96" spans="1:4" ht="18" customHeight="1" x14ac:dyDescent="0.15">
      <c r="A96" s="5" t="s">
        <v>33</v>
      </c>
      <c r="B96" s="22">
        <v>223</v>
      </c>
      <c r="C96" s="14">
        <v>260</v>
      </c>
      <c r="D96" s="18">
        <v>483</v>
      </c>
    </row>
    <row r="97" spans="1:4" ht="18" customHeight="1" x14ac:dyDescent="0.15">
      <c r="A97" s="5">
        <v>75</v>
      </c>
      <c r="B97" s="22">
        <v>54</v>
      </c>
      <c r="C97" s="14">
        <v>64</v>
      </c>
      <c r="D97" s="18">
        <v>118</v>
      </c>
    </row>
    <row r="98" spans="1:4" ht="18" customHeight="1" x14ac:dyDescent="0.15">
      <c r="A98" s="5">
        <v>76</v>
      </c>
      <c r="B98" s="22">
        <v>57</v>
      </c>
      <c r="C98" s="14">
        <v>82</v>
      </c>
      <c r="D98" s="18">
        <v>139</v>
      </c>
    </row>
    <row r="99" spans="1:4" ht="18" customHeight="1" x14ac:dyDescent="0.15">
      <c r="A99" s="5">
        <v>77</v>
      </c>
      <c r="B99" s="22">
        <v>75</v>
      </c>
      <c r="C99" s="14">
        <v>78</v>
      </c>
      <c r="D99" s="18">
        <v>153</v>
      </c>
    </row>
    <row r="100" spans="1:4" ht="18" customHeight="1" x14ac:dyDescent="0.15">
      <c r="A100" s="5">
        <v>78</v>
      </c>
      <c r="B100" s="22">
        <v>61</v>
      </c>
      <c r="C100" s="14">
        <v>88</v>
      </c>
      <c r="D100" s="18">
        <v>149</v>
      </c>
    </row>
    <row r="101" spans="1:4" ht="18" customHeight="1" x14ac:dyDescent="0.15">
      <c r="A101" s="5">
        <v>79</v>
      </c>
      <c r="B101" s="22">
        <v>67</v>
      </c>
      <c r="C101" s="14">
        <v>46</v>
      </c>
      <c r="D101" s="18">
        <v>113</v>
      </c>
    </row>
    <row r="102" spans="1:4" ht="18" customHeight="1" x14ac:dyDescent="0.15">
      <c r="A102" s="5" t="s">
        <v>0</v>
      </c>
      <c r="B102" s="22">
        <v>314</v>
      </c>
      <c r="C102" s="14">
        <v>358</v>
      </c>
      <c r="D102" s="18">
        <v>672</v>
      </c>
    </row>
    <row r="103" spans="1:4" ht="18" customHeight="1" x14ac:dyDescent="0.15">
      <c r="A103" s="5">
        <v>80</v>
      </c>
      <c r="B103" s="22">
        <v>31</v>
      </c>
      <c r="C103" s="14">
        <v>36</v>
      </c>
      <c r="D103" s="18">
        <v>67</v>
      </c>
    </row>
    <row r="104" spans="1:4" ht="18" customHeight="1" x14ac:dyDescent="0.15">
      <c r="A104" s="5">
        <v>81</v>
      </c>
      <c r="B104" s="22">
        <v>44</v>
      </c>
      <c r="C104" s="14">
        <v>56</v>
      </c>
      <c r="D104" s="18">
        <v>100</v>
      </c>
    </row>
    <row r="105" spans="1:4" ht="18" customHeight="1" x14ac:dyDescent="0.15">
      <c r="A105" s="5">
        <v>82</v>
      </c>
      <c r="B105" s="22">
        <v>28</v>
      </c>
      <c r="C105" s="14">
        <v>46</v>
      </c>
      <c r="D105" s="18">
        <v>74</v>
      </c>
    </row>
    <row r="106" spans="1:4" ht="18" customHeight="1" x14ac:dyDescent="0.15">
      <c r="A106" s="5">
        <v>83</v>
      </c>
      <c r="B106" s="22">
        <v>35</v>
      </c>
      <c r="C106" s="14">
        <v>46</v>
      </c>
      <c r="D106" s="18">
        <v>81</v>
      </c>
    </row>
    <row r="107" spans="1:4" ht="18" customHeight="1" x14ac:dyDescent="0.15">
      <c r="A107" s="5">
        <v>84</v>
      </c>
      <c r="B107" s="22">
        <v>46</v>
      </c>
      <c r="C107" s="14">
        <v>50</v>
      </c>
      <c r="D107" s="18">
        <v>96</v>
      </c>
    </row>
    <row r="108" spans="1:4" ht="18" customHeight="1" x14ac:dyDescent="0.15">
      <c r="A108" s="5" t="s">
        <v>35</v>
      </c>
      <c r="B108" s="22">
        <v>184</v>
      </c>
      <c r="C108" s="14">
        <v>234</v>
      </c>
      <c r="D108" s="18">
        <v>418</v>
      </c>
    </row>
    <row r="109" spans="1:4" ht="18" customHeight="1" x14ac:dyDescent="0.15">
      <c r="A109" s="5">
        <v>85</v>
      </c>
      <c r="B109" s="22">
        <v>28</v>
      </c>
      <c r="C109" s="14">
        <v>45</v>
      </c>
      <c r="D109" s="18">
        <v>73</v>
      </c>
    </row>
    <row r="110" spans="1:4" ht="18" customHeight="1" x14ac:dyDescent="0.15">
      <c r="A110" s="5">
        <v>86</v>
      </c>
      <c r="B110" s="22">
        <v>12</v>
      </c>
      <c r="C110" s="14">
        <v>31</v>
      </c>
      <c r="D110" s="18">
        <v>43</v>
      </c>
    </row>
    <row r="111" spans="1:4" ht="18" customHeight="1" x14ac:dyDescent="0.15">
      <c r="A111" s="5">
        <v>87</v>
      </c>
      <c r="B111" s="22">
        <v>13</v>
      </c>
      <c r="C111" s="14">
        <v>20</v>
      </c>
      <c r="D111" s="18">
        <v>33</v>
      </c>
    </row>
    <row r="112" spans="1:4" ht="18" customHeight="1" x14ac:dyDescent="0.15">
      <c r="A112" s="5">
        <v>88</v>
      </c>
      <c r="B112" s="22">
        <v>20</v>
      </c>
      <c r="C112" s="14">
        <v>29</v>
      </c>
      <c r="D112" s="18">
        <v>49</v>
      </c>
    </row>
    <row r="113" spans="1:4" ht="18" customHeight="1" x14ac:dyDescent="0.15">
      <c r="A113" s="5">
        <v>89</v>
      </c>
      <c r="B113" s="22">
        <v>16</v>
      </c>
      <c r="C113" s="14">
        <v>22</v>
      </c>
      <c r="D113" s="18">
        <v>38</v>
      </c>
    </row>
    <row r="114" spans="1:4" ht="18" customHeight="1" x14ac:dyDescent="0.15">
      <c r="A114" s="5" t="s">
        <v>37</v>
      </c>
      <c r="B114" s="22">
        <v>89</v>
      </c>
      <c r="C114" s="14">
        <v>147</v>
      </c>
      <c r="D114" s="18">
        <v>236</v>
      </c>
    </row>
    <row r="115" spans="1:4" ht="18" customHeight="1" x14ac:dyDescent="0.15">
      <c r="A115" s="5">
        <v>90</v>
      </c>
      <c r="B115" s="22">
        <v>12</v>
      </c>
      <c r="C115" s="14">
        <v>36</v>
      </c>
      <c r="D115" s="18">
        <v>48</v>
      </c>
    </row>
    <row r="116" spans="1:4" ht="18" customHeight="1" x14ac:dyDescent="0.15">
      <c r="A116" s="5">
        <v>91</v>
      </c>
      <c r="B116" s="22">
        <v>6</v>
      </c>
      <c r="C116" s="14">
        <v>11</v>
      </c>
      <c r="D116" s="18">
        <v>17</v>
      </c>
    </row>
    <row r="117" spans="1:4" ht="18" customHeight="1" x14ac:dyDescent="0.15">
      <c r="A117" s="5">
        <v>92</v>
      </c>
      <c r="B117" s="22">
        <v>3</v>
      </c>
      <c r="C117" s="14">
        <v>17</v>
      </c>
      <c r="D117" s="18">
        <v>20</v>
      </c>
    </row>
    <row r="118" spans="1:4" ht="18" customHeight="1" x14ac:dyDescent="0.15">
      <c r="A118" s="5">
        <v>93</v>
      </c>
      <c r="B118" s="22">
        <v>6</v>
      </c>
      <c r="C118" s="14">
        <v>17</v>
      </c>
      <c r="D118" s="18">
        <v>23</v>
      </c>
    </row>
    <row r="119" spans="1:4" ht="18" customHeight="1" x14ac:dyDescent="0.15">
      <c r="A119" s="5">
        <v>94</v>
      </c>
      <c r="B119" s="22">
        <v>4</v>
      </c>
      <c r="C119" s="14">
        <v>15</v>
      </c>
      <c r="D119" s="18">
        <v>19</v>
      </c>
    </row>
    <row r="120" spans="1:4" ht="18" customHeight="1" x14ac:dyDescent="0.15">
      <c r="A120" s="5" t="s">
        <v>39</v>
      </c>
      <c r="B120" s="22">
        <v>31</v>
      </c>
      <c r="C120" s="14">
        <v>96</v>
      </c>
      <c r="D120" s="18">
        <v>127</v>
      </c>
    </row>
    <row r="121" spans="1:4" ht="18" customHeight="1" x14ac:dyDescent="0.15">
      <c r="A121" s="5">
        <v>95</v>
      </c>
      <c r="B121" s="22">
        <v>5</v>
      </c>
      <c r="C121" s="14">
        <v>1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7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5</v>
      </c>
      <c r="D125" s="18">
        <v>6</v>
      </c>
    </row>
    <row r="126" spans="1:4" ht="18" customHeight="1" x14ac:dyDescent="0.15">
      <c r="A126" s="5" t="s">
        <v>40</v>
      </c>
      <c r="B126" s="22">
        <v>8</v>
      </c>
      <c r="C126" s="14">
        <v>23</v>
      </c>
      <c r="D126" s="18">
        <v>3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76</v>
      </c>
      <c r="C130" s="14">
        <v>1349</v>
      </c>
      <c r="D130" s="18">
        <v>2425</v>
      </c>
    </row>
    <row r="131" spans="1:4" ht="18" customHeight="1" x14ac:dyDescent="0.15">
      <c r="A131" s="7" t="s">
        <v>45</v>
      </c>
      <c r="B131" s="23">
        <v>3657</v>
      </c>
      <c r="C131" s="15">
        <v>3756</v>
      </c>
      <c r="D131" s="19">
        <v>74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8</v>
      </c>
      <c r="C6" s="14">
        <v>6</v>
      </c>
      <c r="D6" s="18">
        <v>14</v>
      </c>
    </row>
    <row r="7" spans="1:4" ht="18" customHeight="1" x14ac:dyDescent="0.15">
      <c r="A7" s="5">
        <v>2</v>
      </c>
      <c r="B7" s="22">
        <v>6</v>
      </c>
      <c r="C7" s="14">
        <v>4</v>
      </c>
      <c r="D7" s="18">
        <v>10</v>
      </c>
    </row>
    <row r="8" spans="1:4" ht="18" customHeight="1" x14ac:dyDescent="0.15">
      <c r="A8" s="5">
        <v>3</v>
      </c>
      <c r="B8" s="22">
        <v>7</v>
      </c>
      <c r="C8" s="14">
        <v>5</v>
      </c>
      <c r="D8" s="18">
        <v>12</v>
      </c>
    </row>
    <row r="9" spans="1:4" ht="18" customHeight="1" x14ac:dyDescent="0.15">
      <c r="A9" s="5">
        <v>4</v>
      </c>
      <c r="B9" s="22">
        <v>5</v>
      </c>
      <c r="C9" s="14">
        <v>3</v>
      </c>
      <c r="D9" s="18">
        <v>8</v>
      </c>
    </row>
    <row r="10" spans="1:4" ht="18" customHeight="1" x14ac:dyDescent="0.15">
      <c r="A10" s="5" t="s">
        <v>7</v>
      </c>
      <c r="B10" s="22">
        <v>29</v>
      </c>
      <c r="C10" s="14">
        <v>20</v>
      </c>
      <c r="D10" s="18">
        <v>49</v>
      </c>
    </row>
    <row r="11" spans="1:4" ht="18" customHeight="1" x14ac:dyDescent="0.15">
      <c r="A11" s="5">
        <v>5</v>
      </c>
      <c r="B11" s="22">
        <v>6</v>
      </c>
      <c r="C11" s="14">
        <v>1</v>
      </c>
      <c r="D11" s="18">
        <v>7</v>
      </c>
    </row>
    <row r="12" spans="1:4" ht="18" customHeight="1" x14ac:dyDescent="0.15">
      <c r="A12" s="5">
        <v>6</v>
      </c>
      <c r="B12" s="22">
        <v>7</v>
      </c>
      <c r="C12" s="14">
        <v>4</v>
      </c>
      <c r="D12" s="18">
        <v>11</v>
      </c>
    </row>
    <row r="13" spans="1:4" ht="18" customHeight="1" x14ac:dyDescent="0.15">
      <c r="A13" s="5">
        <v>7</v>
      </c>
      <c r="B13" s="22">
        <v>4</v>
      </c>
      <c r="C13" s="14">
        <v>3</v>
      </c>
      <c r="D13" s="18">
        <v>7</v>
      </c>
    </row>
    <row r="14" spans="1:4" ht="18" customHeight="1" x14ac:dyDescent="0.15">
      <c r="A14" s="5">
        <v>8</v>
      </c>
      <c r="B14" s="22">
        <v>7</v>
      </c>
      <c r="C14" s="14">
        <v>7</v>
      </c>
      <c r="D14" s="18">
        <v>14</v>
      </c>
    </row>
    <row r="15" spans="1:4" ht="18" customHeight="1" x14ac:dyDescent="0.15">
      <c r="A15" s="5">
        <v>9</v>
      </c>
      <c r="B15" s="22">
        <v>3</v>
      </c>
      <c r="C15" s="14">
        <v>2</v>
      </c>
      <c r="D15" s="18">
        <v>5</v>
      </c>
    </row>
    <row r="16" spans="1:4" ht="18" customHeight="1" x14ac:dyDescent="0.15">
      <c r="A16" s="5" t="s">
        <v>11</v>
      </c>
      <c r="B16" s="22">
        <v>27</v>
      </c>
      <c r="C16" s="14">
        <v>17</v>
      </c>
      <c r="D16" s="18">
        <v>44</v>
      </c>
    </row>
    <row r="17" spans="1:4" ht="18" customHeight="1" x14ac:dyDescent="0.15">
      <c r="A17" s="5">
        <v>10</v>
      </c>
      <c r="B17" s="22">
        <v>9</v>
      </c>
      <c r="C17" s="14">
        <v>6</v>
      </c>
      <c r="D17" s="18">
        <v>15</v>
      </c>
    </row>
    <row r="18" spans="1:4" ht="18" customHeight="1" x14ac:dyDescent="0.15">
      <c r="A18" s="5">
        <v>11</v>
      </c>
      <c r="B18" s="22">
        <v>6</v>
      </c>
      <c r="C18" s="14">
        <v>9</v>
      </c>
      <c r="D18" s="18">
        <v>15</v>
      </c>
    </row>
    <row r="19" spans="1:4" ht="18" customHeight="1" x14ac:dyDescent="0.15">
      <c r="A19" s="5">
        <v>12</v>
      </c>
      <c r="B19" s="22">
        <v>6</v>
      </c>
      <c r="C19" s="14">
        <v>7</v>
      </c>
      <c r="D19" s="18">
        <v>13</v>
      </c>
    </row>
    <row r="20" spans="1:4" ht="18" customHeight="1" x14ac:dyDescent="0.15">
      <c r="A20" s="5">
        <v>13</v>
      </c>
      <c r="B20" s="22">
        <v>10</v>
      </c>
      <c r="C20" s="14">
        <v>10</v>
      </c>
      <c r="D20" s="18">
        <v>20</v>
      </c>
    </row>
    <row r="21" spans="1:4" ht="18" customHeight="1" x14ac:dyDescent="0.15">
      <c r="A21" s="5">
        <v>14</v>
      </c>
      <c r="B21" s="22">
        <v>5</v>
      </c>
      <c r="C21" s="14">
        <v>7</v>
      </c>
      <c r="D21" s="18">
        <v>12</v>
      </c>
    </row>
    <row r="22" spans="1:4" ht="18" customHeight="1" x14ac:dyDescent="0.15">
      <c r="A22" s="5" t="s">
        <v>12</v>
      </c>
      <c r="B22" s="22">
        <v>36</v>
      </c>
      <c r="C22" s="14">
        <v>39</v>
      </c>
      <c r="D22" s="18">
        <v>75</v>
      </c>
    </row>
    <row r="23" spans="1:4" ht="18" customHeight="1" x14ac:dyDescent="0.15">
      <c r="A23" s="5" t="s">
        <v>6</v>
      </c>
      <c r="B23" s="22">
        <v>92</v>
      </c>
      <c r="C23" s="14">
        <v>76</v>
      </c>
      <c r="D23" s="18">
        <v>168</v>
      </c>
    </row>
    <row r="24" spans="1:4" ht="18" customHeight="1" x14ac:dyDescent="0.15">
      <c r="A24" s="5">
        <v>15</v>
      </c>
      <c r="B24" s="22">
        <v>12</v>
      </c>
      <c r="C24" s="14">
        <v>10</v>
      </c>
      <c r="D24" s="18">
        <v>22</v>
      </c>
    </row>
    <row r="25" spans="1:4" ht="18" customHeight="1" x14ac:dyDescent="0.15">
      <c r="A25" s="5">
        <v>16</v>
      </c>
      <c r="B25" s="22">
        <v>3</v>
      </c>
      <c r="C25" s="14">
        <v>9</v>
      </c>
      <c r="D25" s="18">
        <v>12</v>
      </c>
    </row>
    <row r="26" spans="1:4" ht="18" customHeight="1" x14ac:dyDescent="0.15">
      <c r="A26" s="5">
        <v>17</v>
      </c>
      <c r="B26" s="22">
        <v>9</v>
      </c>
      <c r="C26" s="14">
        <v>11</v>
      </c>
      <c r="D26" s="18">
        <v>20</v>
      </c>
    </row>
    <row r="27" spans="1:4" ht="18" customHeight="1" x14ac:dyDescent="0.15">
      <c r="A27" s="5">
        <v>18</v>
      </c>
      <c r="B27" s="22">
        <v>6</v>
      </c>
      <c r="C27" s="14">
        <v>4</v>
      </c>
      <c r="D27" s="18">
        <v>10</v>
      </c>
    </row>
    <row r="28" spans="1:4" ht="18" customHeight="1" x14ac:dyDescent="0.15">
      <c r="A28" s="5">
        <v>19</v>
      </c>
      <c r="B28" s="22">
        <v>8</v>
      </c>
      <c r="C28" s="14">
        <v>10</v>
      </c>
      <c r="D28" s="18">
        <v>18</v>
      </c>
    </row>
    <row r="29" spans="1:4" ht="18" customHeight="1" x14ac:dyDescent="0.15">
      <c r="A29" s="5" t="s">
        <v>14</v>
      </c>
      <c r="B29" s="22">
        <v>38</v>
      </c>
      <c r="C29" s="14">
        <v>44</v>
      </c>
      <c r="D29" s="18">
        <v>82</v>
      </c>
    </row>
    <row r="30" spans="1:4" ht="18" customHeight="1" x14ac:dyDescent="0.15">
      <c r="A30" s="5">
        <v>20</v>
      </c>
      <c r="B30" s="22">
        <v>13</v>
      </c>
      <c r="C30" s="14">
        <v>17</v>
      </c>
      <c r="D30" s="18">
        <v>30</v>
      </c>
    </row>
    <row r="31" spans="1:4" ht="18" customHeight="1" x14ac:dyDescent="0.15">
      <c r="A31" s="5">
        <v>21</v>
      </c>
      <c r="B31" s="22">
        <v>13</v>
      </c>
      <c r="C31" s="14">
        <v>5</v>
      </c>
      <c r="D31" s="18">
        <v>18</v>
      </c>
    </row>
    <row r="32" spans="1:4" ht="18" customHeight="1" x14ac:dyDescent="0.15">
      <c r="A32" s="5">
        <v>22</v>
      </c>
      <c r="B32" s="22">
        <v>14</v>
      </c>
      <c r="C32" s="14">
        <v>7</v>
      </c>
      <c r="D32" s="18">
        <v>21</v>
      </c>
    </row>
    <row r="33" spans="1:4" ht="18" customHeight="1" x14ac:dyDescent="0.15">
      <c r="A33" s="5">
        <v>23</v>
      </c>
      <c r="B33" s="22">
        <v>6</v>
      </c>
      <c r="C33" s="14">
        <v>8</v>
      </c>
      <c r="D33" s="18">
        <v>14</v>
      </c>
    </row>
    <row r="34" spans="1:4" ht="18" customHeight="1" x14ac:dyDescent="0.15">
      <c r="A34" s="5">
        <v>24</v>
      </c>
      <c r="B34" s="22">
        <v>10</v>
      </c>
      <c r="C34" s="14">
        <v>6</v>
      </c>
      <c r="D34" s="18">
        <v>16</v>
      </c>
    </row>
    <row r="35" spans="1:4" ht="18" customHeight="1" x14ac:dyDescent="0.15">
      <c r="A35" s="5" t="s">
        <v>9</v>
      </c>
      <c r="B35" s="22">
        <v>56</v>
      </c>
      <c r="C35" s="14">
        <v>43</v>
      </c>
      <c r="D35" s="18">
        <v>99</v>
      </c>
    </row>
    <row r="36" spans="1:4" ht="18" customHeight="1" x14ac:dyDescent="0.15">
      <c r="A36" s="5">
        <v>25</v>
      </c>
      <c r="B36" s="22">
        <v>4</v>
      </c>
      <c r="C36" s="14">
        <v>9</v>
      </c>
      <c r="D36" s="18">
        <v>13</v>
      </c>
    </row>
    <row r="37" spans="1:4" ht="18" customHeight="1" x14ac:dyDescent="0.15">
      <c r="A37" s="5">
        <v>26</v>
      </c>
      <c r="B37" s="22">
        <v>8</v>
      </c>
      <c r="C37" s="14">
        <v>11</v>
      </c>
      <c r="D37" s="18">
        <v>19</v>
      </c>
    </row>
    <row r="38" spans="1:4" ht="18" customHeight="1" x14ac:dyDescent="0.15">
      <c r="A38" s="5">
        <v>27</v>
      </c>
      <c r="B38" s="22">
        <v>7</v>
      </c>
      <c r="C38" s="14">
        <v>2</v>
      </c>
      <c r="D38" s="18">
        <v>9</v>
      </c>
    </row>
    <row r="39" spans="1:4" ht="18" customHeight="1" x14ac:dyDescent="0.15">
      <c r="A39" s="5">
        <v>28</v>
      </c>
      <c r="B39" s="22">
        <v>5</v>
      </c>
      <c r="C39" s="14">
        <v>8</v>
      </c>
      <c r="D39" s="18">
        <v>13</v>
      </c>
    </row>
    <row r="40" spans="1:4" ht="18" customHeight="1" x14ac:dyDescent="0.15">
      <c r="A40" s="5">
        <v>29</v>
      </c>
      <c r="B40" s="22">
        <v>7</v>
      </c>
      <c r="C40" s="14">
        <v>5</v>
      </c>
      <c r="D40" s="18">
        <v>12</v>
      </c>
    </row>
    <row r="41" spans="1:4" ht="18" customHeight="1" x14ac:dyDescent="0.15">
      <c r="A41" s="5" t="s">
        <v>2</v>
      </c>
      <c r="B41" s="22">
        <v>31</v>
      </c>
      <c r="C41" s="14">
        <v>35</v>
      </c>
      <c r="D41" s="18">
        <v>66</v>
      </c>
    </row>
    <row r="42" spans="1:4" ht="18" customHeight="1" x14ac:dyDescent="0.15">
      <c r="A42" s="5">
        <v>30</v>
      </c>
      <c r="B42" s="22">
        <v>6</v>
      </c>
      <c r="C42" s="14">
        <v>3</v>
      </c>
      <c r="D42" s="18">
        <v>9</v>
      </c>
    </row>
    <row r="43" spans="1:4" ht="18" customHeight="1" x14ac:dyDescent="0.15">
      <c r="A43" s="5">
        <v>31</v>
      </c>
      <c r="B43" s="22">
        <v>5</v>
      </c>
      <c r="C43" s="14">
        <v>6</v>
      </c>
      <c r="D43" s="18">
        <v>11</v>
      </c>
    </row>
    <row r="44" spans="1:4" ht="18" customHeight="1" x14ac:dyDescent="0.15">
      <c r="A44" s="5">
        <v>32</v>
      </c>
      <c r="B44" s="22">
        <v>6</v>
      </c>
      <c r="C44" s="14">
        <v>7</v>
      </c>
      <c r="D44" s="18">
        <v>13</v>
      </c>
    </row>
    <row r="45" spans="1:4" ht="18" customHeight="1" x14ac:dyDescent="0.15">
      <c r="A45" s="5">
        <v>33</v>
      </c>
      <c r="B45" s="22">
        <v>6</v>
      </c>
      <c r="C45" s="14">
        <v>10</v>
      </c>
      <c r="D45" s="18">
        <v>16</v>
      </c>
    </row>
    <row r="46" spans="1:4" ht="18" customHeight="1" x14ac:dyDescent="0.15">
      <c r="A46" s="5">
        <v>34</v>
      </c>
      <c r="B46" s="22">
        <v>9</v>
      </c>
      <c r="C46" s="14">
        <v>7</v>
      </c>
      <c r="D46" s="18">
        <v>16</v>
      </c>
    </row>
    <row r="47" spans="1:4" ht="18" customHeight="1" x14ac:dyDescent="0.15">
      <c r="A47" s="5" t="s">
        <v>15</v>
      </c>
      <c r="B47" s="22">
        <v>32</v>
      </c>
      <c r="C47" s="14">
        <v>33</v>
      </c>
      <c r="D47" s="18">
        <v>65</v>
      </c>
    </row>
    <row r="48" spans="1:4" ht="18" customHeight="1" x14ac:dyDescent="0.15">
      <c r="A48" s="5">
        <v>35</v>
      </c>
      <c r="B48" s="22">
        <v>8</v>
      </c>
      <c r="C48" s="14">
        <v>11</v>
      </c>
      <c r="D48" s="18">
        <v>19</v>
      </c>
    </row>
    <row r="49" spans="1:4" ht="18" customHeight="1" x14ac:dyDescent="0.15">
      <c r="A49" s="5">
        <v>36</v>
      </c>
      <c r="B49" s="22">
        <v>6</v>
      </c>
      <c r="C49" s="14">
        <v>8</v>
      </c>
      <c r="D49" s="18">
        <v>14</v>
      </c>
    </row>
    <row r="50" spans="1:4" ht="18" customHeight="1" x14ac:dyDescent="0.15">
      <c r="A50" s="5">
        <v>37</v>
      </c>
      <c r="B50" s="22">
        <v>4</v>
      </c>
      <c r="C50" s="14">
        <v>5</v>
      </c>
      <c r="D50" s="18">
        <v>9</v>
      </c>
    </row>
    <row r="51" spans="1:4" ht="18" customHeight="1" x14ac:dyDescent="0.15">
      <c r="A51" s="5">
        <v>38</v>
      </c>
      <c r="B51" s="22">
        <v>6</v>
      </c>
      <c r="C51" s="14">
        <v>9</v>
      </c>
      <c r="D51" s="18">
        <v>15</v>
      </c>
    </row>
    <row r="52" spans="1:4" ht="18" customHeight="1" x14ac:dyDescent="0.15">
      <c r="A52" s="5">
        <v>39</v>
      </c>
      <c r="B52" s="22">
        <v>11</v>
      </c>
      <c r="C52" s="14">
        <v>6</v>
      </c>
      <c r="D52" s="18">
        <v>17</v>
      </c>
    </row>
    <row r="53" spans="1:4" ht="18" customHeight="1" x14ac:dyDescent="0.15">
      <c r="A53" s="5" t="s">
        <v>18</v>
      </c>
      <c r="B53" s="22">
        <v>35</v>
      </c>
      <c r="C53" s="14">
        <v>39</v>
      </c>
      <c r="D53" s="18">
        <v>74</v>
      </c>
    </row>
    <row r="54" spans="1:4" ht="18" customHeight="1" x14ac:dyDescent="0.15">
      <c r="A54" s="5">
        <v>40</v>
      </c>
      <c r="B54" s="22">
        <v>7</v>
      </c>
      <c r="C54" s="14">
        <v>6</v>
      </c>
      <c r="D54" s="18">
        <v>13</v>
      </c>
    </row>
    <row r="55" spans="1:4" ht="18" customHeight="1" x14ac:dyDescent="0.15">
      <c r="A55" s="5">
        <v>41</v>
      </c>
      <c r="B55" s="22">
        <v>11</v>
      </c>
      <c r="C55" s="14">
        <v>9</v>
      </c>
      <c r="D55" s="18">
        <v>20</v>
      </c>
    </row>
    <row r="56" spans="1:4" ht="18" customHeight="1" x14ac:dyDescent="0.15">
      <c r="A56" s="5">
        <v>42</v>
      </c>
      <c r="B56" s="22">
        <v>9</v>
      </c>
      <c r="C56" s="14">
        <v>9</v>
      </c>
      <c r="D56" s="18">
        <v>18</v>
      </c>
    </row>
    <row r="57" spans="1:4" ht="18" customHeight="1" x14ac:dyDescent="0.15">
      <c r="A57" s="5">
        <v>43</v>
      </c>
      <c r="B57" s="22">
        <v>16</v>
      </c>
      <c r="C57" s="14">
        <v>13</v>
      </c>
      <c r="D57" s="18">
        <v>29</v>
      </c>
    </row>
    <row r="58" spans="1:4" ht="18" customHeight="1" x14ac:dyDescent="0.15">
      <c r="A58" s="5">
        <v>44</v>
      </c>
      <c r="B58" s="22">
        <v>2</v>
      </c>
      <c r="C58" s="14">
        <v>10</v>
      </c>
      <c r="D58" s="18">
        <v>12</v>
      </c>
    </row>
    <row r="59" spans="1:4" ht="18" customHeight="1" x14ac:dyDescent="0.15">
      <c r="A59" s="5" t="s">
        <v>21</v>
      </c>
      <c r="B59" s="22">
        <v>45</v>
      </c>
      <c r="C59" s="14">
        <v>47</v>
      </c>
      <c r="D59" s="18">
        <v>92</v>
      </c>
    </row>
    <row r="60" spans="1:4" ht="18" customHeight="1" x14ac:dyDescent="0.15">
      <c r="A60" s="5">
        <v>45</v>
      </c>
      <c r="B60" s="22">
        <v>14</v>
      </c>
      <c r="C60" s="14">
        <v>12</v>
      </c>
      <c r="D60" s="18">
        <v>26</v>
      </c>
    </row>
    <row r="61" spans="1:4" ht="18" customHeight="1" x14ac:dyDescent="0.15">
      <c r="A61" s="5">
        <v>46</v>
      </c>
      <c r="B61" s="22">
        <v>21</v>
      </c>
      <c r="C61" s="14">
        <v>17</v>
      </c>
      <c r="D61" s="18">
        <v>38</v>
      </c>
    </row>
    <row r="62" spans="1:4" ht="18" customHeight="1" x14ac:dyDescent="0.15">
      <c r="A62" s="5">
        <v>47</v>
      </c>
      <c r="B62" s="22">
        <v>17</v>
      </c>
      <c r="C62" s="14">
        <v>12</v>
      </c>
      <c r="D62" s="18">
        <v>29</v>
      </c>
    </row>
    <row r="63" spans="1:4" ht="18" customHeight="1" x14ac:dyDescent="0.15">
      <c r="A63" s="5">
        <v>48</v>
      </c>
      <c r="B63" s="22">
        <v>13</v>
      </c>
      <c r="C63" s="14">
        <v>13</v>
      </c>
      <c r="D63" s="18">
        <v>26</v>
      </c>
    </row>
    <row r="64" spans="1:4" ht="18" customHeight="1" x14ac:dyDescent="0.15">
      <c r="A64" s="5">
        <v>49</v>
      </c>
      <c r="B64" s="22">
        <v>17</v>
      </c>
      <c r="C64" s="14">
        <v>19</v>
      </c>
      <c r="D64" s="18">
        <v>36</v>
      </c>
    </row>
    <row r="65" spans="1:4" ht="18" customHeight="1" x14ac:dyDescent="0.15">
      <c r="A65" s="5" t="s">
        <v>17</v>
      </c>
      <c r="B65" s="22">
        <v>82</v>
      </c>
      <c r="C65" s="14">
        <v>73</v>
      </c>
      <c r="D65" s="18">
        <v>155</v>
      </c>
    </row>
    <row r="66" spans="1:4" ht="18" customHeight="1" x14ac:dyDescent="0.15">
      <c r="A66" s="5">
        <v>50</v>
      </c>
      <c r="B66" s="22">
        <v>15</v>
      </c>
      <c r="C66" s="14">
        <v>9</v>
      </c>
      <c r="D66" s="18">
        <v>24</v>
      </c>
    </row>
    <row r="67" spans="1:4" ht="18" customHeight="1" x14ac:dyDescent="0.15">
      <c r="A67" s="5">
        <v>51</v>
      </c>
      <c r="B67" s="22">
        <v>19</v>
      </c>
      <c r="C67" s="14">
        <v>18</v>
      </c>
      <c r="D67" s="18">
        <v>37</v>
      </c>
    </row>
    <row r="68" spans="1:4" ht="18" customHeight="1" x14ac:dyDescent="0.15">
      <c r="A68" s="5">
        <v>52</v>
      </c>
      <c r="B68" s="22">
        <v>20</v>
      </c>
      <c r="C68" s="14">
        <v>22</v>
      </c>
      <c r="D68" s="18">
        <v>42</v>
      </c>
    </row>
    <row r="69" spans="1:4" ht="18" customHeight="1" x14ac:dyDescent="0.15">
      <c r="A69" s="5">
        <v>53</v>
      </c>
      <c r="B69" s="22">
        <v>17</v>
      </c>
      <c r="C69" s="14">
        <v>19</v>
      </c>
      <c r="D69" s="18">
        <v>36</v>
      </c>
    </row>
    <row r="70" spans="1:4" ht="18" customHeight="1" x14ac:dyDescent="0.15">
      <c r="A70" s="5">
        <v>54</v>
      </c>
      <c r="B70" s="22">
        <v>20</v>
      </c>
      <c r="C70" s="14">
        <v>22</v>
      </c>
      <c r="D70" s="18">
        <v>42</v>
      </c>
    </row>
    <row r="71" spans="1:4" ht="18" customHeight="1" x14ac:dyDescent="0.15">
      <c r="A71" s="5" t="s">
        <v>22</v>
      </c>
      <c r="B71" s="22">
        <v>91</v>
      </c>
      <c r="C71" s="14">
        <v>90</v>
      </c>
      <c r="D71" s="18">
        <v>181</v>
      </c>
    </row>
    <row r="72" spans="1:4" ht="18" customHeight="1" x14ac:dyDescent="0.15">
      <c r="A72" s="5">
        <v>55</v>
      </c>
      <c r="B72" s="22">
        <v>24</v>
      </c>
      <c r="C72" s="14">
        <v>20</v>
      </c>
      <c r="D72" s="18">
        <v>44</v>
      </c>
    </row>
    <row r="73" spans="1:4" ht="18" customHeight="1" x14ac:dyDescent="0.15">
      <c r="A73" s="5">
        <v>56</v>
      </c>
      <c r="B73" s="22">
        <v>12</v>
      </c>
      <c r="C73" s="14">
        <v>11</v>
      </c>
      <c r="D73" s="18">
        <v>23</v>
      </c>
    </row>
    <row r="74" spans="1:4" ht="18" customHeight="1" x14ac:dyDescent="0.15">
      <c r="A74" s="5">
        <v>57</v>
      </c>
      <c r="B74" s="22">
        <v>17</v>
      </c>
      <c r="C74" s="14">
        <v>16</v>
      </c>
      <c r="D74" s="18">
        <v>33</v>
      </c>
    </row>
    <row r="75" spans="1:4" ht="18" customHeight="1" x14ac:dyDescent="0.15">
      <c r="A75" s="5">
        <v>58</v>
      </c>
      <c r="B75" s="22">
        <v>17</v>
      </c>
      <c r="C75" s="14">
        <v>13</v>
      </c>
      <c r="D75" s="18">
        <v>30</v>
      </c>
    </row>
    <row r="76" spans="1:4" ht="18" customHeight="1" x14ac:dyDescent="0.15">
      <c r="A76" s="5">
        <v>59</v>
      </c>
      <c r="B76" s="22">
        <v>8</v>
      </c>
      <c r="C76" s="14">
        <v>15</v>
      </c>
      <c r="D76" s="18">
        <v>23</v>
      </c>
    </row>
    <row r="77" spans="1:4" ht="18" customHeight="1" x14ac:dyDescent="0.15">
      <c r="A77" s="5" t="s">
        <v>27</v>
      </c>
      <c r="B77" s="22">
        <v>78</v>
      </c>
      <c r="C77" s="14">
        <v>75</v>
      </c>
      <c r="D77" s="18">
        <v>153</v>
      </c>
    </row>
    <row r="78" spans="1:4" ht="18" customHeight="1" x14ac:dyDescent="0.15">
      <c r="A78" s="5">
        <v>60</v>
      </c>
      <c r="B78" s="22">
        <v>18</v>
      </c>
      <c r="C78" s="14">
        <v>18</v>
      </c>
      <c r="D78" s="18">
        <v>36</v>
      </c>
    </row>
    <row r="79" spans="1:4" ht="18" customHeight="1" x14ac:dyDescent="0.15">
      <c r="A79" s="5">
        <v>61</v>
      </c>
      <c r="B79" s="22">
        <v>20</v>
      </c>
      <c r="C79" s="14">
        <v>17</v>
      </c>
      <c r="D79" s="18">
        <v>37</v>
      </c>
    </row>
    <row r="80" spans="1:4" ht="18" customHeight="1" x14ac:dyDescent="0.15">
      <c r="A80" s="5">
        <v>62</v>
      </c>
      <c r="B80" s="22">
        <v>17</v>
      </c>
      <c r="C80" s="14">
        <v>5</v>
      </c>
      <c r="D80" s="18">
        <v>22</v>
      </c>
    </row>
    <row r="81" spans="1:4" ht="18" customHeight="1" x14ac:dyDescent="0.15">
      <c r="A81" s="5">
        <v>63</v>
      </c>
      <c r="B81" s="22">
        <v>10</v>
      </c>
      <c r="C81" s="14">
        <v>8</v>
      </c>
      <c r="D81" s="18">
        <v>18</v>
      </c>
    </row>
    <row r="82" spans="1:4" ht="18" customHeight="1" x14ac:dyDescent="0.15">
      <c r="A82" s="5">
        <v>64</v>
      </c>
      <c r="B82" s="22">
        <v>11</v>
      </c>
      <c r="C82" s="14">
        <v>11</v>
      </c>
      <c r="D82" s="18">
        <v>22</v>
      </c>
    </row>
    <row r="83" spans="1:4" ht="18" customHeight="1" x14ac:dyDescent="0.15">
      <c r="A83" s="5" t="s">
        <v>28</v>
      </c>
      <c r="B83" s="22">
        <v>76</v>
      </c>
      <c r="C83" s="14">
        <v>59</v>
      </c>
      <c r="D83" s="18">
        <v>135</v>
      </c>
    </row>
    <row r="84" spans="1:4" ht="18" customHeight="1" x14ac:dyDescent="0.15">
      <c r="A84" s="5" t="s">
        <v>31</v>
      </c>
      <c r="B84" s="22">
        <v>564</v>
      </c>
      <c r="C84" s="14">
        <v>538</v>
      </c>
      <c r="D84" s="18">
        <v>1102</v>
      </c>
    </row>
    <row r="85" spans="1:4" ht="18" customHeight="1" x14ac:dyDescent="0.15">
      <c r="A85" s="5">
        <v>65</v>
      </c>
      <c r="B85" s="22">
        <v>14</v>
      </c>
      <c r="C85" s="14">
        <v>12</v>
      </c>
      <c r="D85" s="18">
        <v>26</v>
      </c>
    </row>
    <row r="86" spans="1:4" ht="18" customHeight="1" x14ac:dyDescent="0.15">
      <c r="A86" s="5">
        <v>66</v>
      </c>
      <c r="B86" s="22">
        <v>16</v>
      </c>
      <c r="C86" s="14">
        <v>7</v>
      </c>
      <c r="D86" s="18">
        <v>23</v>
      </c>
    </row>
    <row r="87" spans="1:4" ht="18" customHeight="1" x14ac:dyDescent="0.15">
      <c r="A87" s="5">
        <v>67</v>
      </c>
      <c r="B87" s="22">
        <v>15</v>
      </c>
      <c r="C87" s="14">
        <v>17</v>
      </c>
      <c r="D87" s="18">
        <v>32</v>
      </c>
    </row>
    <row r="88" spans="1:4" ht="18" customHeight="1" x14ac:dyDescent="0.15">
      <c r="A88" s="5">
        <v>68</v>
      </c>
      <c r="B88" s="22">
        <v>12</v>
      </c>
      <c r="C88" s="14">
        <v>13</v>
      </c>
      <c r="D88" s="18">
        <v>25</v>
      </c>
    </row>
    <row r="89" spans="1:4" ht="18" customHeight="1" x14ac:dyDescent="0.15">
      <c r="A89" s="5">
        <v>69</v>
      </c>
      <c r="B89" s="22">
        <v>6</v>
      </c>
      <c r="C89" s="14">
        <v>20</v>
      </c>
      <c r="D89" s="18">
        <v>26</v>
      </c>
    </row>
    <row r="90" spans="1:4" ht="18" customHeight="1" x14ac:dyDescent="0.15">
      <c r="A90" s="5" t="s">
        <v>20</v>
      </c>
      <c r="B90" s="22">
        <v>63</v>
      </c>
      <c r="C90" s="14">
        <v>69</v>
      </c>
      <c r="D90" s="18">
        <v>132</v>
      </c>
    </row>
    <row r="91" spans="1:4" ht="18" customHeight="1" x14ac:dyDescent="0.15">
      <c r="A91" s="5">
        <v>70</v>
      </c>
      <c r="B91" s="22">
        <v>13</v>
      </c>
      <c r="C91" s="14">
        <v>19</v>
      </c>
      <c r="D91" s="18">
        <v>32</v>
      </c>
    </row>
    <row r="92" spans="1:4" ht="18" customHeight="1" x14ac:dyDescent="0.15">
      <c r="A92" s="5">
        <v>71</v>
      </c>
      <c r="B92" s="22">
        <v>13</v>
      </c>
      <c r="C92" s="14">
        <v>20</v>
      </c>
      <c r="D92" s="18">
        <v>33</v>
      </c>
    </row>
    <row r="93" spans="1:4" ht="18" customHeight="1" x14ac:dyDescent="0.15">
      <c r="A93" s="5">
        <v>72</v>
      </c>
      <c r="B93" s="22">
        <v>14</v>
      </c>
      <c r="C93" s="14">
        <v>28</v>
      </c>
      <c r="D93" s="18">
        <v>42</v>
      </c>
    </row>
    <row r="94" spans="1:4" ht="18" customHeight="1" x14ac:dyDescent="0.15">
      <c r="A94" s="5">
        <v>73</v>
      </c>
      <c r="B94" s="22">
        <v>18</v>
      </c>
      <c r="C94" s="14">
        <v>21</v>
      </c>
      <c r="D94" s="18">
        <v>39</v>
      </c>
    </row>
    <row r="95" spans="1:4" ht="18" customHeight="1" x14ac:dyDescent="0.15">
      <c r="A95" s="5">
        <v>74</v>
      </c>
      <c r="B95" s="22">
        <v>29</v>
      </c>
      <c r="C95" s="14">
        <v>25</v>
      </c>
      <c r="D95" s="18">
        <v>54</v>
      </c>
    </row>
    <row r="96" spans="1:4" ht="18" customHeight="1" x14ac:dyDescent="0.15">
      <c r="A96" s="5" t="s">
        <v>33</v>
      </c>
      <c r="B96" s="22">
        <v>87</v>
      </c>
      <c r="C96" s="14">
        <v>113</v>
      </c>
      <c r="D96" s="18">
        <v>200</v>
      </c>
    </row>
    <row r="97" spans="1:4" ht="18" customHeight="1" x14ac:dyDescent="0.15">
      <c r="A97" s="5">
        <v>75</v>
      </c>
      <c r="B97" s="22">
        <v>25</v>
      </c>
      <c r="C97" s="14">
        <v>20</v>
      </c>
      <c r="D97" s="18">
        <v>45</v>
      </c>
    </row>
    <row r="98" spans="1:4" ht="18" customHeight="1" x14ac:dyDescent="0.15">
      <c r="A98" s="5">
        <v>76</v>
      </c>
      <c r="B98" s="22">
        <v>29</v>
      </c>
      <c r="C98" s="14">
        <v>35</v>
      </c>
      <c r="D98" s="18">
        <v>64</v>
      </c>
    </row>
    <row r="99" spans="1:4" ht="18" customHeight="1" x14ac:dyDescent="0.15">
      <c r="A99" s="5">
        <v>77</v>
      </c>
      <c r="B99" s="22">
        <v>31</v>
      </c>
      <c r="C99" s="14">
        <v>27</v>
      </c>
      <c r="D99" s="18">
        <v>58</v>
      </c>
    </row>
    <row r="100" spans="1:4" ht="18" customHeight="1" x14ac:dyDescent="0.15">
      <c r="A100" s="5">
        <v>78</v>
      </c>
      <c r="B100" s="22">
        <v>23</v>
      </c>
      <c r="C100" s="14">
        <v>28</v>
      </c>
      <c r="D100" s="18">
        <v>51</v>
      </c>
    </row>
    <row r="101" spans="1:4" ht="18" customHeight="1" x14ac:dyDescent="0.15">
      <c r="A101" s="5">
        <v>79</v>
      </c>
      <c r="B101" s="22">
        <v>19</v>
      </c>
      <c r="C101" s="14">
        <v>38</v>
      </c>
      <c r="D101" s="18">
        <v>57</v>
      </c>
    </row>
    <row r="102" spans="1:4" ht="18" customHeight="1" x14ac:dyDescent="0.15">
      <c r="A102" s="5" t="s">
        <v>0</v>
      </c>
      <c r="B102" s="22">
        <v>127</v>
      </c>
      <c r="C102" s="14">
        <v>148</v>
      </c>
      <c r="D102" s="18">
        <v>275</v>
      </c>
    </row>
    <row r="103" spans="1:4" ht="18" customHeight="1" x14ac:dyDescent="0.15">
      <c r="A103" s="5">
        <v>80</v>
      </c>
      <c r="B103" s="22">
        <v>15</v>
      </c>
      <c r="C103" s="14">
        <v>22</v>
      </c>
      <c r="D103" s="18">
        <v>37</v>
      </c>
    </row>
    <row r="104" spans="1:4" ht="18" customHeight="1" x14ac:dyDescent="0.15">
      <c r="A104" s="5">
        <v>81</v>
      </c>
      <c r="B104" s="22">
        <v>11</v>
      </c>
      <c r="C104" s="14">
        <v>26</v>
      </c>
      <c r="D104" s="18">
        <v>37</v>
      </c>
    </row>
    <row r="105" spans="1:4" ht="18" customHeight="1" x14ac:dyDescent="0.15">
      <c r="A105" s="5">
        <v>82</v>
      </c>
      <c r="B105" s="22">
        <v>17</v>
      </c>
      <c r="C105" s="14">
        <v>26</v>
      </c>
      <c r="D105" s="18">
        <v>43</v>
      </c>
    </row>
    <row r="106" spans="1:4" ht="18" customHeight="1" x14ac:dyDescent="0.15">
      <c r="A106" s="5">
        <v>83</v>
      </c>
      <c r="B106" s="22">
        <v>10</v>
      </c>
      <c r="C106" s="14">
        <v>17</v>
      </c>
      <c r="D106" s="18">
        <v>27</v>
      </c>
    </row>
    <row r="107" spans="1:4" ht="18" customHeight="1" x14ac:dyDescent="0.15">
      <c r="A107" s="5">
        <v>84</v>
      </c>
      <c r="B107" s="22">
        <v>14</v>
      </c>
      <c r="C107" s="14">
        <v>28</v>
      </c>
      <c r="D107" s="18">
        <v>42</v>
      </c>
    </row>
    <row r="108" spans="1:4" ht="18" customHeight="1" x14ac:dyDescent="0.15">
      <c r="A108" s="5" t="s">
        <v>35</v>
      </c>
      <c r="B108" s="22">
        <v>67</v>
      </c>
      <c r="C108" s="14">
        <v>119</v>
      </c>
      <c r="D108" s="18">
        <v>186</v>
      </c>
    </row>
    <row r="109" spans="1:4" ht="18" customHeight="1" x14ac:dyDescent="0.15">
      <c r="A109" s="5">
        <v>85</v>
      </c>
      <c r="B109" s="22">
        <v>10</v>
      </c>
      <c r="C109" s="14">
        <v>15</v>
      </c>
      <c r="D109" s="18">
        <v>25</v>
      </c>
    </row>
    <row r="110" spans="1:4" ht="18" customHeight="1" x14ac:dyDescent="0.15">
      <c r="A110" s="5">
        <v>86</v>
      </c>
      <c r="B110" s="22">
        <v>13</v>
      </c>
      <c r="C110" s="14">
        <v>15</v>
      </c>
      <c r="D110" s="18">
        <v>28</v>
      </c>
    </row>
    <row r="111" spans="1:4" ht="18" customHeight="1" x14ac:dyDescent="0.15">
      <c r="A111" s="5">
        <v>87</v>
      </c>
      <c r="B111" s="22">
        <v>8</v>
      </c>
      <c r="C111" s="14">
        <v>12</v>
      </c>
      <c r="D111" s="18">
        <v>20</v>
      </c>
    </row>
    <row r="112" spans="1:4" ht="18" customHeight="1" x14ac:dyDescent="0.15">
      <c r="A112" s="5">
        <v>88</v>
      </c>
      <c r="B112" s="22">
        <v>10</v>
      </c>
      <c r="C112" s="14">
        <v>16</v>
      </c>
      <c r="D112" s="18">
        <v>26</v>
      </c>
    </row>
    <row r="113" spans="1:4" ht="18" customHeight="1" x14ac:dyDescent="0.15">
      <c r="A113" s="5">
        <v>89</v>
      </c>
      <c r="B113" s="22">
        <v>7</v>
      </c>
      <c r="C113" s="14">
        <v>12</v>
      </c>
      <c r="D113" s="18">
        <v>19</v>
      </c>
    </row>
    <row r="114" spans="1:4" ht="18" customHeight="1" x14ac:dyDescent="0.15">
      <c r="A114" s="5" t="s">
        <v>37</v>
      </c>
      <c r="B114" s="22">
        <v>48</v>
      </c>
      <c r="C114" s="14">
        <v>70</v>
      </c>
      <c r="D114" s="18">
        <v>118</v>
      </c>
    </row>
    <row r="115" spans="1:4" ht="18" customHeight="1" x14ac:dyDescent="0.15">
      <c r="A115" s="5">
        <v>90</v>
      </c>
      <c r="B115" s="22">
        <v>3</v>
      </c>
      <c r="C115" s="14">
        <v>12</v>
      </c>
      <c r="D115" s="18">
        <v>15</v>
      </c>
    </row>
    <row r="116" spans="1:4" ht="18" customHeight="1" x14ac:dyDescent="0.15">
      <c r="A116" s="5">
        <v>91</v>
      </c>
      <c r="B116" s="22">
        <v>2</v>
      </c>
      <c r="C116" s="14">
        <v>7</v>
      </c>
      <c r="D116" s="18">
        <v>9</v>
      </c>
    </row>
    <row r="117" spans="1:4" ht="18" customHeight="1" x14ac:dyDescent="0.15">
      <c r="A117" s="5">
        <v>92</v>
      </c>
      <c r="B117" s="22">
        <v>2</v>
      </c>
      <c r="C117" s="14">
        <v>10</v>
      </c>
      <c r="D117" s="18">
        <v>12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4</v>
      </c>
      <c r="C119" s="14">
        <v>3</v>
      </c>
      <c r="D119" s="18">
        <v>7</v>
      </c>
    </row>
    <row r="120" spans="1:4" ht="18" customHeight="1" x14ac:dyDescent="0.15">
      <c r="A120" s="5" t="s">
        <v>39</v>
      </c>
      <c r="B120" s="22">
        <v>12</v>
      </c>
      <c r="C120" s="14">
        <v>38</v>
      </c>
      <c r="D120" s="18">
        <v>50</v>
      </c>
    </row>
    <row r="121" spans="1:4" ht="18" customHeight="1" x14ac:dyDescent="0.15">
      <c r="A121" s="5">
        <v>95</v>
      </c>
      <c r="B121" s="22">
        <v>1</v>
      </c>
      <c r="C121" s="14">
        <v>7</v>
      </c>
      <c r="D121" s="18">
        <v>8</v>
      </c>
    </row>
    <row r="122" spans="1:4" ht="18" customHeight="1" x14ac:dyDescent="0.15">
      <c r="A122" s="5">
        <v>96</v>
      </c>
      <c r="B122" s="22">
        <v>1</v>
      </c>
      <c r="C122" s="14">
        <v>6</v>
      </c>
      <c r="D122" s="18">
        <v>7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19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09</v>
      </c>
      <c r="C130" s="14">
        <v>580</v>
      </c>
      <c r="D130" s="18">
        <v>989</v>
      </c>
    </row>
    <row r="131" spans="1:4" ht="18" customHeight="1" x14ac:dyDescent="0.15">
      <c r="A131" s="7" t="s">
        <v>45</v>
      </c>
      <c r="B131" s="23">
        <v>1065</v>
      </c>
      <c r="C131" s="15">
        <v>1194</v>
      </c>
      <c r="D131" s="19">
        <v>22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13</v>
      </c>
      <c r="D5" s="17">
        <v>23</v>
      </c>
    </row>
    <row r="6" spans="1:4" ht="18" customHeight="1" x14ac:dyDescent="0.15">
      <c r="A6" s="5">
        <v>1</v>
      </c>
      <c r="B6" s="22">
        <v>8</v>
      </c>
      <c r="C6" s="14">
        <v>10</v>
      </c>
      <c r="D6" s="18">
        <v>18</v>
      </c>
    </row>
    <row r="7" spans="1:4" ht="18" customHeight="1" x14ac:dyDescent="0.15">
      <c r="A7" s="5">
        <v>2</v>
      </c>
      <c r="B7" s="22">
        <v>8</v>
      </c>
      <c r="C7" s="14">
        <v>9</v>
      </c>
      <c r="D7" s="18">
        <v>17</v>
      </c>
    </row>
    <row r="8" spans="1:4" ht="18" customHeight="1" x14ac:dyDescent="0.15">
      <c r="A8" s="5">
        <v>3</v>
      </c>
      <c r="B8" s="22">
        <v>11</v>
      </c>
      <c r="C8" s="14">
        <v>14</v>
      </c>
      <c r="D8" s="18">
        <v>25</v>
      </c>
    </row>
    <row r="9" spans="1:4" ht="18" customHeight="1" x14ac:dyDescent="0.15">
      <c r="A9" s="5">
        <v>4</v>
      </c>
      <c r="B9" s="22">
        <v>11</v>
      </c>
      <c r="C9" s="14">
        <v>10</v>
      </c>
      <c r="D9" s="18">
        <v>21</v>
      </c>
    </row>
    <row r="10" spans="1:4" ht="18" customHeight="1" x14ac:dyDescent="0.15">
      <c r="A10" s="5" t="s">
        <v>7</v>
      </c>
      <c r="B10" s="22">
        <v>48</v>
      </c>
      <c r="C10" s="14">
        <v>56</v>
      </c>
      <c r="D10" s="18">
        <v>104</v>
      </c>
    </row>
    <row r="11" spans="1:4" ht="18" customHeight="1" x14ac:dyDescent="0.15">
      <c r="A11" s="5">
        <v>5</v>
      </c>
      <c r="B11" s="22">
        <v>8</v>
      </c>
      <c r="C11" s="14">
        <v>6</v>
      </c>
      <c r="D11" s="18">
        <v>14</v>
      </c>
    </row>
    <row r="12" spans="1:4" ht="18" customHeight="1" x14ac:dyDescent="0.15">
      <c r="A12" s="5">
        <v>6</v>
      </c>
      <c r="B12" s="22">
        <v>9</v>
      </c>
      <c r="C12" s="14">
        <v>6</v>
      </c>
      <c r="D12" s="18">
        <v>15</v>
      </c>
    </row>
    <row r="13" spans="1:4" ht="18" customHeight="1" x14ac:dyDescent="0.15">
      <c r="A13" s="5">
        <v>7</v>
      </c>
      <c r="B13" s="22">
        <v>14</v>
      </c>
      <c r="C13" s="14">
        <v>10</v>
      </c>
      <c r="D13" s="18">
        <v>24</v>
      </c>
    </row>
    <row r="14" spans="1:4" ht="18" customHeight="1" x14ac:dyDescent="0.15">
      <c r="A14" s="5">
        <v>8</v>
      </c>
      <c r="B14" s="22">
        <v>13</v>
      </c>
      <c r="C14" s="14">
        <v>14</v>
      </c>
      <c r="D14" s="18">
        <v>27</v>
      </c>
    </row>
    <row r="15" spans="1:4" ht="18" customHeight="1" x14ac:dyDescent="0.15">
      <c r="A15" s="5">
        <v>9</v>
      </c>
      <c r="B15" s="22">
        <v>9</v>
      </c>
      <c r="C15" s="14">
        <v>14</v>
      </c>
      <c r="D15" s="18">
        <v>23</v>
      </c>
    </row>
    <row r="16" spans="1:4" ht="18" customHeight="1" x14ac:dyDescent="0.15">
      <c r="A16" s="5" t="s">
        <v>11</v>
      </c>
      <c r="B16" s="22">
        <v>53</v>
      </c>
      <c r="C16" s="14">
        <v>50</v>
      </c>
      <c r="D16" s="18">
        <v>103</v>
      </c>
    </row>
    <row r="17" spans="1:4" ht="18" customHeight="1" x14ac:dyDescent="0.15">
      <c r="A17" s="5">
        <v>10</v>
      </c>
      <c r="B17" s="22">
        <v>16</v>
      </c>
      <c r="C17" s="14">
        <v>9</v>
      </c>
      <c r="D17" s="18">
        <v>25</v>
      </c>
    </row>
    <row r="18" spans="1:4" ht="18" customHeight="1" x14ac:dyDescent="0.15">
      <c r="A18" s="5">
        <v>11</v>
      </c>
      <c r="B18" s="22">
        <v>12</v>
      </c>
      <c r="C18" s="14">
        <v>10</v>
      </c>
      <c r="D18" s="18">
        <v>22</v>
      </c>
    </row>
    <row r="19" spans="1:4" ht="18" customHeight="1" x14ac:dyDescent="0.15">
      <c r="A19" s="5">
        <v>12</v>
      </c>
      <c r="B19" s="22">
        <v>7</v>
      </c>
      <c r="C19" s="14">
        <v>13</v>
      </c>
      <c r="D19" s="18">
        <v>20</v>
      </c>
    </row>
    <row r="20" spans="1:4" ht="18" customHeight="1" x14ac:dyDescent="0.15">
      <c r="A20" s="5">
        <v>13</v>
      </c>
      <c r="B20" s="22">
        <v>11</v>
      </c>
      <c r="C20" s="14">
        <v>10</v>
      </c>
      <c r="D20" s="18">
        <v>21</v>
      </c>
    </row>
    <row r="21" spans="1:4" ht="18" customHeight="1" x14ac:dyDescent="0.15">
      <c r="A21" s="5">
        <v>14</v>
      </c>
      <c r="B21" s="22">
        <v>12</v>
      </c>
      <c r="C21" s="14">
        <v>12</v>
      </c>
      <c r="D21" s="18">
        <v>24</v>
      </c>
    </row>
    <row r="22" spans="1:4" ht="18" customHeight="1" x14ac:dyDescent="0.15">
      <c r="A22" s="5" t="s">
        <v>12</v>
      </c>
      <c r="B22" s="22">
        <v>58</v>
      </c>
      <c r="C22" s="14">
        <v>54</v>
      </c>
      <c r="D22" s="18">
        <v>112</v>
      </c>
    </row>
    <row r="23" spans="1:4" ht="18" customHeight="1" x14ac:dyDescent="0.15">
      <c r="A23" s="5" t="s">
        <v>6</v>
      </c>
      <c r="B23" s="22">
        <v>159</v>
      </c>
      <c r="C23" s="14">
        <v>160</v>
      </c>
      <c r="D23" s="18">
        <v>319</v>
      </c>
    </row>
    <row r="24" spans="1:4" ht="18" customHeight="1" x14ac:dyDescent="0.15">
      <c r="A24" s="5">
        <v>15</v>
      </c>
      <c r="B24" s="22">
        <v>13</v>
      </c>
      <c r="C24" s="14">
        <v>12</v>
      </c>
      <c r="D24" s="18">
        <v>25</v>
      </c>
    </row>
    <row r="25" spans="1:4" ht="18" customHeight="1" x14ac:dyDescent="0.15">
      <c r="A25" s="5">
        <v>16</v>
      </c>
      <c r="B25" s="22">
        <v>13</v>
      </c>
      <c r="C25" s="14">
        <v>17</v>
      </c>
      <c r="D25" s="18">
        <v>30</v>
      </c>
    </row>
    <row r="26" spans="1:4" ht="18" customHeight="1" x14ac:dyDescent="0.15">
      <c r="A26" s="5">
        <v>17</v>
      </c>
      <c r="B26" s="22">
        <v>8</v>
      </c>
      <c r="C26" s="14">
        <v>13</v>
      </c>
      <c r="D26" s="18">
        <v>21</v>
      </c>
    </row>
    <row r="27" spans="1:4" ht="18" customHeight="1" x14ac:dyDescent="0.15">
      <c r="A27" s="5">
        <v>18</v>
      </c>
      <c r="B27" s="22">
        <v>21</v>
      </c>
      <c r="C27" s="14">
        <v>13</v>
      </c>
      <c r="D27" s="18">
        <v>34</v>
      </c>
    </row>
    <row r="28" spans="1:4" ht="18" customHeight="1" x14ac:dyDescent="0.15">
      <c r="A28" s="5">
        <v>19</v>
      </c>
      <c r="B28" s="22">
        <v>17</v>
      </c>
      <c r="C28" s="14">
        <v>24</v>
      </c>
      <c r="D28" s="18">
        <v>41</v>
      </c>
    </row>
    <row r="29" spans="1:4" ht="18" customHeight="1" x14ac:dyDescent="0.15">
      <c r="A29" s="5" t="s">
        <v>14</v>
      </c>
      <c r="B29" s="22">
        <v>72</v>
      </c>
      <c r="C29" s="14">
        <v>79</v>
      </c>
      <c r="D29" s="18">
        <v>151</v>
      </c>
    </row>
    <row r="30" spans="1:4" ht="18" customHeight="1" x14ac:dyDescent="0.15">
      <c r="A30" s="5">
        <v>20</v>
      </c>
      <c r="B30" s="22">
        <v>20</v>
      </c>
      <c r="C30" s="14">
        <v>18</v>
      </c>
      <c r="D30" s="18">
        <v>38</v>
      </c>
    </row>
    <row r="31" spans="1:4" ht="18" customHeight="1" x14ac:dyDescent="0.15">
      <c r="A31" s="5">
        <v>21</v>
      </c>
      <c r="B31" s="22">
        <v>23</v>
      </c>
      <c r="C31" s="14">
        <v>24</v>
      </c>
      <c r="D31" s="18">
        <v>47</v>
      </c>
    </row>
    <row r="32" spans="1:4" ht="18" customHeight="1" x14ac:dyDescent="0.15">
      <c r="A32" s="5">
        <v>22</v>
      </c>
      <c r="B32" s="22">
        <v>23</v>
      </c>
      <c r="C32" s="14">
        <v>20</v>
      </c>
      <c r="D32" s="18">
        <v>43</v>
      </c>
    </row>
    <row r="33" spans="1:4" ht="18" customHeight="1" x14ac:dyDescent="0.15">
      <c r="A33" s="5">
        <v>23</v>
      </c>
      <c r="B33" s="22">
        <v>22</v>
      </c>
      <c r="C33" s="14">
        <v>12</v>
      </c>
      <c r="D33" s="18">
        <v>34</v>
      </c>
    </row>
    <row r="34" spans="1:4" ht="18" customHeight="1" x14ac:dyDescent="0.15">
      <c r="A34" s="5">
        <v>24</v>
      </c>
      <c r="B34" s="22">
        <v>28</v>
      </c>
      <c r="C34" s="14">
        <v>24</v>
      </c>
      <c r="D34" s="18">
        <v>52</v>
      </c>
    </row>
    <row r="35" spans="1:4" ht="18" customHeight="1" x14ac:dyDescent="0.15">
      <c r="A35" s="5" t="s">
        <v>9</v>
      </c>
      <c r="B35" s="22">
        <v>116</v>
      </c>
      <c r="C35" s="14">
        <v>98</v>
      </c>
      <c r="D35" s="18">
        <v>214</v>
      </c>
    </row>
    <row r="36" spans="1:4" ht="18" customHeight="1" x14ac:dyDescent="0.15">
      <c r="A36" s="5">
        <v>25</v>
      </c>
      <c r="B36" s="22">
        <v>29</v>
      </c>
      <c r="C36" s="14">
        <v>16</v>
      </c>
      <c r="D36" s="18">
        <v>45</v>
      </c>
    </row>
    <row r="37" spans="1:4" ht="18" customHeight="1" x14ac:dyDescent="0.15">
      <c r="A37" s="5">
        <v>26</v>
      </c>
      <c r="B37" s="22">
        <v>17</v>
      </c>
      <c r="C37" s="14">
        <v>28</v>
      </c>
      <c r="D37" s="18">
        <v>45</v>
      </c>
    </row>
    <row r="38" spans="1:4" ht="18" customHeight="1" x14ac:dyDescent="0.15">
      <c r="A38" s="5">
        <v>27</v>
      </c>
      <c r="B38" s="22">
        <v>22</v>
      </c>
      <c r="C38" s="14">
        <v>17</v>
      </c>
      <c r="D38" s="18">
        <v>39</v>
      </c>
    </row>
    <row r="39" spans="1:4" ht="18" customHeight="1" x14ac:dyDescent="0.15">
      <c r="A39" s="5">
        <v>28</v>
      </c>
      <c r="B39" s="22">
        <v>17</v>
      </c>
      <c r="C39" s="14">
        <v>11</v>
      </c>
      <c r="D39" s="18">
        <v>28</v>
      </c>
    </row>
    <row r="40" spans="1:4" ht="18" customHeight="1" x14ac:dyDescent="0.15">
      <c r="A40" s="5">
        <v>29</v>
      </c>
      <c r="B40" s="22">
        <v>23</v>
      </c>
      <c r="C40" s="14">
        <v>15</v>
      </c>
      <c r="D40" s="18">
        <v>38</v>
      </c>
    </row>
    <row r="41" spans="1:4" ht="18" customHeight="1" x14ac:dyDescent="0.15">
      <c r="A41" s="5" t="s">
        <v>2</v>
      </c>
      <c r="B41" s="22">
        <v>108</v>
      </c>
      <c r="C41" s="14">
        <v>87</v>
      </c>
      <c r="D41" s="18">
        <v>195</v>
      </c>
    </row>
    <row r="42" spans="1:4" ht="18" customHeight="1" x14ac:dyDescent="0.15">
      <c r="A42" s="5">
        <v>30</v>
      </c>
      <c r="B42" s="22">
        <v>24</v>
      </c>
      <c r="C42" s="14">
        <v>14</v>
      </c>
      <c r="D42" s="18">
        <v>38</v>
      </c>
    </row>
    <row r="43" spans="1:4" ht="18" customHeight="1" x14ac:dyDescent="0.15">
      <c r="A43" s="5">
        <v>31</v>
      </c>
      <c r="B43" s="22">
        <v>25</v>
      </c>
      <c r="C43" s="14">
        <v>17</v>
      </c>
      <c r="D43" s="18">
        <v>42</v>
      </c>
    </row>
    <row r="44" spans="1:4" ht="18" customHeight="1" x14ac:dyDescent="0.15">
      <c r="A44" s="5">
        <v>32</v>
      </c>
      <c r="B44" s="22">
        <v>20</v>
      </c>
      <c r="C44" s="14">
        <v>18</v>
      </c>
      <c r="D44" s="18">
        <v>38</v>
      </c>
    </row>
    <row r="45" spans="1:4" ht="18" customHeight="1" x14ac:dyDescent="0.15">
      <c r="A45" s="5">
        <v>33</v>
      </c>
      <c r="B45" s="22">
        <v>15</v>
      </c>
      <c r="C45" s="14">
        <v>12</v>
      </c>
      <c r="D45" s="18">
        <v>27</v>
      </c>
    </row>
    <row r="46" spans="1:4" ht="18" customHeight="1" x14ac:dyDescent="0.15">
      <c r="A46" s="5">
        <v>34</v>
      </c>
      <c r="B46" s="22">
        <v>15</v>
      </c>
      <c r="C46" s="14">
        <v>11</v>
      </c>
      <c r="D46" s="18">
        <v>26</v>
      </c>
    </row>
    <row r="47" spans="1:4" ht="18" customHeight="1" x14ac:dyDescent="0.15">
      <c r="A47" s="5" t="s">
        <v>15</v>
      </c>
      <c r="B47" s="22">
        <v>99</v>
      </c>
      <c r="C47" s="14">
        <v>72</v>
      </c>
      <c r="D47" s="18">
        <v>171</v>
      </c>
    </row>
    <row r="48" spans="1:4" ht="18" customHeight="1" x14ac:dyDescent="0.15">
      <c r="A48" s="5">
        <v>35</v>
      </c>
      <c r="B48" s="22">
        <v>20</v>
      </c>
      <c r="C48" s="14">
        <v>14</v>
      </c>
      <c r="D48" s="18">
        <v>34</v>
      </c>
    </row>
    <row r="49" spans="1:4" ht="18" customHeight="1" x14ac:dyDescent="0.15">
      <c r="A49" s="5">
        <v>36</v>
      </c>
      <c r="B49" s="22">
        <v>15</v>
      </c>
      <c r="C49" s="14">
        <v>10</v>
      </c>
      <c r="D49" s="18">
        <v>25</v>
      </c>
    </row>
    <row r="50" spans="1:4" ht="18" customHeight="1" x14ac:dyDescent="0.15">
      <c r="A50" s="5">
        <v>37</v>
      </c>
      <c r="B50" s="22">
        <v>18</v>
      </c>
      <c r="C50" s="14">
        <v>10</v>
      </c>
      <c r="D50" s="18">
        <v>28</v>
      </c>
    </row>
    <row r="51" spans="1:4" ht="18" customHeight="1" x14ac:dyDescent="0.15">
      <c r="A51" s="5">
        <v>38</v>
      </c>
      <c r="B51" s="22">
        <v>18</v>
      </c>
      <c r="C51" s="14">
        <v>14</v>
      </c>
      <c r="D51" s="18">
        <v>32</v>
      </c>
    </row>
    <row r="52" spans="1:4" ht="18" customHeight="1" x14ac:dyDescent="0.15">
      <c r="A52" s="5">
        <v>39</v>
      </c>
      <c r="B52" s="22">
        <v>18</v>
      </c>
      <c r="C52" s="14">
        <v>19</v>
      </c>
      <c r="D52" s="18">
        <v>37</v>
      </c>
    </row>
    <row r="53" spans="1:4" ht="18" customHeight="1" x14ac:dyDescent="0.15">
      <c r="A53" s="5" t="s">
        <v>18</v>
      </c>
      <c r="B53" s="22">
        <v>89</v>
      </c>
      <c r="C53" s="14">
        <v>67</v>
      </c>
      <c r="D53" s="18">
        <v>156</v>
      </c>
    </row>
    <row r="54" spans="1:4" ht="18" customHeight="1" x14ac:dyDescent="0.15">
      <c r="A54" s="5">
        <v>40</v>
      </c>
      <c r="B54" s="22">
        <v>21</v>
      </c>
      <c r="C54" s="14">
        <v>18</v>
      </c>
      <c r="D54" s="18">
        <v>39</v>
      </c>
    </row>
    <row r="55" spans="1:4" ht="18" customHeight="1" x14ac:dyDescent="0.15">
      <c r="A55" s="5">
        <v>41</v>
      </c>
      <c r="B55" s="22">
        <v>19</v>
      </c>
      <c r="C55" s="14">
        <v>19</v>
      </c>
      <c r="D55" s="18">
        <v>38</v>
      </c>
    </row>
    <row r="56" spans="1:4" ht="18" customHeight="1" x14ac:dyDescent="0.15">
      <c r="A56" s="5">
        <v>42</v>
      </c>
      <c r="B56" s="22">
        <v>14</v>
      </c>
      <c r="C56" s="14">
        <v>17</v>
      </c>
      <c r="D56" s="18">
        <v>31</v>
      </c>
    </row>
    <row r="57" spans="1:4" ht="18" customHeight="1" x14ac:dyDescent="0.15">
      <c r="A57" s="5">
        <v>43</v>
      </c>
      <c r="B57" s="22">
        <v>21</v>
      </c>
      <c r="C57" s="14">
        <v>19</v>
      </c>
      <c r="D57" s="18">
        <v>40</v>
      </c>
    </row>
    <row r="58" spans="1:4" ht="18" customHeight="1" x14ac:dyDescent="0.15">
      <c r="A58" s="5">
        <v>44</v>
      </c>
      <c r="B58" s="22">
        <v>10</v>
      </c>
      <c r="C58" s="14">
        <v>19</v>
      </c>
      <c r="D58" s="18">
        <v>29</v>
      </c>
    </row>
    <row r="59" spans="1:4" ht="18" customHeight="1" x14ac:dyDescent="0.15">
      <c r="A59" s="5" t="s">
        <v>21</v>
      </c>
      <c r="B59" s="22">
        <v>85</v>
      </c>
      <c r="C59" s="14">
        <v>92</v>
      </c>
      <c r="D59" s="18">
        <v>177</v>
      </c>
    </row>
    <row r="60" spans="1:4" ht="18" customHeight="1" x14ac:dyDescent="0.15">
      <c r="A60" s="5">
        <v>45</v>
      </c>
      <c r="B60" s="22">
        <v>15</v>
      </c>
      <c r="C60" s="14">
        <v>18</v>
      </c>
      <c r="D60" s="18">
        <v>33</v>
      </c>
    </row>
    <row r="61" spans="1:4" ht="18" customHeight="1" x14ac:dyDescent="0.15">
      <c r="A61" s="5">
        <v>46</v>
      </c>
      <c r="B61" s="22">
        <v>17</v>
      </c>
      <c r="C61" s="14">
        <v>26</v>
      </c>
      <c r="D61" s="18">
        <v>43</v>
      </c>
    </row>
    <row r="62" spans="1:4" ht="18" customHeight="1" x14ac:dyDescent="0.15">
      <c r="A62" s="5">
        <v>47</v>
      </c>
      <c r="B62" s="22">
        <v>30</v>
      </c>
      <c r="C62" s="14">
        <v>24</v>
      </c>
      <c r="D62" s="18">
        <v>54</v>
      </c>
    </row>
    <row r="63" spans="1:4" ht="18" customHeight="1" x14ac:dyDescent="0.15">
      <c r="A63" s="5">
        <v>48</v>
      </c>
      <c r="B63" s="22">
        <v>28</v>
      </c>
      <c r="C63" s="14">
        <v>24</v>
      </c>
      <c r="D63" s="18">
        <v>52</v>
      </c>
    </row>
    <row r="64" spans="1:4" ht="18" customHeight="1" x14ac:dyDescent="0.15">
      <c r="A64" s="5">
        <v>49</v>
      </c>
      <c r="B64" s="22">
        <v>28</v>
      </c>
      <c r="C64" s="14">
        <v>20</v>
      </c>
      <c r="D64" s="18">
        <v>48</v>
      </c>
    </row>
    <row r="65" spans="1:4" ht="18" customHeight="1" x14ac:dyDescent="0.15">
      <c r="A65" s="5" t="s">
        <v>17</v>
      </c>
      <c r="B65" s="22">
        <v>118</v>
      </c>
      <c r="C65" s="14">
        <v>112</v>
      </c>
      <c r="D65" s="18">
        <v>230</v>
      </c>
    </row>
    <row r="66" spans="1:4" ht="18" customHeight="1" x14ac:dyDescent="0.15">
      <c r="A66" s="5">
        <v>50</v>
      </c>
      <c r="B66" s="22">
        <v>35</v>
      </c>
      <c r="C66" s="14">
        <v>34</v>
      </c>
      <c r="D66" s="18">
        <v>69</v>
      </c>
    </row>
    <row r="67" spans="1:4" ht="18" customHeight="1" x14ac:dyDescent="0.15">
      <c r="A67" s="5">
        <v>51</v>
      </c>
      <c r="B67" s="22">
        <v>35</v>
      </c>
      <c r="C67" s="14">
        <v>42</v>
      </c>
      <c r="D67" s="18">
        <v>77</v>
      </c>
    </row>
    <row r="68" spans="1:4" ht="18" customHeight="1" x14ac:dyDescent="0.15">
      <c r="A68" s="5">
        <v>52</v>
      </c>
      <c r="B68" s="22">
        <v>42</v>
      </c>
      <c r="C68" s="14">
        <v>36</v>
      </c>
      <c r="D68" s="18">
        <v>78</v>
      </c>
    </row>
    <row r="69" spans="1:4" ht="18" customHeight="1" x14ac:dyDescent="0.15">
      <c r="A69" s="5">
        <v>53</v>
      </c>
      <c r="B69" s="22">
        <v>29</v>
      </c>
      <c r="C69" s="14">
        <v>44</v>
      </c>
      <c r="D69" s="18">
        <v>73</v>
      </c>
    </row>
    <row r="70" spans="1:4" ht="18" customHeight="1" x14ac:dyDescent="0.15">
      <c r="A70" s="5">
        <v>54</v>
      </c>
      <c r="B70" s="22">
        <v>31</v>
      </c>
      <c r="C70" s="14">
        <v>34</v>
      </c>
      <c r="D70" s="18">
        <v>65</v>
      </c>
    </row>
    <row r="71" spans="1:4" ht="18" customHeight="1" x14ac:dyDescent="0.15">
      <c r="A71" s="5" t="s">
        <v>22</v>
      </c>
      <c r="B71" s="22">
        <v>172</v>
      </c>
      <c r="C71" s="14">
        <v>190</v>
      </c>
      <c r="D71" s="18">
        <v>362</v>
      </c>
    </row>
    <row r="72" spans="1:4" ht="18" customHeight="1" x14ac:dyDescent="0.15">
      <c r="A72" s="5">
        <v>55</v>
      </c>
      <c r="B72" s="22">
        <v>45</v>
      </c>
      <c r="C72" s="14">
        <v>29</v>
      </c>
      <c r="D72" s="18">
        <v>74</v>
      </c>
    </row>
    <row r="73" spans="1:4" ht="18" customHeight="1" x14ac:dyDescent="0.15">
      <c r="A73" s="5">
        <v>56</v>
      </c>
      <c r="B73" s="22">
        <v>31</v>
      </c>
      <c r="C73" s="14">
        <v>28</v>
      </c>
      <c r="D73" s="18">
        <v>59</v>
      </c>
    </row>
    <row r="74" spans="1:4" ht="18" customHeight="1" x14ac:dyDescent="0.15">
      <c r="A74" s="5">
        <v>57</v>
      </c>
      <c r="B74" s="22">
        <v>35</v>
      </c>
      <c r="C74" s="14">
        <v>39</v>
      </c>
      <c r="D74" s="18">
        <v>74</v>
      </c>
    </row>
    <row r="75" spans="1:4" ht="18" customHeight="1" x14ac:dyDescent="0.15">
      <c r="A75" s="5">
        <v>58</v>
      </c>
      <c r="B75" s="22">
        <v>32</v>
      </c>
      <c r="C75" s="14">
        <v>36</v>
      </c>
      <c r="D75" s="18">
        <v>68</v>
      </c>
    </row>
    <row r="76" spans="1:4" ht="18" customHeight="1" x14ac:dyDescent="0.15">
      <c r="A76" s="5">
        <v>59</v>
      </c>
      <c r="B76" s="22">
        <v>29</v>
      </c>
      <c r="C76" s="14">
        <v>30</v>
      </c>
      <c r="D76" s="18">
        <v>59</v>
      </c>
    </row>
    <row r="77" spans="1:4" ht="18" customHeight="1" x14ac:dyDescent="0.15">
      <c r="A77" s="5" t="s">
        <v>27</v>
      </c>
      <c r="B77" s="22">
        <v>172</v>
      </c>
      <c r="C77" s="14">
        <v>162</v>
      </c>
      <c r="D77" s="18">
        <v>334</v>
      </c>
    </row>
    <row r="78" spans="1:4" ht="18" customHeight="1" x14ac:dyDescent="0.15">
      <c r="A78" s="5">
        <v>60</v>
      </c>
      <c r="B78" s="22">
        <v>25</v>
      </c>
      <c r="C78" s="14">
        <v>23</v>
      </c>
      <c r="D78" s="18">
        <v>48</v>
      </c>
    </row>
    <row r="79" spans="1:4" ht="18" customHeight="1" x14ac:dyDescent="0.15">
      <c r="A79" s="5">
        <v>61</v>
      </c>
      <c r="B79" s="22">
        <v>26</v>
      </c>
      <c r="C79" s="14">
        <v>34</v>
      </c>
      <c r="D79" s="18">
        <v>60</v>
      </c>
    </row>
    <row r="80" spans="1:4" ht="18" customHeight="1" x14ac:dyDescent="0.15">
      <c r="A80" s="5">
        <v>62</v>
      </c>
      <c r="B80" s="22">
        <v>21</v>
      </c>
      <c r="C80" s="14">
        <v>20</v>
      </c>
      <c r="D80" s="18">
        <v>41</v>
      </c>
    </row>
    <row r="81" spans="1:4" ht="18" customHeight="1" x14ac:dyDescent="0.15">
      <c r="A81" s="5">
        <v>63</v>
      </c>
      <c r="B81" s="22">
        <v>24</v>
      </c>
      <c r="C81" s="14">
        <v>26</v>
      </c>
      <c r="D81" s="18">
        <v>50</v>
      </c>
    </row>
    <row r="82" spans="1:4" ht="18" customHeight="1" x14ac:dyDescent="0.15">
      <c r="A82" s="5">
        <v>64</v>
      </c>
      <c r="B82" s="22">
        <v>26</v>
      </c>
      <c r="C82" s="14">
        <v>24</v>
      </c>
      <c r="D82" s="18">
        <v>50</v>
      </c>
    </row>
    <row r="83" spans="1:4" ht="18" customHeight="1" x14ac:dyDescent="0.15">
      <c r="A83" s="5" t="s">
        <v>28</v>
      </c>
      <c r="B83" s="22">
        <v>122</v>
      </c>
      <c r="C83" s="14">
        <v>127</v>
      </c>
      <c r="D83" s="18">
        <v>249</v>
      </c>
    </row>
    <row r="84" spans="1:4" ht="18" customHeight="1" x14ac:dyDescent="0.15">
      <c r="A84" s="5" t="s">
        <v>31</v>
      </c>
      <c r="B84" s="22">
        <v>1153</v>
      </c>
      <c r="C84" s="14">
        <v>1086</v>
      </c>
      <c r="D84" s="18">
        <v>2239</v>
      </c>
    </row>
    <row r="85" spans="1:4" ht="18" customHeight="1" x14ac:dyDescent="0.15">
      <c r="A85" s="5">
        <v>65</v>
      </c>
      <c r="B85" s="22">
        <v>27</v>
      </c>
      <c r="C85" s="14">
        <v>17</v>
      </c>
      <c r="D85" s="18">
        <v>44</v>
      </c>
    </row>
    <row r="86" spans="1:4" ht="18" customHeight="1" x14ac:dyDescent="0.15">
      <c r="A86" s="5">
        <v>66</v>
      </c>
      <c r="B86" s="22">
        <v>23</v>
      </c>
      <c r="C86" s="14">
        <v>20</v>
      </c>
      <c r="D86" s="18">
        <v>43</v>
      </c>
    </row>
    <row r="87" spans="1:4" ht="18" customHeight="1" x14ac:dyDescent="0.15">
      <c r="A87" s="5">
        <v>67</v>
      </c>
      <c r="B87" s="22">
        <v>25</v>
      </c>
      <c r="C87" s="14">
        <v>21</v>
      </c>
      <c r="D87" s="18">
        <v>46</v>
      </c>
    </row>
    <row r="88" spans="1:4" ht="18" customHeight="1" x14ac:dyDescent="0.15">
      <c r="A88" s="5">
        <v>68</v>
      </c>
      <c r="B88" s="22">
        <v>18</v>
      </c>
      <c r="C88" s="14">
        <v>19</v>
      </c>
      <c r="D88" s="18">
        <v>37</v>
      </c>
    </row>
    <row r="89" spans="1:4" ht="18" customHeight="1" x14ac:dyDescent="0.15">
      <c r="A89" s="5">
        <v>69</v>
      </c>
      <c r="B89" s="22">
        <v>17</v>
      </c>
      <c r="C89" s="14">
        <v>27</v>
      </c>
      <c r="D89" s="18">
        <v>44</v>
      </c>
    </row>
    <row r="90" spans="1:4" ht="18" customHeight="1" x14ac:dyDescent="0.15">
      <c r="A90" s="5" t="s">
        <v>20</v>
      </c>
      <c r="B90" s="22">
        <v>110</v>
      </c>
      <c r="C90" s="14">
        <v>104</v>
      </c>
      <c r="D90" s="18">
        <v>214</v>
      </c>
    </row>
    <row r="91" spans="1:4" ht="18" customHeight="1" x14ac:dyDescent="0.15">
      <c r="A91" s="5">
        <v>70</v>
      </c>
      <c r="B91" s="22">
        <v>18</v>
      </c>
      <c r="C91" s="14">
        <v>20</v>
      </c>
      <c r="D91" s="18">
        <v>38</v>
      </c>
    </row>
    <row r="92" spans="1:4" ht="18" customHeight="1" x14ac:dyDescent="0.15">
      <c r="A92" s="5">
        <v>71</v>
      </c>
      <c r="B92" s="22">
        <v>24</v>
      </c>
      <c r="C92" s="14">
        <v>21</v>
      </c>
      <c r="D92" s="18">
        <v>45</v>
      </c>
    </row>
    <row r="93" spans="1:4" ht="18" customHeight="1" x14ac:dyDescent="0.15">
      <c r="A93" s="5">
        <v>72</v>
      </c>
      <c r="B93" s="22">
        <v>28</v>
      </c>
      <c r="C93" s="14">
        <v>22</v>
      </c>
      <c r="D93" s="18">
        <v>50</v>
      </c>
    </row>
    <row r="94" spans="1:4" ht="18" customHeight="1" x14ac:dyDescent="0.15">
      <c r="A94" s="5">
        <v>73</v>
      </c>
      <c r="B94" s="22">
        <v>27</v>
      </c>
      <c r="C94" s="14">
        <v>26</v>
      </c>
      <c r="D94" s="18">
        <v>53</v>
      </c>
    </row>
    <row r="95" spans="1:4" ht="18" customHeight="1" x14ac:dyDescent="0.15">
      <c r="A95" s="5">
        <v>74</v>
      </c>
      <c r="B95" s="22">
        <v>17</v>
      </c>
      <c r="C95" s="14">
        <v>29</v>
      </c>
      <c r="D95" s="18">
        <v>46</v>
      </c>
    </row>
    <row r="96" spans="1:4" ht="18" customHeight="1" x14ac:dyDescent="0.15">
      <c r="A96" s="5" t="s">
        <v>33</v>
      </c>
      <c r="B96" s="22">
        <v>114</v>
      </c>
      <c r="C96" s="14">
        <v>118</v>
      </c>
      <c r="D96" s="18">
        <v>232</v>
      </c>
    </row>
    <row r="97" spans="1:4" ht="18" customHeight="1" x14ac:dyDescent="0.15">
      <c r="A97" s="5">
        <v>75</v>
      </c>
      <c r="B97" s="22">
        <v>23</v>
      </c>
      <c r="C97" s="14">
        <v>34</v>
      </c>
      <c r="D97" s="18">
        <v>57</v>
      </c>
    </row>
    <row r="98" spans="1:4" ht="18" customHeight="1" x14ac:dyDescent="0.15">
      <c r="A98" s="5">
        <v>76</v>
      </c>
      <c r="B98" s="22">
        <v>25</v>
      </c>
      <c r="C98" s="14">
        <v>43</v>
      </c>
      <c r="D98" s="18">
        <v>68</v>
      </c>
    </row>
    <row r="99" spans="1:4" ht="18" customHeight="1" x14ac:dyDescent="0.15">
      <c r="A99" s="5">
        <v>77</v>
      </c>
      <c r="B99" s="22">
        <v>42</v>
      </c>
      <c r="C99" s="14">
        <v>47</v>
      </c>
      <c r="D99" s="18">
        <v>89</v>
      </c>
    </row>
    <row r="100" spans="1:4" ht="18" customHeight="1" x14ac:dyDescent="0.15">
      <c r="A100" s="5">
        <v>78</v>
      </c>
      <c r="B100" s="22">
        <v>32</v>
      </c>
      <c r="C100" s="14">
        <v>40</v>
      </c>
      <c r="D100" s="18">
        <v>72</v>
      </c>
    </row>
    <row r="101" spans="1:4" ht="18" customHeight="1" x14ac:dyDescent="0.15">
      <c r="A101" s="5">
        <v>79</v>
      </c>
      <c r="B101" s="22">
        <v>23</v>
      </c>
      <c r="C101" s="14">
        <v>30</v>
      </c>
      <c r="D101" s="18">
        <v>53</v>
      </c>
    </row>
    <row r="102" spans="1:4" ht="18" customHeight="1" x14ac:dyDescent="0.15">
      <c r="A102" s="5" t="s">
        <v>0</v>
      </c>
      <c r="B102" s="22">
        <v>145</v>
      </c>
      <c r="C102" s="14">
        <v>194</v>
      </c>
      <c r="D102" s="18">
        <v>339</v>
      </c>
    </row>
    <row r="103" spans="1:4" ht="18" customHeight="1" x14ac:dyDescent="0.15">
      <c r="A103" s="5">
        <v>80</v>
      </c>
      <c r="B103" s="22">
        <v>20</v>
      </c>
      <c r="C103" s="14">
        <v>17</v>
      </c>
      <c r="D103" s="18">
        <v>37</v>
      </c>
    </row>
    <row r="104" spans="1:4" ht="18" customHeight="1" x14ac:dyDescent="0.15">
      <c r="A104" s="5">
        <v>81</v>
      </c>
      <c r="B104" s="22">
        <v>27</v>
      </c>
      <c r="C104" s="14">
        <v>23</v>
      </c>
      <c r="D104" s="18">
        <v>50</v>
      </c>
    </row>
    <row r="105" spans="1:4" ht="18" customHeight="1" x14ac:dyDescent="0.15">
      <c r="A105" s="5">
        <v>82</v>
      </c>
      <c r="B105" s="22">
        <v>13</v>
      </c>
      <c r="C105" s="14">
        <v>37</v>
      </c>
      <c r="D105" s="18">
        <v>50</v>
      </c>
    </row>
    <row r="106" spans="1:4" ht="18" customHeight="1" x14ac:dyDescent="0.15">
      <c r="A106" s="5">
        <v>83</v>
      </c>
      <c r="B106" s="22">
        <v>17</v>
      </c>
      <c r="C106" s="14">
        <v>32</v>
      </c>
      <c r="D106" s="18">
        <v>49</v>
      </c>
    </row>
    <row r="107" spans="1:4" ht="18" customHeight="1" x14ac:dyDescent="0.15">
      <c r="A107" s="5">
        <v>84</v>
      </c>
      <c r="B107" s="22">
        <v>20</v>
      </c>
      <c r="C107" s="14">
        <v>41</v>
      </c>
      <c r="D107" s="18">
        <v>61</v>
      </c>
    </row>
    <row r="108" spans="1:4" ht="18" customHeight="1" x14ac:dyDescent="0.15">
      <c r="A108" s="5" t="s">
        <v>35</v>
      </c>
      <c r="B108" s="22">
        <v>97</v>
      </c>
      <c r="C108" s="14">
        <v>150</v>
      </c>
      <c r="D108" s="18">
        <v>247</v>
      </c>
    </row>
    <row r="109" spans="1:4" ht="18" customHeight="1" x14ac:dyDescent="0.15">
      <c r="A109" s="5">
        <v>85</v>
      </c>
      <c r="B109" s="22">
        <v>13</v>
      </c>
      <c r="C109" s="14">
        <v>19</v>
      </c>
      <c r="D109" s="18">
        <v>32</v>
      </c>
    </row>
    <row r="110" spans="1:4" ht="18" customHeight="1" x14ac:dyDescent="0.15">
      <c r="A110" s="5">
        <v>86</v>
      </c>
      <c r="B110" s="22">
        <v>16</v>
      </c>
      <c r="C110" s="14">
        <v>29</v>
      </c>
      <c r="D110" s="18">
        <v>45</v>
      </c>
    </row>
    <row r="111" spans="1:4" ht="18" customHeight="1" x14ac:dyDescent="0.15">
      <c r="A111" s="5">
        <v>87</v>
      </c>
      <c r="B111" s="22">
        <v>5</v>
      </c>
      <c r="C111" s="14">
        <v>17</v>
      </c>
      <c r="D111" s="18">
        <v>22</v>
      </c>
    </row>
    <row r="112" spans="1:4" ht="18" customHeight="1" x14ac:dyDescent="0.15">
      <c r="A112" s="5">
        <v>88</v>
      </c>
      <c r="B112" s="22">
        <v>11</v>
      </c>
      <c r="C112" s="14">
        <v>24</v>
      </c>
      <c r="D112" s="18">
        <v>35</v>
      </c>
    </row>
    <row r="113" spans="1:4" ht="18" customHeight="1" x14ac:dyDescent="0.15">
      <c r="A113" s="5">
        <v>89</v>
      </c>
      <c r="B113" s="22">
        <v>6</v>
      </c>
      <c r="C113" s="14">
        <v>15</v>
      </c>
      <c r="D113" s="18">
        <v>21</v>
      </c>
    </row>
    <row r="114" spans="1:4" ht="18" customHeight="1" x14ac:dyDescent="0.15">
      <c r="A114" s="5" t="s">
        <v>37</v>
      </c>
      <c r="B114" s="22">
        <v>51</v>
      </c>
      <c r="C114" s="14">
        <v>104</v>
      </c>
      <c r="D114" s="18">
        <v>155</v>
      </c>
    </row>
    <row r="115" spans="1:4" ht="18" customHeight="1" x14ac:dyDescent="0.15">
      <c r="A115" s="5">
        <v>90</v>
      </c>
      <c r="B115" s="22">
        <v>3</v>
      </c>
      <c r="C115" s="14">
        <v>23</v>
      </c>
      <c r="D115" s="18">
        <v>26</v>
      </c>
    </row>
    <row r="116" spans="1:4" ht="18" customHeight="1" x14ac:dyDescent="0.15">
      <c r="A116" s="5">
        <v>91</v>
      </c>
      <c r="B116" s="22">
        <v>4</v>
      </c>
      <c r="C116" s="14">
        <v>13</v>
      </c>
      <c r="D116" s="18">
        <v>17</v>
      </c>
    </row>
    <row r="117" spans="1:4" ht="18" customHeight="1" x14ac:dyDescent="0.15">
      <c r="A117" s="5">
        <v>92</v>
      </c>
      <c r="B117" s="22">
        <v>1</v>
      </c>
      <c r="C117" s="14">
        <v>9</v>
      </c>
      <c r="D117" s="18">
        <v>10</v>
      </c>
    </row>
    <row r="118" spans="1:4" ht="18" customHeight="1" x14ac:dyDescent="0.15">
      <c r="A118" s="5">
        <v>93</v>
      </c>
      <c r="B118" s="22">
        <v>3</v>
      </c>
      <c r="C118" s="14">
        <v>10</v>
      </c>
      <c r="D118" s="18">
        <v>13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14</v>
      </c>
      <c r="C120" s="14">
        <v>64</v>
      </c>
      <c r="D120" s="18">
        <v>78</v>
      </c>
    </row>
    <row r="121" spans="1:4" ht="18" customHeight="1" x14ac:dyDescent="0.15">
      <c r="A121" s="5">
        <v>95</v>
      </c>
      <c r="B121" s="22">
        <v>2</v>
      </c>
      <c r="C121" s="14">
        <v>8</v>
      </c>
      <c r="D121" s="18">
        <v>10</v>
      </c>
    </row>
    <row r="122" spans="1:4" ht="18" customHeight="1" x14ac:dyDescent="0.15">
      <c r="A122" s="5">
        <v>96</v>
      </c>
      <c r="B122" s="22">
        <v>0</v>
      </c>
      <c r="C122" s="14">
        <v>7</v>
      </c>
      <c r="D122" s="18">
        <v>7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21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34</v>
      </c>
      <c r="C130" s="14">
        <v>758</v>
      </c>
      <c r="D130" s="18">
        <v>1292</v>
      </c>
    </row>
    <row r="131" spans="1:4" ht="18" customHeight="1" x14ac:dyDescent="0.15">
      <c r="A131" s="7" t="s">
        <v>45</v>
      </c>
      <c r="B131" s="23">
        <v>1846</v>
      </c>
      <c r="C131" s="15">
        <v>2004</v>
      </c>
      <c r="D131" s="19">
        <v>38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9</v>
      </c>
      <c r="C5" s="13">
        <v>41</v>
      </c>
      <c r="D5" s="17">
        <v>90</v>
      </c>
    </row>
    <row r="6" spans="1:4" ht="18" customHeight="1" x14ac:dyDescent="0.15">
      <c r="A6" s="5">
        <v>1</v>
      </c>
      <c r="B6" s="22">
        <v>56</v>
      </c>
      <c r="C6" s="14">
        <v>44</v>
      </c>
      <c r="D6" s="18">
        <v>100</v>
      </c>
    </row>
    <row r="7" spans="1:4" ht="18" customHeight="1" x14ac:dyDescent="0.15">
      <c r="A7" s="5">
        <v>2</v>
      </c>
      <c r="B7" s="22">
        <v>57</v>
      </c>
      <c r="C7" s="14">
        <v>41</v>
      </c>
      <c r="D7" s="18">
        <v>98</v>
      </c>
    </row>
    <row r="8" spans="1:4" ht="18" customHeight="1" x14ac:dyDescent="0.15">
      <c r="A8" s="5">
        <v>3</v>
      </c>
      <c r="B8" s="22">
        <v>58</v>
      </c>
      <c r="C8" s="14">
        <v>51</v>
      </c>
      <c r="D8" s="18">
        <v>109</v>
      </c>
    </row>
    <row r="9" spans="1:4" ht="18" customHeight="1" x14ac:dyDescent="0.15">
      <c r="A9" s="5">
        <v>4</v>
      </c>
      <c r="B9" s="22">
        <v>77</v>
      </c>
      <c r="C9" s="14">
        <v>56</v>
      </c>
      <c r="D9" s="18">
        <v>133</v>
      </c>
    </row>
    <row r="10" spans="1:4" ht="18" customHeight="1" x14ac:dyDescent="0.15">
      <c r="A10" s="5" t="s">
        <v>7</v>
      </c>
      <c r="B10" s="22">
        <v>297</v>
      </c>
      <c r="C10" s="14">
        <v>233</v>
      </c>
      <c r="D10" s="18">
        <v>530</v>
      </c>
    </row>
    <row r="11" spans="1:4" ht="18" customHeight="1" x14ac:dyDescent="0.15">
      <c r="A11" s="5">
        <v>5</v>
      </c>
      <c r="B11" s="22">
        <v>60</v>
      </c>
      <c r="C11" s="14">
        <v>68</v>
      </c>
      <c r="D11" s="18">
        <v>128</v>
      </c>
    </row>
    <row r="12" spans="1:4" ht="18" customHeight="1" x14ac:dyDescent="0.15">
      <c r="A12" s="5">
        <v>6</v>
      </c>
      <c r="B12" s="22">
        <v>76</v>
      </c>
      <c r="C12" s="14">
        <v>62</v>
      </c>
      <c r="D12" s="18">
        <v>138</v>
      </c>
    </row>
    <row r="13" spans="1:4" ht="18" customHeight="1" x14ac:dyDescent="0.15">
      <c r="A13" s="5">
        <v>7</v>
      </c>
      <c r="B13" s="22">
        <v>77</v>
      </c>
      <c r="C13" s="14">
        <v>51</v>
      </c>
      <c r="D13" s="18">
        <v>128</v>
      </c>
    </row>
    <row r="14" spans="1:4" ht="18" customHeight="1" x14ac:dyDescent="0.15">
      <c r="A14" s="5">
        <v>8</v>
      </c>
      <c r="B14" s="22">
        <v>63</v>
      </c>
      <c r="C14" s="14">
        <v>73</v>
      </c>
      <c r="D14" s="18">
        <v>136</v>
      </c>
    </row>
    <row r="15" spans="1:4" ht="18" customHeight="1" x14ac:dyDescent="0.15">
      <c r="A15" s="5">
        <v>9</v>
      </c>
      <c r="B15" s="22">
        <v>64</v>
      </c>
      <c r="C15" s="14">
        <v>76</v>
      </c>
      <c r="D15" s="18">
        <v>140</v>
      </c>
    </row>
    <row r="16" spans="1:4" ht="18" customHeight="1" x14ac:dyDescent="0.15">
      <c r="A16" s="5" t="s">
        <v>11</v>
      </c>
      <c r="B16" s="22">
        <v>340</v>
      </c>
      <c r="C16" s="14">
        <v>330</v>
      </c>
      <c r="D16" s="18">
        <v>670</v>
      </c>
    </row>
    <row r="17" spans="1:4" ht="18" customHeight="1" x14ac:dyDescent="0.15">
      <c r="A17" s="5">
        <v>10</v>
      </c>
      <c r="B17" s="22">
        <v>51</v>
      </c>
      <c r="C17" s="14">
        <v>63</v>
      </c>
      <c r="D17" s="18">
        <v>114</v>
      </c>
    </row>
    <row r="18" spans="1:4" ht="18" customHeight="1" x14ac:dyDescent="0.15">
      <c r="A18" s="5">
        <v>11</v>
      </c>
      <c r="B18" s="22">
        <v>66</v>
      </c>
      <c r="C18" s="14">
        <v>67</v>
      </c>
      <c r="D18" s="18">
        <v>133</v>
      </c>
    </row>
    <row r="19" spans="1:4" ht="18" customHeight="1" x14ac:dyDescent="0.15">
      <c r="A19" s="5">
        <v>12</v>
      </c>
      <c r="B19" s="22">
        <v>72</v>
      </c>
      <c r="C19" s="14">
        <v>67</v>
      </c>
      <c r="D19" s="18">
        <v>139</v>
      </c>
    </row>
    <row r="20" spans="1:4" ht="18" customHeight="1" x14ac:dyDescent="0.15">
      <c r="A20" s="5">
        <v>13</v>
      </c>
      <c r="B20" s="22">
        <v>66</v>
      </c>
      <c r="C20" s="14">
        <v>71</v>
      </c>
      <c r="D20" s="18">
        <v>137</v>
      </c>
    </row>
    <row r="21" spans="1:4" ht="18" customHeight="1" x14ac:dyDescent="0.15">
      <c r="A21" s="5">
        <v>14</v>
      </c>
      <c r="B21" s="22">
        <v>65</v>
      </c>
      <c r="C21" s="14">
        <v>60</v>
      </c>
      <c r="D21" s="18">
        <v>125</v>
      </c>
    </row>
    <row r="22" spans="1:4" ht="18" customHeight="1" x14ac:dyDescent="0.15">
      <c r="A22" s="5" t="s">
        <v>12</v>
      </c>
      <c r="B22" s="22">
        <v>320</v>
      </c>
      <c r="C22" s="14">
        <v>328</v>
      </c>
      <c r="D22" s="18">
        <v>648</v>
      </c>
    </row>
    <row r="23" spans="1:4" ht="18" customHeight="1" x14ac:dyDescent="0.15">
      <c r="A23" s="5" t="s">
        <v>6</v>
      </c>
      <c r="B23" s="22">
        <v>957</v>
      </c>
      <c r="C23" s="14">
        <v>891</v>
      </c>
      <c r="D23" s="18">
        <v>1848</v>
      </c>
    </row>
    <row r="24" spans="1:4" ht="18" customHeight="1" x14ac:dyDescent="0.15">
      <c r="A24" s="5">
        <v>15</v>
      </c>
      <c r="B24" s="22">
        <v>68</v>
      </c>
      <c r="C24" s="14">
        <v>68</v>
      </c>
      <c r="D24" s="18">
        <v>136</v>
      </c>
    </row>
    <row r="25" spans="1:4" ht="18" customHeight="1" x14ac:dyDescent="0.15">
      <c r="A25" s="5">
        <v>16</v>
      </c>
      <c r="B25" s="22">
        <v>75</v>
      </c>
      <c r="C25" s="14">
        <v>60</v>
      </c>
      <c r="D25" s="18">
        <v>135</v>
      </c>
    </row>
    <row r="26" spans="1:4" ht="18" customHeight="1" x14ac:dyDescent="0.15">
      <c r="A26" s="5">
        <v>17</v>
      </c>
      <c r="B26" s="22">
        <v>73</v>
      </c>
      <c r="C26" s="14">
        <v>67</v>
      </c>
      <c r="D26" s="18">
        <v>140</v>
      </c>
    </row>
    <row r="27" spans="1:4" ht="18" customHeight="1" x14ac:dyDescent="0.15">
      <c r="A27" s="5">
        <v>18</v>
      </c>
      <c r="B27" s="22">
        <v>54</v>
      </c>
      <c r="C27" s="14">
        <v>54</v>
      </c>
      <c r="D27" s="18">
        <v>108</v>
      </c>
    </row>
    <row r="28" spans="1:4" ht="18" customHeight="1" x14ac:dyDescent="0.15">
      <c r="A28" s="5">
        <v>19</v>
      </c>
      <c r="B28" s="22">
        <v>61</v>
      </c>
      <c r="C28" s="14">
        <v>48</v>
      </c>
      <c r="D28" s="18">
        <v>109</v>
      </c>
    </row>
    <row r="29" spans="1:4" ht="18" customHeight="1" x14ac:dyDescent="0.15">
      <c r="A29" s="5" t="s">
        <v>14</v>
      </c>
      <c r="B29" s="22">
        <v>331</v>
      </c>
      <c r="C29" s="14">
        <v>297</v>
      </c>
      <c r="D29" s="18">
        <v>628</v>
      </c>
    </row>
    <row r="30" spans="1:4" ht="18" customHeight="1" x14ac:dyDescent="0.15">
      <c r="A30" s="5">
        <v>20</v>
      </c>
      <c r="B30" s="22">
        <v>56</v>
      </c>
      <c r="C30" s="14">
        <v>67</v>
      </c>
      <c r="D30" s="18">
        <v>123</v>
      </c>
    </row>
    <row r="31" spans="1:4" ht="18" customHeight="1" x14ac:dyDescent="0.15">
      <c r="A31" s="5">
        <v>21</v>
      </c>
      <c r="B31" s="22">
        <v>57</v>
      </c>
      <c r="C31" s="14">
        <v>60</v>
      </c>
      <c r="D31" s="18">
        <v>117</v>
      </c>
    </row>
    <row r="32" spans="1:4" ht="18" customHeight="1" x14ac:dyDescent="0.15">
      <c r="A32" s="5">
        <v>22</v>
      </c>
      <c r="B32" s="22">
        <v>59</v>
      </c>
      <c r="C32" s="14">
        <v>60</v>
      </c>
      <c r="D32" s="18">
        <v>119</v>
      </c>
    </row>
    <row r="33" spans="1:4" ht="18" customHeight="1" x14ac:dyDescent="0.15">
      <c r="A33" s="5">
        <v>23</v>
      </c>
      <c r="B33" s="22">
        <v>53</v>
      </c>
      <c r="C33" s="14">
        <v>70</v>
      </c>
      <c r="D33" s="18">
        <v>123</v>
      </c>
    </row>
    <row r="34" spans="1:4" ht="18" customHeight="1" x14ac:dyDescent="0.15">
      <c r="A34" s="5">
        <v>24</v>
      </c>
      <c r="B34" s="22">
        <v>65</v>
      </c>
      <c r="C34" s="14">
        <v>66</v>
      </c>
      <c r="D34" s="18">
        <v>131</v>
      </c>
    </row>
    <row r="35" spans="1:4" ht="18" customHeight="1" x14ac:dyDescent="0.15">
      <c r="A35" s="5" t="s">
        <v>9</v>
      </c>
      <c r="B35" s="22">
        <v>290</v>
      </c>
      <c r="C35" s="14">
        <v>323</v>
      </c>
      <c r="D35" s="18">
        <v>613</v>
      </c>
    </row>
    <row r="36" spans="1:4" ht="18" customHeight="1" x14ac:dyDescent="0.15">
      <c r="A36" s="5">
        <v>25</v>
      </c>
      <c r="B36" s="22">
        <v>75</v>
      </c>
      <c r="C36" s="14">
        <v>66</v>
      </c>
      <c r="D36" s="18">
        <v>141</v>
      </c>
    </row>
    <row r="37" spans="1:4" ht="18" customHeight="1" x14ac:dyDescent="0.15">
      <c r="A37" s="5">
        <v>26</v>
      </c>
      <c r="B37" s="22">
        <v>90</v>
      </c>
      <c r="C37" s="14">
        <v>80</v>
      </c>
      <c r="D37" s="18">
        <v>170</v>
      </c>
    </row>
    <row r="38" spans="1:4" ht="18" customHeight="1" x14ac:dyDescent="0.15">
      <c r="A38" s="5">
        <v>27</v>
      </c>
      <c r="B38" s="22">
        <v>80</v>
      </c>
      <c r="C38" s="14">
        <v>75</v>
      </c>
      <c r="D38" s="18">
        <v>155</v>
      </c>
    </row>
    <row r="39" spans="1:4" ht="18" customHeight="1" x14ac:dyDescent="0.15">
      <c r="A39" s="5">
        <v>28</v>
      </c>
      <c r="B39" s="22">
        <v>82</v>
      </c>
      <c r="C39" s="14">
        <v>76</v>
      </c>
      <c r="D39" s="18">
        <v>158</v>
      </c>
    </row>
    <row r="40" spans="1:4" ht="18" customHeight="1" x14ac:dyDescent="0.15">
      <c r="A40" s="5">
        <v>29</v>
      </c>
      <c r="B40" s="22">
        <v>101</v>
      </c>
      <c r="C40" s="14">
        <v>75</v>
      </c>
      <c r="D40" s="18">
        <v>176</v>
      </c>
    </row>
    <row r="41" spans="1:4" ht="18" customHeight="1" x14ac:dyDescent="0.15">
      <c r="A41" s="5" t="s">
        <v>2</v>
      </c>
      <c r="B41" s="22">
        <v>428</v>
      </c>
      <c r="C41" s="14">
        <v>372</v>
      </c>
      <c r="D41" s="18">
        <v>800</v>
      </c>
    </row>
    <row r="42" spans="1:4" ht="18" customHeight="1" x14ac:dyDescent="0.15">
      <c r="A42" s="5">
        <v>30</v>
      </c>
      <c r="B42" s="22">
        <v>77</v>
      </c>
      <c r="C42" s="14">
        <v>83</v>
      </c>
      <c r="D42" s="18">
        <v>160</v>
      </c>
    </row>
    <row r="43" spans="1:4" ht="18" customHeight="1" x14ac:dyDescent="0.15">
      <c r="A43" s="5">
        <v>31</v>
      </c>
      <c r="B43" s="22">
        <v>76</v>
      </c>
      <c r="C43" s="14">
        <v>79</v>
      </c>
      <c r="D43" s="18">
        <v>155</v>
      </c>
    </row>
    <row r="44" spans="1:4" ht="18" customHeight="1" x14ac:dyDescent="0.15">
      <c r="A44" s="5">
        <v>32</v>
      </c>
      <c r="B44" s="22">
        <v>81</v>
      </c>
      <c r="C44" s="14">
        <v>75</v>
      </c>
      <c r="D44" s="18">
        <v>156</v>
      </c>
    </row>
    <row r="45" spans="1:4" ht="18" customHeight="1" x14ac:dyDescent="0.15">
      <c r="A45" s="5">
        <v>33</v>
      </c>
      <c r="B45" s="22">
        <v>91</v>
      </c>
      <c r="C45" s="14">
        <v>85</v>
      </c>
      <c r="D45" s="18">
        <v>176</v>
      </c>
    </row>
    <row r="46" spans="1:4" ht="18" customHeight="1" x14ac:dyDescent="0.15">
      <c r="A46" s="5">
        <v>34</v>
      </c>
      <c r="B46" s="22">
        <v>75</v>
      </c>
      <c r="C46" s="14">
        <v>66</v>
      </c>
      <c r="D46" s="18">
        <v>141</v>
      </c>
    </row>
    <row r="47" spans="1:4" ht="18" customHeight="1" x14ac:dyDescent="0.15">
      <c r="A47" s="5" t="s">
        <v>15</v>
      </c>
      <c r="B47" s="22">
        <v>400</v>
      </c>
      <c r="C47" s="14">
        <v>388</v>
      </c>
      <c r="D47" s="18">
        <v>788</v>
      </c>
    </row>
    <row r="48" spans="1:4" ht="18" customHeight="1" x14ac:dyDescent="0.15">
      <c r="A48" s="5">
        <v>35</v>
      </c>
      <c r="B48" s="22">
        <v>97</v>
      </c>
      <c r="C48" s="14">
        <v>77</v>
      </c>
      <c r="D48" s="18">
        <v>174</v>
      </c>
    </row>
    <row r="49" spans="1:4" ht="18" customHeight="1" x14ac:dyDescent="0.15">
      <c r="A49" s="5">
        <v>36</v>
      </c>
      <c r="B49" s="22">
        <v>83</v>
      </c>
      <c r="C49" s="14">
        <v>65</v>
      </c>
      <c r="D49" s="18">
        <v>148</v>
      </c>
    </row>
    <row r="50" spans="1:4" ht="18" customHeight="1" x14ac:dyDescent="0.15">
      <c r="A50" s="5">
        <v>37</v>
      </c>
      <c r="B50" s="22">
        <v>94</v>
      </c>
      <c r="C50" s="14">
        <v>81</v>
      </c>
      <c r="D50" s="18">
        <v>175</v>
      </c>
    </row>
    <row r="51" spans="1:4" ht="18" customHeight="1" x14ac:dyDescent="0.15">
      <c r="A51" s="5">
        <v>38</v>
      </c>
      <c r="B51" s="22">
        <v>90</v>
      </c>
      <c r="C51" s="14">
        <v>96</v>
      </c>
      <c r="D51" s="18">
        <v>186</v>
      </c>
    </row>
    <row r="52" spans="1:4" ht="18" customHeight="1" x14ac:dyDescent="0.15">
      <c r="A52" s="5">
        <v>39</v>
      </c>
      <c r="B52" s="22">
        <v>78</v>
      </c>
      <c r="C52" s="14">
        <v>84</v>
      </c>
      <c r="D52" s="18">
        <v>162</v>
      </c>
    </row>
    <row r="53" spans="1:4" ht="18" customHeight="1" x14ac:dyDescent="0.15">
      <c r="A53" s="5" t="s">
        <v>18</v>
      </c>
      <c r="B53" s="22">
        <v>442</v>
      </c>
      <c r="C53" s="14">
        <v>403</v>
      </c>
      <c r="D53" s="18">
        <v>845</v>
      </c>
    </row>
    <row r="54" spans="1:4" ht="18" customHeight="1" x14ac:dyDescent="0.15">
      <c r="A54" s="5">
        <v>40</v>
      </c>
      <c r="B54" s="22">
        <v>97</v>
      </c>
      <c r="C54" s="14">
        <v>90</v>
      </c>
      <c r="D54" s="18">
        <v>187</v>
      </c>
    </row>
    <row r="55" spans="1:4" ht="18" customHeight="1" x14ac:dyDescent="0.15">
      <c r="A55" s="5">
        <v>41</v>
      </c>
      <c r="B55" s="22">
        <v>95</v>
      </c>
      <c r="C55" s="14">
        <v>104</v>
      </c>
      <c r="D55" s="18">
        <v>199</v>
      </c>
    </row>
    <row r="56" spans="1:4" ht="18" customHeight="1" x14ac:dyDescent="0.15">
      <c r="A56" s="5">
        <v>42</v>
      </c>
      <c r="B56" s="22">
        <v>107</v>
      </c>
      <c r="C56" s="14">
        <v>93</v>
      </c>
      <c r="D56" s="18">
        <v>200</v>
      </c>
    </row>
    <row r="57" spans="1:4" ht="18" customHeight="1" x14ac:dyDescent="0.15">
      <c r="A57" s="5">
        <v>43</v>
      </c>
      <c r="B57" s="22">
        <v>85</v>
      </c>
      <c r="C57" s="14">
        <v>80</v>
      </c>
      <c r="D57" s="18">
        <v>165</v>
      </c>
    </row>
    <row r="58" spans="1:4" ht="18" customHeight="1" x14ac:dyDescent="0.15">
      <c r="A58" s="5">
        <v>44</v>
      </c>
      <c r="B58" s="22">
        <v>110</v>
      </c>
      <c r="C58" s="14">
        <v>91</v>
      </c>
      <c r="D58" s="18">
        <v>201</v>
      </c>
    </row>
    <row r="59" spans="1:4" ht="18" customHeight="1" x14ac:dyDescent="0.15">
      <c r="A59" s="5" t="s">
        <v>21</v>
      </c>
      <c r="B59" s="22">
        <v>494</v>
      </c>
      <c r="C59" s="14">
        <v>458</v>
      </c>
      <c r="D59" s="18">
        <v>952</v>
      </c>
    </row>
    <row r="60" spans="1:4" ht="18" customHeight="1" x14ac:dyDescent="0.15">
      <c r="A60" s="5">
        <v>45</v>
      </c>
      <c r="B60" s="22">
        <v>90</v>
      </c>
      <c r="C60" s="14">
        <v>90</v>
      </c>
      <c r="D60" s="18">
        <v>180</v>
      </c>
    </row>
    <row r="61" spans="1:4" ht="18" customHeight="1" x14ac:dyDescent="0.15">
      <c r="A61" s="5">
        <v>46</v>
      </c>
      <c r="B61" s="22">
        <v>112</v>
      </c>
      <c r="C61" s="14">
        <v>95</v>
      </c>
      <c r="D61" s="18">
        <v>207</v>
      </c>
    </row>
    <row r="62" spans="1:4" ht="18" customHeight="1" x14ac:dyDescent="0.15">
      <c r="A62" s="5">
        <v>47</v>
      </c>
      <c r="B62" s="22">
        <v>97</v>
      </c>
      <c r="C62" s="14">
        <v>106</v>
      </c>
      <c r="D62" s="18">
        <v>203</v>
      </c>
    </row>
    <row r="63" spans="1:4" ht="18" customHeight="1" x14ac:dyDescent="0.15">
      <c r="A63" s="5">
        <v>48</v>
      </c>
      <c r="B63" s="22">
        <v>111</v>
      </c>
      <c r="C63" s="14">
        <v>82</v>
      </c>
      <c r="D63" s="18">
        <v>193</v>
      </c>
    </row>
    <row r="64" spans="1:4" ht="18" customHeight="1" x14ac:dyDescent="0.15">
      <c r="A64" s="5">
        <v>49</v>
      </c>
      <c r="B64" s="22">
        <v>107</v>
      </c>
      <c r="C64" s="14">
        <v>101</v>
      </c>
      <c r="D64" s="18">
        <v>208</v>
      </c>
    </row>
    <row r="65" spans="1:4" ht="18" customHeight="1" x14ac:dyDescent="0.15">
      <c r="A65" s="5" t="s">
        <v>17</v>
      </c>
      <c r="B65" s="22">
        <v>517</v>
      </c>
      <c r="C65" s="14">
        <v>474</v>
      </c>
      <c r="D65" s="18">
        <v>991</v>
      </c>
    </row>
    <row r="66" spans="1:4" ht="18" customHeight="1" x14ac:dyDescent="0.15">
      <c r="A66" s="5">
        <v>50</v>
      </c>
      <c r="B66" s="22">
        <v>111</v>
      </c>
      <c r="C66" s="14">
        <v>114</v>
      </c>
      <c r="D66" s="18">
        <v>225</v>
      </c>
    </row>
    <row r="67" spans="1:4" ht="18" customHeight="1" x14ac:dyDescent="0.15">
      <c r="A67" s="5">
        <v>51</v>
      </c>
      <c r="B67" s="22">
        <v>120</v>
      </c>
      <c r="C67" s="14">
        <v>141</v>
      </c>
      <c r="D67" s="18">
        <v>261</v>
      </c>
    </row>
    <row r="68" spans="1:4" ht="18" customHeight="1" x14ac:dyDescent="0.15">
      <c r="A68" s="5">
        <v>52</v>
      </c>
      <c r="B68" s="22">
        <v>136</v>
      </c>
      <c r="C68" s="14">
        <v>124</v>
      </c>
      <c r="D68" s="18">
        <v>260</v>
      </c>
    </row>
    <row r="69" spans="1:4" ht="18" customHeight="1" x14ac:dyDescent="0.15">
      <c r="A69" s="5">
        <v>53</v>
      </c>
      <c r="B69" s="22">
        <v>106</v>
      </c>
      <c r="C69" s="14">
        <v>108</v>
      </c>
      <c r="D69" s="18">
        <v>214</v>
      </c>
    </row>
    <row r="70" spans="1:4" ht="18" customHeight="1" x14ac:dyDescent="0.15">
      <c r="A70" s="5">
        <v>54</v>
      </c>
      <c r="B70" s="22">
        <v>126</v>
      </c>
      <c r="C70" s="14">
        <v>114</v>
      </c>
      <c r="D70" s="18">
        <v>240</v>
      </c>
    </row>
    <row r="71" spans="1:4" ht="18" customHeight="1" x14ac:dyDescent="0.15">
      <c r="A71" s="5" t="s">
        <v>22</v>
      </c>
      <c r="B71" s="22">
        <v>599</v>
      </c>
      <c r="C71" s="14">
        <v>601</v>
      </c>
      <c r="D71" s="18">
        <v>1200</v>
      </c>
    </row>
    <row r="72" spans="1:4" ht="18" customHeight="1" x14ac:dyDescent="0.15">
      <c r="A72" s="5">
        <v>55</v>
      </c>
      <c r="B72" s="22">
        <v>114</v>
      </c>
      <c r="C72" s="14">
        <v>105</v>
      </c>
      <c r="D72" s="18">
        <v>219</v>
      </c>
    </row>
    <row r="73" spans="1:4" ht="18" customHeight="1" x14ac:dyDescent="0.15">
      <c r="A73" s="5">
        <v>56</v>
      </c>
      <c r="B73" s="22">
        <v>104</v>
      </c>
      <c r="C73" s="14">
        <v>107</v>
      </c>
      <c r="D73" s="18">
        <v>211</v>
      </c>
    </row>
    <row r="74" spans="1:4" ht="18" customHeight="1" x14ac:dyDescent="0.15">
      <c r="A74" s="5">
        <v>57</v>
      </c>
      <c r="B74" s="22">
        <v>120</v>
      </c>
      <c r="C74" s="14">
        <v>106</v>
      </c>
      <c r="D74" s="18">
        <v>226</v>
      </c>
    </row>
    <row r="75" spans="1:4" ht="18" customHeight="1" x14ac:dyDescent="0.15">
      <c r="A75" s="5">
        <v>58</v>
      </c>
      <c r="B75" s="22">
        <v>115</v>
      </c>
      <c r="C75" s="14">
        <v>110</v>
      </c>
      <c r="D75" s="18">
        <v>225</v>
      </c>
    </row>
    <row r="76" spans="1:4" ht="18" customHeight="1" x14ac:dyDescent="0.15">
      <c r="A76" s="5">
        <v>59</v>
      </c>
      <c r="B76" s="22">
        <v>109</v>
      </c>
      <c r="C76" s="14">
        <v>98</v>
      </c>
      <c r="D76" s="18">
        <v>207</v>
      </c>
    </row>
    <row r="77" spans="1:4" ht="18" customHeight="1" x14ac:dyDescent="0.15">
      <c r="A77" s="5" t="s">
        <v>27</v>
      </c>
      <c r="B77" s="22">
        <v>562</v>
      </c>
      <c r="C77" s="14">
        <v>526</v>
      </c>
      <c r="D77" s="18">
        <v>1088</v>
      </c>
    </row>
    <row r="78" spans="1:4" ht="18" customHeight="1" x14ac:dyDescent="0.15">
      <c r="A78" s="5">
        <v>60</v>
      </c>
      <c r="B78" s="22">
        <v>84</v>
      </c>
      <c r="C78" s="14">
        <v>95</v>
      </c>
      <c r="D78" s="18">
        <v>179</v>
      </c>
    </row>
    <row r="79" spans="1:4" ht="18" customHeight="1" x14ac:dyDescent="0.15">
      <c r="A79" s="5">
        <v>61</v>
      </c>
      <c r="B79" s="22">
        <v>93</v>
      </c>
      <c r="C79" s="14">
        <v>96</v>
      </c>
      <c r="D79" s="18">
        <v>189</v>
      </c>
    </row>
    <row r="80" spans="1:4" ht="18" customHeight="1" x14ac:dyDescent="0.15">
      <c r="A80" s="5">
        <v>62</v>
      </c>
      <c r="B80" s="22">
        <v>96</v>
      </c>
      <c r="C80" s="14">
        <v>94</v>
      </c>
      <c r="D80" s="18">
        <v>190</v>
      </c>
    </row>
    <row r="81" spans="1:4" ht="18" customHeight="1" x14ac:dyDescent="0.15">
      <c r="A81" s="5">
        <v>63</v>
      </c>
      <c r="B81" s="22">
        <v>101</v>
      </c>
      <c r="C81" s="14">
        <v>116</v>
      </c>
      <c r="D81" s="18">
        <v>217</v>
      </c>
    </row>
    <row r="82" spans="1:4" ht="18" customHeight="1" x14ac:dyDescent="0.15">
      <c r="A82" s="5">
        <v>64</v>
      </c>
      <c r="B82" s="22">
        <v>94</v>
      </c>
      <c r="C82" s="14">
        <v>96</v>
      </c>
      <c r="D82" s="18">
        <v>190</v>
      </c>
    </row>
    <row r="83" spans="1:4" ht="18" customHeight="1" x14ac:dyDescent="0.15">
      <c r="A83" s="5" t="s">
        <v>28</v>
      </c>
      <c r="B83" s="22">
        <v>468</v>
      </c>
      <c r="C83" s="14">
        <v>497</v>
      </c>
      <c r="D83" s="18">
        <v>965</v>
      </c>
    </row>
    <row r="84" spans="1:4" ht="18" customHeight="1" x14ac:dyDescent="0.15">
      <c r="A84" s="5" t="s">
        <v>31</v>
      </c>
      <c r="B84" s="22">
        <v>4531</v>
      </c>
      <c r="C84" s="14">
        <v>4339</v>
      </c>
      <c r="D84" s="18">
        <v>8870</v>
      </c>
    </row>
    <row r="85" spans="1:4" ht="18" customHeight="1" x14ac:dyDescent="0.15">
      <c r="A85" s="5">
        <v>65</v>
      </c>
      <c r="B85" s="22">
        <v>93</v>
      </c>
      <c r="C85" s="14">
        <v>85</v>
      </c>
      <c r="D85" s="18">
        <v>178</v>
      </c>
    </row>
    <row r="86" spans="1:4" ht="18" customHeight="1" x14ac:dyDescent="0.15">
      <c r="A86" s="5">
        <v>66</v>
      </c>
      <c r="B86" s="22">
        <v>91</v>
      </c>
      <c r="C86" s="14">
        <v>85</v>
      </c>
      <c r="D86" s="18">
        <v>176</v>
      </c>
    </row>
    <row r="87" spans="1:4" ht="18" customHeight="1" x14ac:dyDescent="0.15">
      <c r="A87" s="5">
        <v>67</v>
      </c>
      <c r="B87" s="22">
        <v>78</v>
      </c>
      <c r="C87" s="14">
        <v>90</v>
      </c>
      <c r="D87" s="18">
        <v>168</v>
      </c>
    </row>
    <row r="88" spans="1:4" ht="18" customHeight="1" x14ac:dyDescent="0.15">
      <c r="A88" s="5">
        <v>68</v>
      </c>
      <c r="B88" s="22">
        <v>74</v>
      </c>
      <c r="C88" s="14">
        <v>79</v>
      </c>
      <c r="D88" s="18">
        <v>153</v>
      </c>
    </row>
    <row r="89" spans="1:4" ht="18" customHeight="1" x14ac:dyDescent="0.15">
      <c r="A89" s="5">
        <v>69</v>
      </c>
      <c r="B89" s="22">
        <v>85</v>
      </c>
      <c r="C89" s="14">
        <v>94</v>
      </c>
      <c r="D89" s="18">
        <v>179</v>
      </c>
    </row>
    <row r="90" spans="1:4" ht="18" customHeight="1" x14ac:dyDescent="0.15">
      <c r="A90" s="5" t="s">
        <v>20</v>
      </c>
      <c r="B90" s="22">
        <v>421</v>
      </c>
      <c r="C90" s="14">
        <v>433</v>
      </c>
      <c r="D90" s="18">
        <v>854</v>
      </c>
    </row>
    <row r="91" spans="1:4" ht="18" customHeight="1" x14ac:dyDescent="0.15">
      <c r="A91" s="5">
        <v>70</v>
      </c>
      <c r="B91" s="22">
        <v>84</v>
      </c>
      <c r="C91" s="14">
        <v>91</v>
      </c>
      <c r="D91" s="18">
        <v>175</v>
      </c>
    </row>
    <row r="92" spans="1:4" ht="18" customHeight="1" x14ac:dyDescent="0.15">
      <c r="A92" s="5">
        <v>71</v>
      </c>
      <c r="B92" s="22">
        <v>88</v>
      </c>
      <c r="C92" s="14">
        <v>98</v>
      </c>
      <c r="D92" s="18">
        <v>186</v>
      </c>
    </row>
    <row r="93" spans="1:4" ht="18" customHeight="1" x14ac:dyDescent="0.15">
      <c r="A93" s="5">
        <v>72</v>
      </c>
      <c r="B93" s="22">
        <v>89</v>
      </c>
      <c r="C93" s="14">
        <v>99</v>
      </c>
      <c r="D93" s="18">
        <v>188</v>
      </c>
    </row>
    <row r="94" spans="1:4" ht="18" customHeight="1" x14ac:dyDescent="0.15">
      <c r="A94" s="5">
        <v>73</v>
      </c>
      <c r="B94" s="22">
        <v>94</v>
      </c>
      <c r="C94" s="14">
        <v>104</v>
      </c>
      <c r="D94" s="18">
        <v>198</v>
      </c>
    </row>
    <row r="95" spans="1:4" ht="18" customHeight="1" x14ac:dyDescent="0.15">
      <c r="A95" s="5">
        <v>74</v>
      </c>
      <c r="B95" s="22">
        <v>88</v>
      </c>
      <c r="C95" s="14">
        <v>105</v>
      </c>
      <c r="D95" s="18">
        <v>193</v>
      </c>
    </row>
    <row r="96" spans="1:4" ht="18" customHeight="1" x14ac:dyDescent="0.15">
      <c r="A96" s="5" t="s">
        <v>33</v>
      </c>
      <c r="B96" s="22">
        <v>443</v>
      </c>
      <c r="C96" s="14">
        <v>497</v>
      </c>
      <c r="D96" s="18">
        <v>940</v>
      </c>
    </row>
    <row r="97" spans="1:4" ht="18" customHeight="1" x14ac:dyDescent="0.15">
      <c r="A97" s="5">
        <v>75</v>
      </c>
      <c r="B97" s="22">
        <v>97</v>
      </c>
      <c r="C97" s="14">
        <v>113</v>
      </c>
      <c r="D97" s="18">
        <v>210</v>
      </c>
    </row>
    <row r="98" spans="1:4" ht="18" customHeight="1" x14ac:dyDescent="0.15">
      <c r="A98" s="5">
        <v>76</v>
      </c>
      <c r="B98" s="22">
        <v>94</v>
      </c>
      <c r="C98" s="14">
        <v>147</v>
      </c>
      <c r="D98" s="18">
        <v>241</v>
      </c>
    </row>
    <row r="99" spans="1:4" ht="18" customHeight="1" x14ac:dyDescent="0.15">
      <c r="A99" s="5">
        <v>77</v>
      </c>
      <c r="B99" s="22">
        <v>116</v>
      </c>
      <c r="C99" s="14">
        <v>125</v>
      </c>
      <c r="D99" s="18">
        <v>241</v>
      </c>
    </row>
    <row r="100" spans="1:4" ht="18" customHeight="1" x14ac:dyDescent="0.15">
      <c r="A100" s="5">
        <v>78</v>
      </c>
      <c r="B100" s="22">
        <v>109</v>
      </c>
      <c r="C100" s="14">
        <v>138</v>
      </c>
      <c r="D100" s="18">
        <v>247</v>
      </c>
    </row>
    <row r="101" spans="1:4" ht="18" customHeight="1" x14ac:dyDescent="0.15">
      <c r="A101" s="5">
        <v>79</v>
      </c>
      <c r="B101" s="22">
        <v>88</v>
      </c>
      <c r="C101" s="14">
        <v>111</v>
      </c>
      <c r="D101" s="18">
        <v>199</v>
      </c>
    </row>
    <row r="102" spans="1:4" ht="18" customHeight="1" x14ac:dyDescent="0.15">
      <c r="A102" s="5" t="s">
        <v>0</v>
      </c>
      <c r="B102" s="22">
        <v>504</v>
      </c>
      <c r="C102" s="14">
        <v>634</v>
      </c>
      <c r="D102" s="18">
        <v>1138</v>
      </c>
    </row>
    <row r="103" spans="1:4" ht="18" customHeight="1" x14ac:dyDescent="0.15">
      <c r="A103" s="5">
        <v>80</v>
      </c>
      <c r="B103" s="22">
        <v>51</v>
      </c>
      <c r="C103" s="14">
        <v>74</v>
      </c>
      <c r="D103" s="18">
        <v>125</v>
      </c>
    </row>
    <row r="104" spans="1:4" ht="18" customHeight="1" x14ac:dyDescent="0.15">
      <c r="A104" s="5">
        <v>81</v>
      </c>
      <c r="B104" s="22">
        <v>61</v>
      </c>
      <c r="C104" s="14">
        <v>90</v>
      </c>
      <c r="D104" s="18">
        <v>151</v>
      </c>
    </row>
    <row r="105" spans="1:4" ht="18" customHeight="1" x14ac:dyDescent="0.15">
      <c r="A105" s="5">
        <v>82</v>
      </c>
      <c r="B105" s="22">
        <v>69</v>
      </c>
      <c r="C105" s="14">
        <v>102</v>
      </c>
      <c r="D105" s="18">
        <v>171</v>
      </c>
    </row>
    <row r="106" spans="1:4" ht="18" customHeight="1" x14ac:dyDescent="0.15">
      <c r="A106" s="5">
        <v>83</v>
      </c>
      <c r="B106" s="22">
        <v>56</v>
      </c>
      <c r="C106" s="14">
        <v>91</v>
      </c>
      <c r="D106" s="18">
        <v>147</v>
      </c>
    </row>
    <row r="107" spans="1:4" ht="18" customHeight="1" x14ac:dyDescent="0.15">
      <c r="A107" s="5">
        <v>84</v>
      </c>
      <c r="B107" s="22">
        <v>61</v>
      </c>
      <c r="C107" s="14">
        <v>75</v>
      </c>
      <c r="D107" s="18">
        <v>136</v>
      </c>
    </row>
    <row r="108" spans="1:4" ht="18" customHeight="1" x14ac:dyDescent="0.15">
      <c r="A108" s="5" t="s">
        <v>35</v>
      </c>
      <c r="B108" s="22">
        <v>298</v>
      </c>
      <c r="C108" s="14">
        <v>432</v>
      </c>
      <c r="D108" s="18">
        <v>730</v>
      </c>
    </row>
    <row r="109" spans="1:4" ht="18" customHeight="1" x14ac:dyDescent="0.15">
      <c r="A109" s="5">
        <v>85</v>
      </c>
      <c r="B109" s="22">
        <v>50</v>
      </c>
      <c r="C109" s="14">
        <v>58</v>
      </c>
      <c r="D109" s="18">
        <v>108</v>
      </c>
    </row>
    <row r="110" spans="1:4" ht="18" customHeight="1" x14ac:dyDescent="0.15">
      <c r="A110" s="5">
        <v>86</v>
      </c>
      <c r="B110" s="22">
        <v>41</v>
      </c>
      <c r="C110" s="14">
        <v>72</v>
      </c>
      <c r="D110" s="18">
        <v>113</v>
      </c>
    </row>
    <row r="111" spans="1:4" ht="18" customHeight="1" x14ac:dyDescent="0.15">
      <c r="A111" s="5">
        <v>87</v>
      </c>
      <c r="B111" s="22">
        <v>40</v>
      </c>
      <c r="C111" s="14">
        <v>65</v>
      </c>
      <c r="D111" s="18">
        <v>105</v>
      </c>
    </row>
    <row r="112" spans="1:4" ht="18" customHeight="1" x14ac:dyDescent="0.15">
      <c r="A112" s="5">
        <v>88</v>
      </c>
      <c r="B112" s="22">
        <v>35</v>
      </c>
      <c r="C112" s="14">
        <v>55</v>
      </c>
      <c r="D112" s="18">
        <v>90</v>
      </c>
    </row>
    <row r="113" spans="1:4" ht="18" customHeight="1" x14ac:dyDescent="0.15">
      <c r="A113" s="5">
        <v>89</v>
      </c>
      <c r="B113" s="22">
        <v>29</v>
      </c>
      <c r="C113" s="14">
        <v>52</v>
      </c>
      <c r="D113" s="18">
        <v>81</v>
      </c>
    </row>
    <row r="114" spans="1:4" ht="18" customHeight="1" x14ac:dyDescent="0.15">
      <c r="A114" s="5" t="s">
        <v>37</v>
      </c>
      <c r="B114" s="22">
        <v>195</v>
      </c>
      <c r="C114" s="14">
        <v>302</v>
      </c>
      <c r="D114" s="18">
        <v>497</v>
      </c>
    </row>
    <row r="115" spans="1:4" ht="18" customHeight="1" x14ac:dyDescent="0.15">
      <c r="A115" s="5">
        <v>90</v>
      </c>
      <c r="B115" s="22">
        <v>26</v>
      </c>
      <c r="C115" s="14">
        <v>45</v>
      </c>
      <c r="D115" s="18">
        <v>71</v>
      </c>
    </row>
    <row r="116" spans="1:4" ht="18" customHeight="1" x14ac:dyDescent="0.15">
      <c r="A116" s="5">
        <v>91</v>
      </c>
      <c r="B116" s="22">
        <v>10</v>
      </c>
      <c r="C116" s="14">
        <v>32</v>
      </c>
      <c r="D116" s="18">
        <v>42</v>
      </c>
    </row>
    <row r="117" spans="1:4" ht="18" customHeight="1" x14ac:dyDescent="0.15">
      <c r="A117" s="5">
        <v>92</v>
      </c>
      <c r="B117" s="22">
        <v>11</v>
      </c>
      <c r="C117" s="14">
        <v>40</v>
      </c>
      <c r="D117" s="18">
        <v>51</v>
      </c>
    </row>
    <row r="118" spans="1:4" ht="18" customHeight="1" x14ac:dyDescent="0.15">
      <c r="A118" s="5">
        <v>93</v>
      </c>
      <c r="B118" s="22">
        <v>6</v>
      </c>
      <c r="C118" s="14">
        <v>26</v>
      </c>
      <c r="D118" s="18">
        <v>32</v>
      </c>
    </row>
    <row r="119" spans="1:4" ht="18" customHeight="1" x14ac:dyDescent="0.15">
      <c r="A119" s="5">
        <v>94</v>
      </c>
      <c r="B119" s="22">
        <v>6</v>
      </c>
      <c r="C119" s="14">
        <v>20</v>
      </c>
      <c r="D119" s="18">
        <v>26</v>
      </c>
    </row>
    <row r="120" spans="1:4" ht="18" customHeight="1" x14ac:dyDescent="0.15">
      <c r="A120" s="5" t="s">
        <v>39</v>
      </c>
      <c r="B120" s="22">
        <v>59</v>
      </c>
      <c r="C120" s="14">
        <v>163</v>
      </c>
      <c r="D120" s="18">
        <v>222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4</v>
      </c>
      <c r="C122" s="14">
        <v>10</v>
      </c>
      <c r="D122" s="18">
        <v>14</v>
      </c>
    </row>
    <row r="123" spans="1:4" ht="18" customHeight="1" x14ac:dyDescent="0.15">
      <c r="A123" s="5">
        <v>97</v>
      </c>
      <c r="B123" s="22">
        <v>3</v>
      </c>
      <c r="C123" s="14">
        <v>17</v>
      </c>
      <c r="D123" s="18">
        <v>20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12</v>
      </c>
      <c r="C126" s="14">
        <v>52</v>
      </c>
      <c r="D126" s="18">
        <v>64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8</v>
      </c>
      <c r="D129" s="18">
        <v>9</v>
      </c>
    </row>
    <row r="130" spans="1:4" ht="18" customHeight="1" x14ac:dyDescent="0.15">
      <c r="A130" s="5" t="s">
        <v>46</v>
      </c>
      <c r="B130" s="22">
        <v>1933</v>
      </c>
      <c r="C130" s="14">
        <v>2521</v>
      </c>
      <c r="D130" s="18">
        <v>4454</v>
      </c>
    </row>
    <row r="131" spans="1:4" ht="18" customHeight="1" x14ac:dyDescent="0.15">
      <c r="A131" s="7" t="s">
        <v>45</v>
      </c>
      <c r="B131" s="23">
        <v>7421</v>
      </c>
      <c r="C131" s="15">
        <v>7751</v>
      </c>
      <c r="D131" s="19">
        <v>151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3</v>
      </c>
      <c r="C5" s="13">
        <v>44</v>
      </c>
      <c r="D5" s="17">
        <v>87</v>
      </c>
    </row>
    <row r="6" spans="1:4" ht="18" customHeight="1" x14ac:dyDescent="0.15">
      <c r="A6" s="5">
        <v>1</v>
      </c>
      <c r="B6" s="22">
        <v>44</v>
      </c>
      <c r="C6" s="14">
        <v>46</v>
      </c>
      <c r="D6" s="18">
        <v>90</v>
      </c>
    </row>
    <row r="7" spans="1:4" ht="18" customHeight="1" x14ac:dyDescent="0.15">
      <c r="A7" s="5">
        <v>2</v>
      </c>
      <c r="B7" s="22">
        <v>52</v>
      </c>
      <c r="C7" s="14">
        <v>41</v>
      </c>
      <c r="D7" s="18">
        <v>93</v>
      </c>
    </row>
    <row r="8" spans="1:4" ht="18" customHeight="1" x14ac:dyDescent="0.15">
      <c r="A8" s="5">
        <v>3</v>
      </c>
      <c r="B8" s="22">
        <v>52</v>
      </c>
      <c r="C8" s="14">
        <v>35</v>
      </c>
      <c r="D8" s="18">
        <v>87</v>
      </c>
    </row>
    <row r="9" spans="1:4" ht="18" customHeight="1" x14ac:dyDescent="0.15">
      <c r="A9" s="5">
        <v>4</v>
      </c>
      <c r="B9" s="22">
        <v>45</v>
      </c>
      <c r="C9" s="14">
        <v>53</v>
      </c>
      <c r="D9" s="18">
        <v>98</v>
      </c>
    </row>
    <row r="10" spans="1:4" ht="18" customHeight="1" x14ac:dyDescent="0.15">
      <c r="A10" s="5" t="s">
        <v>7</v>
      </c>
      <c r="B10" s="22">
        <v>236</v>
      </c>
      <c r="C10" s="14">
        <v>219</v>
      </c>
      <c r="D10" s="18">
        <v>455</v>
      </c>
    </row>
    <row r="11" spans="1:4" ht="18" customHeight="1" x14ac:dyDescent="0.15">
      <c r="A11" s="5">
        <v>5</v>
      </c>
      <c r="B11" s="22">
        <v>44</v>
      </c>
      <c r="C11" s="14">
        <v>43</v>
      </c>
      <c r="D11" s="18">
        <v>87</v>
      </c>
    </row>
    <row r="12" spans="1:4" ht="18" customHeight="1" x14ac:dyDescent="0.15">
      <c r="A12" s="5">
        <v>6</v>
      </c>
      <c r="B12" s="22">
        <v>34</v>
      </c>
      <c r="C12" s="14">
        <v>40</v>
      </c>
      <c r="D12" s="18">
        <v>74</v>
      </c>
    </row>
    <row r="13" spans="1:4" ht="18" customHeight="1" x14ac:dyDescent="0.15">
      <c r="A13" s="5">
        <v>7</v>
      </c>
      <c r="B13" s="22">
        <v>29</v>
      </c>
      <c r="C13" s="14">
        <v>49</v>
      </c>
      <c r="D13" s="18">
        <v>78</v>
      </c>
    </row>
    <row r="14" spans="1:4" ht="18" customHeight="1" x14ac:dyDescent="0.15">
      <c r="A14" s="5">
        <v>8</v>
      </c>
      <c r="B14" s="22">
        <v>35</v>
      </c>
      <c r="C14" s="14">
        <v>32</v>
      </c>
      <c r="D14" s="18">
        <v>67</v>
      </c>
    </row>
    <row r="15" spans="1:4" ht="18" customHeight="1" x14ac:dyDescent="0.15">
      <c r="A15" s="5">
        <v>9</v>
      </c>
      <c r="B15" s="22">
        <v>41</v>
      </c>
      <c r="C15" s="14">
        <v>36</v>
      </c>
      <c r="D15" s="18">
        <v>77</v>
      </c>
    </row>
    <row r="16" spans="1:4" ht="18" customHeight="1" x14ac:dyDescent="0.15">
      <c r="A16" s="5" t="s">
        <v>11</v>
      </c>
      <c r="B16" s="22">
        <v>183</v>
      </c>
      <c r="C16" s="14">
        <v>200</v>
      </c>
      <c r="D16" s="18">
        <v>383</v>
      </c>
    </row>
    <row r="17" spans="1:4" ht="18" customHeight="1" x14ac:dyDescent="0.15">
      <c r="A17" s="5">
        <v>10</v>
      </c>
      <c r="B17" s="22">
        <v>30</v>
      </c>
      <c r="C17" s="14">
        <v>33</v>
      </c>
      <c r="D17" s="18">
        <v>63</v>
      </c>
    </row>
    <row r="18" spans="1:4" ht="18" customHeight="1" x14ac:dyDescent="0.15">
      <c r="A18" s="5">
        <v>11</v>
      </c>
      <c r="B18" s="22">
        <v>35</v>
      </c>
      <c r="C18" s="14">
        <v>33</v>
      </c>
      <c r="D18" s="18">
        <v>68</v>
      </c>
    </row>
    <row r="19" spans="1:4" ht="18" customHeight="1" x14ac:dyDescent="0.15">
      <c r="A19" s="5">
        <v>12</v>
      </c>
      <c r="B19" s="22">
        <v>30</v>
      </c>
      <c r="C19" s="14">
        <v>25</v>
      </c>
      <c r="D19" s="18">
        <v>55</v>
      </c>
    </row>
    <row r="20" spans="1:4" ht="18" customHeight="1" x14ac:dyDescent="0.15">
      <c r="A20" s="5">
        <v>13</v>
      </c>
      <c r="B20" s="22">
        <v>26</v>
      </c>
      <c r="C20" s="14">
        <v>32</v>
      </c>
      <c r="D20" s="18">
        <v>58</v>
      </c>
    </row>
    <row r="21" spans="1:4" ht="18" customHeight="1" x14ac:dyDescent="0.15">
      <c r="A21" s="5">
        <v>14</v>
      </c>
      <c r="B21" s="22">
        <v>34</v>
      </c>
      <c r="C21" s="14">
        <v>30</v>
      </c>
      <c r="D21" s="18">
        <v>64</v>
      </c>
    </row>
    <row r="22" spans="1:4" ht="18" customHeight="1" x14ac:dyDescent="0.15">
      <c r="A22" s="5" t="s">
        <v>12</v>
      </c>
      <c r="B22" s="22">
        <v>155</v>
      </c>
      <c r="C22" s="14">
        <v>153</v>
      </c>
      <c r="D22" s="18">
        <v>308</v>
      </c>
    </row>
    <row r="23" spans="1:4" ht="18" customHeight="1" x14ac:dyDescent="0.15">
      <c r="A23" s="5" t="s">
        <v>6</v>
      </c>
      <c r="B23" s="22">
        <v>574</v>
      </c>
      <c r="C23" s="14">
        <v>572</v>
      </c>
      <c r="D23" s="18">
        <v>1146</v>
      </c>
    </row>
    <row r="24" spans="1:4" ht="18" customHeight="1" x14ac:dyDescent="0.15">
      <c r="A24" s="5">
        <v>15</v>
      </c>
      <c r="B24" s="22">
        <v>26</v>
      </c>
      <c r="C24" s="14">
        <v>28</v>
      </c>
      <c r="D24" s="18">
        <v>54</v>
      </c>
    </row>
    <row r="25" spans="1:4" ht="18" customHeight="1" x14ac:dyDescent="0.15">
      <c r="A25" s="5">
        <v>16</v>
      </c>
      <c r="B25" s="22">
        <v>42</v>
      </c>
      <c r="C25" s="14">
        <v>28</v>
      </c>
      <c r="D25" s="18">
        <v>70</v>
      </c>
    </row>
    <row r="26" spans="1:4" ht="18" customHeight="1" x14ac:dyDescent="0.15">
      <c r="A26" s="5">
        <v>17</v>
      </c>
      <c r="B26" s="22">
        <v>42</v>
      </c>
      <c r="C26" s="14">
        <v>38</v>
      </c>
      <c r="D26" s="18">
        <v>80</v>
      </c>
    </row>
    <row r="27" spans="1:4" ht="18" customHeight="1" x14ac:dyDescent="0.15">
      <c r="A27" s="5">
        <v>18</v>
      </c>
      <c r="B27" s="22">
        <v>48</v>
      </c>
      <c r="C27" s="14">
        <v>45</v>
      </c>
      <c r="D27" s="18">
        <v>93</v>
      </c>
    </row>
    <row r="28" spans="1:4" ht="18" customHeight="1" x14ac:dyDescent="0.15">
      <c r="A28" s="5">
        <v>19</v>
      </c>
      <c r="B28" s="22">
        <v>34</v>
      </c>
      <c r="C28" s="14">
        <v>37</v>
      </c>
      <c r="D28" s="18">
        <v>71</v>
      </c>
    </row>
    <row r="29" spans="1:4" ht="18" customHeight="1" x14ac:dyDescent="0.15">
      <c r="A29" s="5" t="s">
        <v>14</v>
      </c>
      <c r="B29" s="22">
        <v>192</v>
      </c>
      <c r="C29" s="14">
        <v>176</v>
      </c>
      <c r="D29" s="18">
        <v>368</v>
      </c>
    </row>
    <row r="30" spans="1:4" ht="18" customHeight="1" x14ac:dyDescent="0.15">
      <c r="A30" s="5">
        <v>20</v>
      </c>
      <c r="B30" s="22">
        <v>44</v>
      </c>
      <c r="C30" s="14">
        <v>38</v>
      </c>
      <c r="D30" s="18">
        <v>82</v>
      </c>
    </row>
    <row r="31" spans="1:4" ht="18" customHeight="1" x14ac:dyDescent="0.15">
      <c r="A31" s="5">
        <v>21</v>
      </c>
      <c r="B31" s="22">
        <v>47</v>
      </c>
      <c r="C31" s="14">
        <v>37</v>
      </c>
      <c r="D31" s="18">
        <v>84</v>
      </c>
    </row>
    <row r="32" spans="1:4" ht="18" customHeight="1" x14ac:dyDescent="0.15">
      <c r="A32" s="5">
        <v>22</v>
      </c>
      <c r="B32" s="22">
        <v>44</v>
      </c>
      <c r="C32" s="14">
        <v>36</v>
      </c>
      <c r="D32" s="18">
        <v>80</v>
      </c>
    </row>
    <row r="33" spans="1:4" ht="18" customHeight="1" x14ac:dyDescent="0.15">
      <c r="A33" s="5">
        <v>23</v>
      </c>
      <c r="B33" s="22">
        <v>52</v>
      </c>
      <c r="C33" s="14">
        <v>55</v>
      </c>
      <c r="D33" s="18">
        <v>107</v>
      </c>
    </row>
    <row r="34" spans="1:4" ht="18" customHeight="1" x14ac:dyDescent="0.15">
      <c r="A34" s="5">
        <v>24</v>
      </c>
      <c r="B34" s="22">
        <v>53</v>
      </c>
      <c r="C34" s="14">
        <v>45</v>
      </c>
      <c r="D34" s="18">
        <v>98</v>
      </c>
    </row>
    <row r="35" spans="1:4" ht="18" customHeight="1" x14ac:dyDescent="0.15">
      <c r="A35" s="5" t="s">
        <v>9</v>
      </c>
      <c r="B35" s="22">
        <v>240</v>
      </c>
      <c r="C35" s="14">
        <v>211</v>
      </c>
      <c r="D35" s="18">
        <v>451</v>
      </c>
    </row>
    <row r="36" spans="1:4" ht="18" customHeight="1" x14ac:dyDescent="0.15">
      <c r="A36" s="5">
        <v>25</v>
      </c>
      <c r="B36" s="22">
        <v>55</v>
      </c>
      <c r="C36" s="14">
        <v>54</v>
      </c>
      <c r="D36" s="18">
        <v>109</v>
      </c>
    </row>
    <row r="37" spans="1:4" ht="18" customHeight="1" x14ac:dyDescent="0.15">
      <c r="A37" s="5">
        <v>26</v>
      </c>
      <c r="B37" s="22">
        <v>72</v>
      </c>
      <c r="C37" s="14">
        <v>60</v>
      </c>
      <c r="D37" s="18">
        <v>132</v>
      </c>
    </row>
    <row r="38" spans="1:4" ht="18" customHeight="1" x14ac:dyDescent="0.15">
      <c r="A38" s="5">
        <v>27</v>
      </c>
      <c r="B38" s="22">
        <v>62</v>
      </c>
      <c r="C38" s="14">
        <v>65</v>
      </c>
      <c r="D38" s="18">
        <v>127</v>
      </c>
    </row>
    <row r="39" spans="1:4" ht="18" customHeight="1" x14ac:dyDescent="0.15">
      <c r="A39" s="5">
        <v>28</v>
      </c>
      <c r="B39" s="22">
        <v>71</v>
      </c>
      <c r="C39" s="14">
        <v>60</v>
      </c>
      <c r="D39" s="18">
        <v>131</v>
      </c>
    </row>
    <row r="40" spans="1:4" ht="18" customHeight="1" x14ac:dyDescent="0.15">
      <c r="A40" s="5">
        <v>29</v>
      </c>
      <c r="B40" s="22">
        <v>67</v>
      </c>
      <c r="C40" s="14">
        <v>64</v>
      </c>
      <c r="D40" s="18">
        <v>131</v>
      </c>
    </row>
    <row r="41" spans="1:4" ht="18" customHeight="1" x14ac:dyDescent="0.15">
      <c r="A41" s="5" t="s">
        <v>2</v>
      </c>
      <c r="B41" s="22">
        <v>327</v>
      </c>
      <c r="C41" s="14">
        <v>303</v>
      </c>
      <c r="D41" s="18">
        <v>630</v>
      </c>
    </row>
    <row r="42" spans="1:4" ht="18" customHeight="1" x14ac:dyDescent="0.15">
      <c r="A42" s="5">
        <v>30</v>
      </c>
      <c r="B42" s="22">
        <v>71</v>
      </c>
      <c r="C42" s="14">
        <v>74</v>
      </c>
      <c r="D42" s="18">
        <v>145</v>
      </c>
    </row>
    <row r="43" spans="1:4" ht="18" customHeight="1" x14ac:dyDescent="0.15">
      <c r="A43" s="5">
        <v>31</v>
      </c>
      <c r="B43" s="22">
        <v>89</v>
      </c>
      <c r="C43" s="14">
        <v>73</v>
      </c>
      <c r="D43" s="18">
        <v>162</v>
      </c>
    </row>
    <row r="44" spans="1:4" ht="18" customHeight="1" x14ac:dyDescent="0.15">
      <c r="A44" s="5">
        <v>32</v>
      </c>
      <c r="B44" s="22">
        <v>70</v>
      </c>
      <c r="C44" s="14">
        <v>69</v>
      </c>
      <c r="D44" s="18">
        <v>139</v>
      </c>
    </row>
    <row r="45" spans="1:4" ht="18" customHeight="1" x14ac:dyDescent="0.15">
      <c r="A45" s="5">
        <v>33</v>
      </c>
      <c r="B45" s="22">
        <v>71</v>
      </c>
      <c r="C45" s="14">
        <v>74</v>
      </c>
      <c r="D45" s="18">
        <v>145</v>
      </c>
    </row>
    <row r="46" spans="1:4" ht="18" customHeight="1" x14ac:dyDescent="0.15">
      <c r="A46" s="5">
        <v>34</v>
      </c>
      <c r="B46" s="22">
        <v>71</v>
      </c>
      <c r="C46" s="14">
        <v>70</v>
      </c>
      <c r="D46" s="18">
        <v>141</v>
      </c>
    </row>
    <row r="47" spans="1:4" ht="18" customHeight="1" x14ac:dyDescent="0.15">
      <c r="A47" s="5" t="s">
        <v>15</v>
      </c>
      <c r="B47" s="22">
        <v>372</v>
      </c>
      <c r="C47" s="14">
        <v>360</v>
      </c>
      <c r="D47" s="18">
        <v>732</v>
      </c>
    </row>
    <row r="48" spans="1:4" ht="18" customHeight="1" x14ac:dyDescent="0.15">
      <c r="A48" s="5">
        <v>35</v>
      </c>
      <c r="B48" s="22">
        <v>63</v>
      </c>
      <c r="C48" s="14">
        <v>59</v>
      </c>
      <c r="D48" s="18">
        <v>122</v>
      </c>
    </row>
    <row r="49" spans="1:4" ht="18" customHeight="1" x14ac:dyDescent="0.15">
      <c r="A49" s="5">
        <v>36</v>
      </c>
      <c r="B49" s="22">
        <v>69</v>
      </c>
      <c r="C49" s="14">
        <v>72</v>
      </c>
      <c r="D49" s="18">
        <v>141</v>
      </c>
    </row>
    <row r="50" spans="1:4" ht="18" customHeight="1" x14ac:dyDescent="0.15">
      <c r="A50" s="5">
        <v>37</v>
      </c>
      <c r="B50" s="22">
        <v>71</v>
      </c>
      <c r="C50" s="14">
        <v>59</v>
      </c>
      <c r="D50" s="18">
        <v>130</v>
      </c>
    </row>
    <row r="51" spans="1:4" ht="18" customHeight="1" x14ac:dyDescent="0.15">
      <c r="A51" s="5">
        <v>38</v>
      </c>
      <c r="B51" s="22">
        <v>64</v>
      </c>
      <c r="C51" s="14">
        <v>53</v>
      </c>
      <c r="D51" s="18">
        <v>117</v>
      </c>
    </row>
    <row r="52" spans="1:4" ht="18" customHeight="1" x14ac:dyDescent="0.15">
      <c r="A52" s="5">
        <v>39</v>
      </c>
      <c r="B52" s="22">
        <v>62</v>
      </c>
      <c r="C52" s="14">
        <v>53</v>
      </c>
      <c r="D52" s="18">
        <v>115</v>
      </c>
    </row>
    <row r="53" spans="1:4" ht="18" customHeight="1" x14ac:dyDescent="0.15">
      <c r="A53" s="5" t="s">
        <v>18</v>
      </c>
      <c r="B53" s="22">
        <v>329</v>
      </c>
      <c r="C53" s="14">
        <v>296</v>
      </c>
      <c r="D53" s="18">
        <v>625</v>
      </c>
    </row>
    <row r="54" spans="1:4" ht="18" customHeight="1" x14ac:dyDescent="0.15">
      <c r="A54" s="5">
        <v>40</v>
      </c>
      <c r="B54" s="22">
        <v>66</v>
      </c>
      <c r="C54" s="14">
        <v>58</v>
      </c>
      <c r="D54" s="18">
        <v>124</v>
      </c>
    </row>
    <row r="55" spans="1:4" ht="18" customHeight="1" x14ac:dyDescent="0.15">
      <c r="A55" s="5">
        <v>41</v>
      </c>
      <c r="B55" s="22">
        <v>72</v>
      </c>
      <c r="C55" s="14">
        <v>63</v>
      </c>
      <c r="D55" s="18">
        <v>135</v>
      </c>
    </row>
    <row r="56" spans="1:4" ht="18" customHeight="1" x14ac:dyDescent="0.15">
      <c r="A56" s="5">
        <v>42</v>
      </c>
      <c r="B56" s="22">
        <v>61</v>
      </c>
      <c r="C56" s="14">
        <v>50</v>
      </c>
      <c r="D56" s="18">
        <v>111</v>
      </c>
    </row>
    <row r="57" spans="1:4" ht="18" customHeight="1" x14ac:dyDescent="0.15">
      <c r="A57" s="5">
        <v>43</v>
      </c>
      <c r="B57" s="22">
        <v>53</v>
      </c>
      <c r="C57" s="14">
        <v>60</v>
      </c>
      <c r="D57" s="18">
        <v>113</v>
      </c>
    </row>
    <row r="58" spans="1:4" ht="18" customHeight="1" x14ac:dyDescent="0.15">
      <c r="A58" s="5">
        <v>44</v>
      </c>
      <c r="B58" s="22">
        <v>69</v>
      </c>
      <c r="C58" s="14">
        <v>62</v>
      </c>
      <c r="D58" s="18">
        <v>131</v>
      </c>
    </row>
    <row r="59" spans="1:4" ht="18" customHeight="1" x14ac:dyDescent="0.15">
      <c r="A59" s="5" t="s">
        <v>21</v>
      </c>
      <c r="B59" s="22">
        <v>321</v>
      </c>
      <c r="C59" s="14">
        <v>293</v>
      </c>
      <c r="D59" s="18">
        <v>614</v>
      </c>
    </row>
    <row r="60" spans="1:4" ht="18" customHeight="1" x14ac:dyDescent="0.15">
      <c r="A60" s="5">
        <v>45</v>
      </c>
      <c r="B60" s="22">
        <v>54</v>
      </c>
      <c r="C60" s="14">
        <v>42</v>
      </c>
      <c r="D60" s="18">
        <v>96</v>
      </c>
    </row>
    <row r="61" spans="1:4" ht="18" customHeight="1" x14ac:dyDescent="0.15">
      <c r="A61" s="5">
        <v>46</v>
      </c>
      <c r="B61" s="22">
        <v>71</v>
      </c>
      <c r="C61" s="14">
        <v>60</v>
      </c>
      <c r="D61" s="18">
        <v>131</v>
      </c>
    </row>
    <row r="62" spans="1:4" ht="18" customHeight="1" x14ac:dyDescent="0.15">
      <c r="A62" s="5">
        <v>47</v>
      </c>
      <c r="B62" s="22">
        <v>60</v>
      </c>
      <c r="C62" s="14">
        <v>62</v>
      </c>
      <c r="D62" s="18">
        <v>122</v>
      </c>
    </row>
    <row r="63" spans="1:4" ht="18" customHeight="1" x14ac:dyDescent="0.15">
      <c r="A63" s="5">
        <v>48</v>
      </c>
      <c r="B63" s="22">
        <v>83</v>
      </c>
      <c r="C63" s="14">
        <v>56</v>
      </c>
      <c r="D63" s="18">
        <v>139</v>
      </c>
    </row>
    <row r="64" spans="1:4" ht="18" customHeight="1" x14ac:dyDescent="0.15">
      <c r="A64" s="5">
        <v>49</v>
      </c>
      <c r="B64" s="22">
        <v>68</v>
      </c>
      <c r="C64" s="14">
        <v>60</v>
      </c>
      <c r="D64" s="18">
        <v>128</v>
      </c>
    </row>
    <row r="65" spans="1:4" ht="18" customHeight="1" x14ac:dyDescent="0.15">
      <c r="A65" s="5" t="s">
        <v>17</v>
      </c>
      <c r="B65" s="22">
        <v>336</v>
      </c>
      <c r="C65" s="14">
        <v>280</v>
      </c>
      <c r="D65" s="18">
        <v>616</v>
      </c>
    </row>
    <row r="66" spans="1:4" ht="18" customHeight="1" x14ac:dyDescent="0.15">
      <c r="A66" s="5">
        <v>50</v>
      </c>
      <c r="B66" s="22">
        <v>75</v>
      </c>
      <c r="C66" s="14">
        <v>61</v>
      </c>
      <c r="D66" s="18">
        <v>136</v>
      </c>
    </row>
    <row r="67" spans="1:4" ht="18" customHeight="1" x14ac:dyDescent="0.15">
      <c r="A67" s="5">
        <v>51</v>
      </c>
      <c r="B67" s="22">
        <v>60</v>
      </c>
      <c r="C67" s="14">
        <v>79</v>
      </c>
      <c r="D67" s="18">
        <v>139</v>
      </c>
    </row>
    <row r="68" spans="1:4" ht="18" customHeight="1" x14ac:dyDescent="0.15">
      <c r="A68" s="5">
        <v>52</v>
      </c>
      <c r="B68" s="22">
        <v>65</v>
      </c>
      <c r="C68" s="14">
        <v>81</v>
      </c>
      <c r="D68" s="18">
        <v>146</v>
      </c>
    </row>
    <row r="69" spans="1:4" ht="18" customHeight="1" x14ac:dyDescent="0.15">
      <c r="A69" s="5">
        <v>53</v>
      </c>
      <c r="B69" s="22">
        <v>106</v>
      </c>
      <c r="C69" s="14">
        <v>79</v>
      </c>
      <c r="D69" s="18">
        <v>185</v>
      </c>
    </row>
    <row r="70" spans="1:4" ht="18" customHeight="1" x14ac:dyDescent="0.15">
      <c r="A70" s="5">
        <v>54</v>
      </c>
      <c r="B70" s="22">
        <v>73</v>
      </c>
      <c r="C70" s="14">
        <v>91</v>
      </c>
      <c r="D70" s="18">
        <v>164</v>
      </c>
    </row>
    <row r="71" spans="1:4" ht="18" customHeight="1" x14ac:dyDescent="0.15">
      <c r="A71" s="5" t="s">
        <v>22</v>
      </c>
      <c r="B71" s="22">
        <v>379</v>
      </c>
      <c r="C71" s="14">
        <v>391</v>
      </c>
      <c r="D71" s="18">
        <v>770</v>
      </c>
    </row>
    <row r="72" spans="1:4" ht="18" customHeight="1" x14ac:dyDescent="0.15">
      <c r="A72" s="5">
        <v>55</v>
      </c>
      <c r="B72" s="22">
        <v>85</v>
      </c>
      <c r="C72" s="14">
        <v>82</v>
      </c>
      <c r="D72" s="18">
        <v>167</v>
      </c>
    </row>
    <row r="73" spans="1:4" ht="18" customHeight="1" x14ac:dyDescent="0.15">
      <c r="A73" s="5">
        <v>56</v>
      </c>
      <c r="B73" s="22">
        <v>67</v>
      </c>
      <c r="C73" s="14">
        <v>65</v>
      </c>
      <c r="D73" s="18">
        <v>132</v>
      </c>
    </row>
    <row r="74" spans="1:4" ht="18" customHeight="1" x14ac:dyDescent="0.15">
      <c r="A74" s="5">
        <v>57</v>
      </c>
      <c r="B74" s="22">
        <v>81</v>
      </c>
      <c r="C74" s="14">
        <v>62</v>
      </c>
      <c r="D74" s="18">
        <v>143</v>
      </c>
    </row>
    <row r="75" spans="1:4" ht="18" customHeight="1" x14ac:dyDescent="0.15">
      <c r="A75" s="5">
        <v>58</v>
      </c>
      <c r="B75" s="22">
        <v>60</v>
      </c>
      <c r="C75" s="14">
        <v>70</v>
      </c>
      <c r="D75" s="18">
        <v>130</v>
      </c>
    </row>
    <row r="76" spans="1:4" ht="18" customHeight="1" x14ac:dyDescent="0.15">
      <c r="A76" s="5">
        <v>59</v>
      </c>
      <c r="B76" s="22">
        <v>65</v>
      </c>
      <c r="C76" s="14">
        <v>59</v>
      </c>
      <c r="D76" s="18">
        <v>124</v>
      </c>
    </row>
    <row r="77" spans="1:4" ht="18" customHeight="1" x14ac:dyDescent="0.15">
      <c r="A77" s="5" t="s">
        <v>27</v>
      </c>
      <c r="B77" s="22">
        <v>358</v>
      </c>
      <c r="C77" s="14">
        <v>338</v>
      </c>
      <c r="D77" s="18">
        <v>696</v>
      </c>
    </row>
    <row r="78" spans="1:4" ht="18" customHeight="1" x14ac:dyDescent="0.15">
      <c r="A78" s="5">
        <v>60</v>
      </c>
      <c r="B78" s="22">
        <v>45</v>
      </c>
      <c r="C78" s="14">
        <v>43</v>
      </c>
      <c r="D78" s="18">
        <v>88</v>
      </c>
    </row>
    <row r="79" spans="1:4" ht="18" customHeight="1" x14ac:dyDescent="0.15">
      <c r="A79" s="5">
        <v>61</v>
      </c>
      <c r="B79" s="22">
        <v>61</v>
      </c>
      <c r="C79" s="14">
        <v>56</v>
      </c>
      <c r="D79" s="18">
        <v>117</v>
      </c>
    </row>
    <row r="80" spans="1:4" ht="18" customHeight="1" x14ac:dyDescent="0.15">
      <c r="A80" s="5">
        <v>62</v>
      </c>
      <c r="B80" s="22">
        <v>51</v>
      </c>
      <c r="C80" s="14">
        <v>50</v>
      </c>
      <c r="D80" s="18">
        <v>101</v>
      </c>
    </row>
    <row r="81" spans="1:4" ht="18" customHeight="1" x14ac:dyDescent="0.15">
      <c r="A81" s="5">
        <v>63</v>
      </c>
      <c r="B81" s="22">
        <v>45</v>
      </c>
      <c r="C81" s="14">
        <v>52</v>
      </c>
      <c r="D81" s="18">
        <v>97</v>
      </c>
    </row>
    <row r="82" spans="1:4" ht="18" customHeight="1" x14ac:dyDescent="0.15">
      <c r="A82" s="5">
        <v>64</v>
      </c>
      <c r="B82" s="22">
        <v>52</v>
      </c>
      <c r="C82" s="14">
        <v>59</v>
      </c>
      <c r="D82" s="18">
        <v>111</v>
      </c>
    </row>
    <row r="83" spans="1:4" ht="18" customHeight="1" x14ac:dyDescent="0.15">
      <c r="A83" s="5" t="s">
        <v>28</v>
      </c>
      <c r="B83" s="22">
        <v>254</v>
      </c>
      <c r="C83" s="14">
        <v>260</v>
      </c>
      <c r="D83" s="18">
        <v>514</v>
      </c>
    </row>
    <row r="84" spans="1:4" ht="18" customHeight="1" x14ac:dyDescent="0.15">
      <c r="A84" s="5" t="s">
        <v>31</v>
      </c>
      <c r="B84" s="22">
        <v>3108</v>
      </c>
      <c r="C84" s="14">
        <v>2908</v>
      </c>
      <c r="D84" s="18">
        <v>6016</v>
      </c>
    </row>
    <row r="85" spans="1:4" ht="18" customHeight="1" x14ac:dyDescent="0.15">
      <c r="A85" s="5">
        <v>65</v>
      </c>
      <c r="B85" s="22">
        <v>50</v>
      </c>
      <c r="C85" s="14">
        <v>67</v>
      </c>
      <c r="D85" s="18">
        <v>117</v>
      </c>
    </row>
    <row r="86" spans="1:4" ht="18" customHeight="1" x14ac:dyDescent="0.15">
      <c r="A86" s="5">
        <v>66</v>
      </c>
      <c r="B86" s="22">
        <v>53</v>
      </c>
      <c r="C86" s="14">
        <v>48</v>
      </c>
      <c r="D86" s="18">
        <v>101</v>
      </c>
    </row>
    <row r="87" spans="1:4" ht="18" customHeight="1" x14ac:dyDescent="0.15">
      <c r="A87" s="5">
        <v>67</v>
      </c>
      <c r="B87" s="22">
        <v>43</v>
      </c>
      <c r="C87" s="14">
        <v>45</v>
      </c>
      <c r="D87" s="18">
        <v>88</v>
      </c>
    </row>
    <row r="88" spans="1:4" ht="18" customHeight="1" x14ac:dyDescent="0.15">
      <c r="A88" s="5">
        <v>68</v>
      </c>
      <c r="B88" s="22">
        <v>41</v>
      </c>
      <c r="C88" s="14">
        <v>57</v>
      </c>
      <c r="D88" s="18">
        <v>98</v>
      </c>
    </row>
    <row r="89" spans="1:4" ht="18" customHeight="1" x14ac:dyDescent="0.15">
      <c r="A89" s="5">
        <v>69</v>
      </c>
      <c r="B89" s="22">
        <v>35</v>
      </c>
      <c r="C89" s="14">
        <v>45</v>
      </c>
      <c r="D89" s="18">
        <v>80</v>
      </c>
    </row>
    <row r="90" spans="1:4" ht="18" customHeight="1" x14ac:dyDescent="0.15">
      <c r="A90" s="5" t="s">
        <v>20</v>
      </c>
      <c r="B90" s="22">
        <v>222</v>
      </c>
      <c r="C90" s="14">
        <v>262</v>
      </c>
      <c r="D90" s="18">
        <v>484</v>
      </c>
    </row>
    <row r="91" spans="1:4" ht="18" customHeight="1" x14ac:dyDescent="0.15">
      <c r="A91" s="5">
        <v>70</v>
      </c>
      <c r="B91" s="22">
        <v>39</v>
      </c>
      <c r="C91" s="14">
        <v>78</v>
      </c>
      <c r="D91" s="18">
        <v>117</v>
      </c>
    </row>
    <row r="92" spans="1:4" ht="18" customHeight="1" x14ac:dyDescent="0.15">
      <c r="A92" s="5">
        <v>71</v>
      </c>
      <c r="B92" s="22">
        <v>55</v>
      </c>
      <c r="C92" s="14">
        <v>59</v>
      </c>
      <c r="D92" s="18">
        <v>114</v>
      </c>
    </row>
    <row r="93" spans="1:4" ht="18" customHeight="1" x14ac:dyDescent="0.15">
      <c r="A93" s="5">
        <v>72</v>
      </c>
      <c r="B93" s="22">
        <v>52</v>
      </c>
      <c r="C93" s="14">
        <v>65</v>
      </c>
      <c r="D93" s="18">
        <v>117</v>
      </c>
    </row>
    <row r="94" spans="1:4" ht="18" customHeight="1" x14ac:dyDescent="0.15">
      <c r="A94" s="5">
        <v>73</v>
      </c>
      <c r="B94" s="22">
        <v>49</v>
      </c>
      <c r="C94" s="14">
        <v>57</v>
      </c>
      <c r="D94" s="18">
        <v>106</v>
      </c>
    </row>
    <row r="95" spans="1:4" ht="18" customHeight="1" x14ac:dyDescent="0.15">
      <c r="A95" s="5">
        <v>74</v>
      </c>
      <c r="B95" s="22">
        <v>61</v>
      </c>
      <c r="C95" s="14">
        <v>68</v>
      </c>
      <c r="D95" s="18">
        <v>129</v>
      </c>
    </row>
    <row r="96" spans="1:4" ht="18" customHeight="1" x14ac:dyDescent="0.15">
      <c r="A96" s="5" t="s">
        <v>33</v>
      </c>
      <c r="B96" s="22">
        <v>256</v>
      </c>
      <c r="C96" s="14">
        <v>327</v>
      </c>
      <c r="D96" s="18">
        <v>583</v>
      </c>
    </row>
    <row r="97" spans="1:4" ht="18" customHeight="1" x14ac:dyDescent="0.15">
      <c r="A97" s="5">
        <v>75</v>
      </c>
      <c r="B97" s="22">
        <v>64</v>
      </c>
      <c r="C97" s="14">
        <v>74</v>
      </c>
      <c r="D97" s="18">
        <v>138</v>
      </c>
    </row>
    <row r="98" spans="1:4" ht="18" customHeight="1" x14ac:dyDescent="0.15">
      <c r="A98" s="5">
        <v>76</v>
      </c>
      <c r="B98" s="22">
        <v>68</v>
      </c>
      <c r="C98" s="14">
        <v>73</v>
      </c>
      <c r="D98" s="18">
        <v>141</v>
      </c>
    </row>
    <row r="99" spans="1:4" ht="18" customHeight="1" x14ac:dyDescent="0.15">
      <c r="A99" s="5">
        <v>77</v>
      </c>
      <c r="B99" s="22">
        <v>79</v>
      </c>
      <c r="C99" s="14">
        <v>92</v>
      </c>
      <c r="D99" s="18">
        <v>171</v>
      </c>
    </row>
    <row r="100" spans="1:4" ht="18" customHeight="1" x14ac:dyDescent="0.15">
      <c r="A100" s="5">
        <v>78</v>
      </c>
      <c r="B100" s="22">
        <v>59</v>
      </c>
      <c r="C100" s="14">
        <v>94</v>
      </c>
      <c r="D100" s="18">
        <v>153</v>
      </c>
    </row>
    <row r="101" spans="1:4" ht="18" customHeight="1" x14ac:dyDescent="0.15">
      <c r="A101" s="5">
        <v>79</v>
      </c>
      <c r="B101" s="22">
        <v>56</v>
      </c>
      <c r="C101" s="14">
        <v>80</v>
      </c>
      <c r="D101" s="18">
        <v>136</v>
      </c>
    </row>
    <row r="102" spans="1:4" ht="18" customHeight="1" x14ac:dyDescent="0.15">
      <c r="A102" s="5" t="s">
        <v>0</v>
      </c>
      <c r="B102" s="22">
        <v>326</v>
      </c>
      <c r="C102" s="14">
        <v>413</v>
      </c>
      <c r="D102" s="18">
        <v>739</v>
      </c>
    </row>
    <row r="103" spans="1:4" ht="18" customHeight="1" x14ac:dyDescent="0.15">
      <c r="A103" s="5">
        <v>80</v>
      </c>
      <c r="B103" s="22">
        <v>40</v>
      </c>
      <c r="C103" s="14">
        <v>45</v>
      </c>
      <c r="D103" s="18">
        <v>85</v>
      </c>
    </row>
    <row r="104" spans="1:4" ht="18" customHeight="1" x14ac:dyDescent="0.15">
      <c r="A104" s="5">
        <v>81</v>
      </c>
      <c r="B104" s="22">
        <v>44</v>
      </c>
      <c r="C104" s="14">
        <v>58</v>
      </c>
      <c r="D104" s="18">
        <v>102</v>
      </c>
    </row>
    <row r="105" spans="1:4" ht="18" customHeight="1" x14ac:dyDescent="0.15">
      <c r="A105" s="5">
        <v>82</v>
      </c>
      <c r="B105" s="22">
        <v>42</v>
      </c>
      <c r="C105" s="14">
        <v>64</v>
      </c>
      <c r="D105" s="18">
        <v>106</v>
      </c>
    </row>
    <row r="106" spans="1:4" ht="18" customHeight="1" x14ac:dyDescent="0.15">
      <c r="A106" s="5">
        <v>83</v>
      </c>
      <c r="B106" s="22">
        <v>41</v>
      </c>
      <c r="C106" s="14">
        <v>49</v>
      </c>
      <c r="D106" s="18">
        <v>90</v>
      </c>
    </row>
    <row r="107" spans="1:4" ht="18" customHeight="1" x14ac:dyDescent="0.15">
      <c r="A107" s="5">
        <v>84</v>
      </c>
      <c r="B107" s="22">
        <v>33</v>
      </c>
      <c r="C107" s="14">
        <v>64</v>
      </c>
      <c r="D107" s="18">
        <v>97</v>
      </c>
    </row>
    <row r="108" spans="1:4" ht="18" customHeight="1" x14ac:dyDescent="0.15">
      <c r="A108" s="5" t="s">
        <v>35</v>
      </c>
      <c r="B108" s="22">
        <v>200</v>
      </c>
      <c r="C108" s="14">
        <v>280</v>
      </c>
      <c r="D108" s="18">
        <v>480</v>
      </c>
    </row>
    <row r="109" spans="1:4" ht="18" customHeight="1" x14ac:dyDescent="0.15">
      <c r="A109" s="5">
        <v>85</v>
      </c>
      <c r="B109" s="22">
        <v>31</v>
      </c>
      <c r="C109" s="14">
        <v>38</v>
      </c>
      <c r="D109" s="18">
        <v>69</v>
      </c>
    </row>
    <row r="110" spans="1:4" ht="18" customHeight="1" x14ac:dyDescent="0.15">
      <c r="A110" s="5">
        <v>86</v>
      </c>
      <c r="B110" s="22">
        <v>28</v>
      </c>
      <c r="C110" s="14">
        <v>45</v>
      </c>
      <c r="D110" s="18">
        <v>73</v>
      </c>
    </row>
    <row r="111" spans="1:4" ht="18" customHeight="1" x14ac:dyDescent="0.15">
      <c r="A111" s="5">
        <v>87</v>
      </c>
      <c r="B111" s="22">
        <v>11</v>
      </c>
      <c r="C111" s="14">
        <v>37</v>
      </c>
      <c r="D111" s="18">
        <v>48</v>
      </c>
    </row>
    <row r="112" spans="1:4" ht="18" customHeight="1" x14ac:dyDescent="0.15">
      <c r="A112" s="5">
        <v>88</v>
      </c>
      <c r="B112" s="22">
        <v>13</v>
      </c>
      <c r="C112" s="14">
        <v>21</v>
      </c>
      <c r="D112" s="18">
        <v>34</v>
      </c>
    </row>
    <row r="113" spans="1:4" ht="18" customHeight="1" x14ac:dyDescent="0.15">
      <c r="A113" s="5">
        <v>89</v>
      </c>
      <c r="B113" s="22">
        <v>21</v>
      </c>
      <c r="C113" s="14">
        <v>32</v>
      </c>
      <c r="D113" s="18">
        <v>53</v>
      </c>
    </row>
    <row r="114" spans="1:4" ht="18" customHeight="1" x14ac:dyDescent="0.15">
      <c r="A114" s="5" t="s">
        <v>37</v>
      </c>
      <c r="B114" s="22">
        <v>104</v>
      </c>
      <c r="C114" s="14">
        <v>173</v>
      </c>
      <c r="D114" s="18">
        <v>277</v>
      </c>
    </row>
    <row r="115" spans="1:4" ht="18" customHeight="1" x14ac:dyDescent="0.15">
      <c r="A115" s="5">
        <v>90</v>
      </c>
      <c r="B115" s="22">
        <v>7</v>
      </c>
      <c r="C115" s="14">
        <v>43</v>
      </c>
      <c r="D115" s="18">
        <v>50</v>
      </c>
    </row>
    <row r="116" spans="1:4" ht="18" customHeight="1" x14ac:dyDescent="0.15">
      <c r="A116" s="5">
        <v>91</v>
      </c>
      <c r="B116" s="22">
        <v>11</v>
      </c>
      <c r="C116" s="14">
        <v>16</v>
      </c>
      <c r="D116" s="18">
        <v>27</v>
      </c>
    </row>
    <row r="117" spans="1:4" ht="18" customHeight="1" x14ac:dyDescent="0.15">
      <c r="A117" s="5">
        <v>92</v>
      </c>
      <c r="B117" s="22">
        <v>8</v>
      </c>
      <c r="C117" s="14">
        <v>17</v>
      </c>
      <c r="D117" s="18">
        <v>25</v>
      </c>
    </row>
    <row r="118" spans="1:4" ht="18" customHeight="1" x14ac:dyDescent="0.15">
      <c r="A118" s="5">
        <v>93</v>
      </c>
      <c r="B118" s="22">
        <v>8</v>
      </c>
      <c r="C118" s="14">
        <v>15</v>
      </c>
      <c r="D118" s="18">
        <v>23</v>
      </c>
    </row>
    <row r="119" spans="1:4" ht="18" customHeight="1" x14ac:dyDescent="0.15">
      <c r="A119" s="5">
        <v>94</v>
      </c>
      <c r="B119" s="22">
        <v>5</v>
      </c>
      <c r="C119" s="14">
        <v>18</v>
      </c>
      <c r="D119" s="18">
        <v>23</v>
      </c>
    </row>
    <row r="120" spans="1:4" ht="18" customHeight="1" x14ac:dyDescent="0.15">
      <c r="A120" s="5" t="s">
        <v>39</v>
      </c>
      <c r="B120" s="22">
        <v>39</v>
      </c>
      <c r="C120" s="14">
        <v>109</v>
      </c>
      <c r="D120" s="18">
        <v>148</v>
      </c>
    </row>
    <row r="121" spans="1:4" ht="18" customHeight="1" x14ac:dyDescent="0.15">
      <c r="A121" s="5">
        <v>95</v>
      </c>
      <c r="B121" s="22">
        <v>3</v>
      </c>
      <c r="C121" s="14">
        <v>10</v>
      </c>
      <c r="D121" s="18">
        <v>13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9</v>
      </c>
      <c r="D125" s="18">
        <v>9</v>
      </c>
    </row>
    <row r="126" spans="1:4" ht="18" customHeight="1" x14ac:dyDescent="0.15">
      <c r="A126" s="5" t="s">
        <v>40</v>
      </c>
      <c r="B126" s="22">
        <v>7</v>
      </c>
      <c r="C126" s="14">
        <v>40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1154</v>
      </c>
      <c r="C130" s="14">
        <v>1610</v>
      </c>
      <c r="D130" s="18">
        <v>2764</v>
      </c>
    </row>
    <row r="131" spans="1:4" ht="18" customHeight="1" x14ac:dyDescent="0.15">
      <c r="A131" s="7" t="s">
        <v>45</v>
      </c>
      <c r="B131" s="23">
        <v>4836</v>
      </c>
      <c r="C131" s="15">
        <v>5090</v>
      </c>
      <c r="D131" s="19">
        <v>99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6</v>
      </c>
      <c r="C5" s="13">
        <v>41</v>
      </c>
      <c r="D5" s="17">
        <v>87</v>
      </c>
    </row>
    <row r="6" spans="1:4" ht="18" customHeight="1" x14ac:dyDescent="0.15">
      <c r="A6" s="5">
        <v>1</v>
      </c>
      <c r="B6" s="22">
        <v>38</v>
      </c>
      <c r="C6" s="14">
        <v>37</v>
      </c>
      <c r="D6" s="18">
        <v>75</v>
      </c>
    </row>
    <row r="7" spans="1:4" ht="18" customHeight="1" x14ac:dyDescent="0.15">
      <c r="A7" s="5">
        <v>2</v>
      </c>
      <c r="B7" s="22">
        <v>48</v>
      </c>
      <c r="C7" s="14">
        <v>39</v>
      </c>
      <c r="D7" s="18">
        <v>87</v>
      </c>
    </row>
    <row r="8" spans="1:4" ht="18" customHeight="1" x14ac:dyDescent="0.15">
      <c r="A8" s="5">
        <v>3</v>
      </c>
      <c r="B8" s="22">
        <v>50</v>
      </c>
      <c r="C8" s="14">
        <v>37</v>
      </c>
      <c r="D8" s="18">
        <v>87</v>
      </c>
    </row>
    <row r="9" spans="1:4" ht="18" customHeight="1" x14ac:dyDescent="0.15">
      <c r="A9" s="5">
        <v>4</v>
      </c>
      <c r="B9" s="22">
        <v>47</v>
      </c>
      <c r="C9" s="14">
        <v>52</v>
      </c>
      <c r="D9" s="18">
        <v>99</v>
      </c>
    </row>
    <row r="10" spans="1:4" ht="18" customHeight="1" x14ac:dyDescent="0.15">
      <c r="A10" s="5" t="s">
        <v>7</v>
      </c>
      <c r="B10" s="22">
        <v>229</v>
      </c>
      <c r="C10" s="14">
        <v>206</v>
      </c>
      <c r="D10" s="18">
        <v>435</v>
      </c>
    </row>
    <row r="11" spans="1:4" ht="18" customHeight="1" x14ac:dyDescent="0.15">
      <c r="A11" s="5">
        <v>5</v>
      </c>
      <c r="B11" s="22">
        <v>63</v>
      </c>
      <c r="C11" s="14">
        <v>51</v>
      </c>
      <c r="D11" s="18">
        <v>114</v>
      </c>
    </row>
    <row r="12" spans="1:4" ht="18" customHeight="1" x14ac:dyDescent="0.15">
      <c r="A12" s="5">
        <v>6</v>
      </c>
      <c r="B12" s="22">
        <v>51</v>
      </c>
      <c r="C12" s="14">
        <v>50</v>
      </c>
      <c r="D12" s="18">
        <v>101</v>
      </c>
    </row>
    <row r="13" spans="1:4" ht="18" customHeight="1" x14ac:dyDescent="0.15">
      <c r="A13" s="5">
        <v>7</v>
      </c>
      <c r="B13" s="22">
        <v>62</v>
      </c>
      <c r="C13" s="14">
        <v>62</v>
      </c>
      <c r="D13" s="18">
        <v>124</v>
      </c>
    </row>
    <row r="14" spans="1:4" ht="18" customHeight="1" x14ac:dyDescent="0.15">
      <c r="A14" s="5">
        <v>8</v>
      </c>
      <c r="B14" s="22">
        <v>60</v>
      </c>
      <c r="C14" s="14">
        <v>54</v>
      </c>
      <c r="D14" s="18">
        <v>114</v>
      </c>
    </row>
    <row r="15" spans="1:4" ht="18" customHeight="1" x14ac:dyDescent="0.15">
      <c r="A15" s="5">
        <v>9</v>
      </c>
      <c r="B15" s="22">
        <v>52</v>
      </c>
      <c r="C15" s="14">
        <v>50</v>
      </c>
      <c r="D15" s="18">
        <v>102</v>
      </c>
    </row>
    <row r="16" spans="1:4" ht="18" customHeight="1" x14ac:dyDescent="0.15">
      <c r="A16" s="5" t="s">
        <v>11</v>
      </c>
      <c r="B16" s="22">
        <v>288</v>
      </c>
      <c r="C16" s="14">
        <v>267</v>
      </c>
      <c r="D16" s="18">
        <v>555</v>
      </c>
    </row>
    <row r="17" spans="1:4" ht="18" customHeight="1" x14ac:dyDescent="0.15">
      <c r="A17" s="5">
        <v>10</v>
      </c>
      <c r="B17" s="22">
        <v>64</v>
      </c>
      <c r="C17" s="14">
        <v>62</v>
      </c>
      <c r="D17" s="18">
        <v>126</v>
      </c>
    </row>
    <row r="18" spans="1:4" ht="18" customHeight="1" x14ac:dyDescent="0.15">
      <c r="A18" s="5">
        <v>11</v>
      </c>
      <c r="B18" s="22">
        <v>48</v>
      </c>
      <c r="C18" s="14">
        <v>52</v>
      </c>
      <c r="D18" s="18">
        <v>100</v>
      </c>
    </row>
    <row r="19" spans="1:4" ht="18" customHeight="1" x14ac:dyDescent="0.15">
      <c r="A19" s="5">
        <v>12</v>
      </c>
      <c r="B19" s="22">
        <v>38</v>
      </c>
      <c r="C19" s="14">
        <v>67</v>
      </c>
      <c r="D19" s="18">
        <v>105</v>
      </c>
    </row>
    <row r="20" spans="1:4" ht="18" customHeight="1" x14ac:dyDescent="0.15">
      <c r="A20" s="5">
        <v>13</v>
      </c>
      <c r="B20" s="22">
        <v>66</v>
      </c>
      <c r="C20" s="14">
        <v>63</v>
      </c>
      <c r="D20" s="18">
        <v>129</v>
      </c>
    </row>
    <row r="21" spans="1:4" ht="18" customHeight="1" x14ac:dyDescent="0.15">
      <c r="A21" s="5">
        <v>14</v>
      </c>
      <c r="B21" s="22">
        <v>40</v>
      </c>
      <c r="C21" s="14">
        <v>58</v>
      </c>
      <c r="D21" s="18">
        <v>98</v>
      </c>
    </row>
    <row r="22" spans="1:4" ht="18" customHeight="1" x14ac:dyDescent="0.15">
      <c r="A22" s="5" t="s">
        <v>12</v>
      </c>
      <c r="B22" s="22">
        <v>256</v>
      </c>
      <c r="C22" s="14">
        <v>302</v>
      </c>
      <c r="D22" s="18">
        <v>558</v>
      </c>
    </row>
    <row r="23" spans="1:4" ht="18" customHeight="1" x14ac:dyDescent="0.15">
      <c r="A23" s="5" t="s">
        <v>6</v>
      </c>
      <c r="B23" s="22">
        <v>773</v>
      </c>
      <c r="C23" s="14">
        <v>775</v>
      </c>
      <c r="D23" s="18">
        <v>1548</v>
      </c>
    </row>
    <row r="24" spans="1:4" ht="18" customHeight="1" x14ac:dyDescent="0.15">
      <c r="A24" s="5">
        <v>15</v>
      </c>
      <c r="B24" s="22">
        <v>51</v>
      </c>
      <c r="C24" s="14">
        <v>46</v>
      </c>
      <c r="D24" s="18">
        <v>97</v>
      </c>
    </row>
    <row r="25" spans="1:4" ht="18" customHeight="1" x14ac:dyDescent="0.15">
      <c r="A25" s="5">
        <v>16</v>
      </c>
      <c r="B25" s="22">
        <v>56</v>
      </c>
      <c r="C25" s="14">
        <v>58</v>
      </c>
      <c r="D25" s="18">
        <v>114</v>
      </c>
    </row>
    <row r="26" spans="1:4" ht="18" customHeight="1" x14ac:dyDescent="0.15">
      <c r="A26" s="5">
        <v>17</v>
      </c>
      <c r="B26" s="22">
        <v>48</v>
      </c>
      <c r="C26" s="14">
        <v>62</v>
      </c>
      <c r="D26" s="18">
        <v>110</v>
      </c>
    </row>
    <row r="27" spans="1:4" ht="18" customHeight="1" x14ac:dyDescent="0.15">
      <c r="A27" s="5">
        <v>18</v>
      </c>
      <c r="B27" s="22">
        <v>55</v>
      </c>
      <c r="C27" s="14">
        <v>48</v>
      </c>
      <c r="D27" s="18">
        <v>103</v>
      </c>
    </row>
    <row r="28" spans="1:4" ht="18" customHeight="1" x14ac:dyDescent="0.15">
      <c r="A28" s="5">
        <v>19</v>
      </c>
      <c r="B28" s="22">
        <v>49</v>
      </c>
      <c r="C28" s="14">
        <v>48</v>
      </c>
      <c r="D28" s="18">
        <v>97</v>
      </c>
    </row>
    <row r="29" spans="1:4" ht="18" customHeight="1" x14ac:dyDescent="0.15">
      <c r="A29" s="5" t="s">
        <v>14</v>
      </c>
      <c r="B29" s="22">
        <v>259</v>
      </c>
      <c r="C29" s="14">
        <v>262</v>
      </c>
      <c r="D29" s="18">
        <v>521</v>
      </c>
    </row>
    <row r="30" spans="1:4" ht="18" customHeight="1" x14ac:dyDescent="0.15">
      <c r="A30" s="5">
        <v>20</v>
      </c>
      <c r="B30" s="22">
        <v>52</v>
      </c>
      <c r="C30" s="14">
        <v>52</v>
      </c>
      <c r="D30" s="18">
        <v>104</v>
      </c>
    </row>
    <row r="31" spans="1:4" ht="18" customHeight="1" x14ac:dyDescent="0.15">
      <c r="A31" s="5">
        <v>21</v>
      </c>
      <c r="B31" s="22">
        <v>68</v>
      </c>
      <c r="C31" s="14">
        <v>56</v>
      </c>
      <c r="D31" s="18">
        <v>124</v>
      </c>
    </row>
    <row r="32" spans="1:4" ht="18" customHeight="1" x14ac:dyDescent="0.15">
      <c r="A32" s="5">
        <v>22</v>
      </c>
      <c r="B32" s="22">
        <v>46</v>
      </c>
      <c r="C32" s="14">
        <v>54</v>
      </c>
      <c r="D32" s="18">
        <v>100</v>
      </c>
    </row>
    <row r="33" spans="1:4" ht="18" customHeight="1" x14ac:dyDescent="0.15">
      <c r="A33" s="5">
        <v>23</v>
      </c>
      <c r="B33" s="22">
        <v>67</v>
      </c>
      <c r="C33" s="14">
        <v>66</v>
      </c>
      <c r="D33" s="18">
        <v>133</v>
      </c>
    </row>
    <row r="34" spans="1:4" ht="18" customHeight="1" x14ac:dyDescent="0.15">
      <c r="A34" s="5">
        <v>24</v>
      </c>
      <c r="B34" s="22">
        <v>92</v>
      </c>
      <c r="C34" s="14">
        <v>75</v>
      </c>
      <c r="D34" s="18">
        <v>167</v>
      </c>
    </row>
    <row r="35" spans="1:4" ht="18" customHeight="1" x14ac:dyDescent="0.15">
      <c r="A35" s="5" t="s">
        <v>9</v>
      </c>
      <c r="B35" s="22">
        <v>325</v>
      </c>
      <c r="C35" s="14">
        <v>303</v>
      </c>
      <c r="D35" s="18">
        <v>628</v>
      </c>
    </row>
    <row r="36" spans="1:4" ht="18" customHeight="1" x14ac:dyDescent="0.15">
      <c r="A36" s="5">
        <v>25</v>
      </c>
      <c r="B36" s="22">
        <v>72</v>
      </c>
      <c r="C36" s="14">
        <v>71</v>
      </c>
      <c r="D36" s="18">
        <v>143</v>
      </c>
    </row>
    <row r="37" spans="1:4" ht="18" customHeight="1" x14ac:dyDescent="0.15">
      <c r="A37" s="5">
        <v>26</v>
      </c>
      <c r="B37" s="22">
        <v>74</v>
      </c>
      <c r="C37" s="14">
        <v>76</v>
      </c>
      <c r="D37" s="18">
        <v>150</v>
      </c>
    </row>
    <row r="38" spans="1:4" ht="18" customHeight="1" x14ac:dyDescent="0.15">
      <c r="A38" s="5">
        <v>27</v>
      </c>
      <c r="B38" s="22">
        <v>91</v>
      </c>
      <c r="C38" s="14">
        <v>72</v>
      </c>
      <c r="D38" s="18">
        <v>163</v>
      </c>
    </row>
    <row r="39" spans="1:4" ht="18" customHeight="1" x14ac:dyDescent="0.15">
      <c r="A39" s="5">
        <v>28</v>
      </c>
      <c r="B39" s="22">
        <v>76</v>
      </c>
      <c r="C39" s="14">
        <v>64</v>
      </c>
      <c r="D39" s="18">
        <v>140</v>
      </c>
    </row>
    <row r="40" spans="1:4" ht="18" customHeight="1" x14ac:dyDescent="0.15">
      <c r="A40" s="5">
        <v>29</v>
      </c>
      <c r="B40" s="22">
        <v>76</v>
      </c>
      <c r="C40" s="14">
        <v>86</v>
      </c>
      <c r="D40" s="18">
        <v>162</v>
      </c>
    </row>
    <row r="41" spans="1:4" ht="18" customHeight="1" x14ac:dyDescent="0.15">
      <c r="A41" s="5" t="s">
        <v>2</v>
      </c>
      <c r="B41" s="22">
        <v>389</v>
      </c>
      <c r="C41" s="14">
        <v>369</v>
      </c>
      <c r="D41" s="18">
        <v>758</v>
      </c>
    </row>
    <row r="42" spans="1:4" ht="18" customHeight="1" x14ac:dyDescent="0.15">
      <c r="A42" s="5">
        <v>30</v>
      </c>
      <c r="B42" s="22">
        <v>92</v>
      </c>
      <c r="C42" s="14">
        <v>69</v>
      </c>
      <c r="D42" s="18">
        <v>161</v>
      </c>
    </row>
    <row r="43" spans="1:4" ht="18" customHeight="1" x14ac:dyDescent="0.15">
      <c r="A43" s="5">
        <v>31</v>
      </c>
      <c r="B43" s="22">
        <v>90</v>
      </c>
      <c r="C43" s="14">
        <v>87</v>
      </c>
      <c r="D43" s="18">
        <v>177</v>
      </c>
    </row>
    <row r="44" spans="1:4" ht="18" customHeight="1" x14ac:dyDescent="0.15">
      <c r="A44" s="5">
        <v>32</v>
      </c>
      <c r="B44" s="22">
        <v>81</v>
      </c>
      <c r="C44" s="14">
        <v>74</v>
      </c>
      <c r="D44" s="18">
        <v>155</v>
      </c>
    </row>
    <row r="45" spans="1:4" ht="18" customHeight="1" x14ac:dyDescent="0.15">
      <c r="A45" s="5">
        <v>33</v>
      </c>
      <c r="B45" s="22">
        <v>83</v>
      </c>
      <c r="C45" s="14">
        <v>69</v>
      </c>
      <c r="D45" s="18">
        <v>152</v>
      </c>
    </row>
    <row r="46" spans="1:4" ht="18" customHeight="1" x14ac:dyDescent="0.15">
      <c r="A46" s="5">
        <v>34</v>
      </c>
      <c r="B46" s="22">
        <v>83</v>
      </c>
      <c r="C46" s="14">
        <v>52</v>
      </c>
      <c r="D46" s="18">
        <v>135</v>
      </c>
    </row>
    <row r="47" spans="1:4" ht="18" customHeight="1" x14ac:dyDescent="0.15">
      <c r="A47" s="5" t="s">
        <v>15</v>
      </c>
      <c r="B47" s="22">
        <v>429</v>
      </c>
      <c r="C47" s="14">
        <v>351</v>
      </c>
      <c r="D47" s="18">
        <v>780</v>
      </c>
    </row>
    <row r="48" spans="1:4" ht="18" customHeight="1" x14ac:dyDescent="0.15">
      <c r="A48" s="5">
        <v>35</v>
      </c>
      <c r="B48" s="22">
        <v>66</v>
      </c>
      <c r="C48" s="14">
        <v>66</v>
      </c>
      <c r="D48" s="18">
        <v>132</v>
      </c>
    </row>
    <row r="49" spans="1:4" ht="18" customHeight="1" x14ac:dyDescent="0.15">
      <c r="A49" s="5">
        <v>36</v>
      </c>
      <c r="B49" s="22">
        <v>81</v>
      </c>
      <c r="C49" s="14">
        <v>67</v>
      </c>
      <c r="D49" s="18">
        <v>148</v>
      </c>
    </row>
    <row r="50" spans="1:4" ht="18" customHeight="1" x14ac:dyDescent="0.15">
      <c r="A50" s="5">
        <v>37</v>
      </c>
      <c r="B50" s="22">
        <v>85</v>
      </c>
      <c r="C50" s="14">
        <v>66</v>
      </c>
      <c r="D50" s="18">
        <v>151</v>
      </c>
    </row>
    <row r="51" spans="1:4" ht="18" customHeight="1" x14ac:dyDescent="0.15">
      <c r="A51" s="5">
        <v>38</v>
      </c>
      <c r="B51" s="22">
        <v>73</v>
      </c>
      <c r="C51" s="14">
        <v>67</v>
      </c>
      <c r="D51" s="18">
        <v>140</v>
      </c>
    </row>
    <row r="52" spans="1:4" ht="18" customHeight="1" x14ac:dyDescent="0.15">
      <c r="A52" s="5">
        <v>39</v>
      </c>
      <c r="B52" s="22">
        <v>71</v>
      </c>
      <c r="C52" s="14">
        <v>77</v>
      </c>
      <c r="D52" s="18">
        <v>148</v>
      </c>
    </row>
    <row r="53" spans="1:4" ht="18" customHeight="1" x14ac:dyDescent="0.15">
      <c r="A53" s="5" t="s">
        <v>18</v>
      </c>
      <c r="B53" s="22">
        <v>376</v>
      </c>
      <c r="C53" s="14">
        <v>343</v>
      </c>
      <c r="D53" s="18">
        <v>719</v>
      </c>
    </row>
    <row r="54" spans="1:4" ht="18" customHeight="1" x14ac:dyDescent="0.15">
      <c r="A54" s="5">
        <v>40</v>
      </c>
      <c r="B54" s="22">
        <v>88</v>
      </c>
      <c r="C54" s="14">
        <v>88</v>
      </c>
      <c r="D54" s="18">
        <v>176</v>
      </c>
    </row>
    <row r="55" spans="1:4" ht="18" customHeight="1" x14ac:dyDescent="0.15">
      <c r="A55" s="5">
        <v>41</v>
      </c>
      <c r="B55" s="22">
        <v>80</v>
      </c>
      <c r="C55" s="14">
        <v>91</v>
      </c>
      <c r="D55" s="18">
        <v>171</v>
      </c>
    </row>
    <row r="56" spans="1:4" ht="18" customHeight="1" x14ac:dyDescent="0.15">
      <c r="A56" s="5">
        <v>42</v>
      </c>
      <c r="B56" s="22">
        <v>80</v>
      </c>
      <c r="C56" s="14">
        <v>77</v>
      </c>
      <c r="D56" s="18">
        <v>157</v>
      </c>
    </row>
    <row r="57" spans="1:4" ht="18" customHeight="1" x14ac:dyDescent="0.15">
      <c r="A57" s="5">
        <v>43</v>
      </c>
      <c r="B57" s="22">
        <v>81</v>
      </c>
      <c r="C57" s="14">
        <v>86</v>
      </c>
      <c r="D57" s="18">
        <v>167</v>
      </c>
    </row>
    <row r="58" spans="1:4" ht="18" customHeight="1" x14ac:dyDescent="0.15">
      <c r="A58" s="5">
        <v>44</v>
      </c>
      <c r="B58" s="22">
        <v>90</v>
      </c>
      <c r="C58" s="14">
        <v>86</v>
      </c>
      <c r="D58" s="18">
        <v>176</v>
      </c>
    </row>
    <row r="59" spans="1:4" ht="18" customHeight="1" x14ac:dyDescent="0.15">
      <c r="A59" s="5" t="s">
        <v>21</v>
      </c>
      <c r="B59" s="22">
        <v>419</v>
      </c>
      <c r="C59" s="14">
        <v>428</v>
      </c>
      <c r="D59" s="18">
        <v>847</v>
      </c>
    </row>
    <row r="60" spans="1:4" ht="18" customHeight="1" x14ac:dyDescent="0.15">
      <c r="A60" s="5">
        <v>45</v>
      </c>
      <c r="B60" s="22">
        <v>92</v>
      </c>
      <c r="C60" s="14">
        <v>75</v>
      </c>
      <c r="D60" s="18">
        <v>167</v>
      </c>
    </row>
    <row r="61" spans="1:4" ht="18" customHeight="1" x14ac:dyDescent="0.15">
      <c r="A61" s="5">
        <v>46</v>
      </c>
      <c r="B61" s="22">
        <v>84</v>
      </c>
      <c r="C61" s="14">
        <v>96</v>
      </c>
      <c r="D61" s="18">
        <v>180</v>
      </c>
    </row>
    <row r="62" spans="1:4" ht="18" customHeight="1" x14ac:dyDescent="0.15">
      <c r="A62" s="5">
        <v>47</v>
      </c>
      <c r="B62" s="22">
        <v>78</v>
      </c>
      <c r="C62" s="14">
        <v>62</v>
      </c>
      <c r="D62" s="18">
        <v>140</v>
      </c>
    </row>
    <row r="63" spans="1:4" ht="18" customHeight="1" x14ac:dyDescent="0.15">
      <c r="A63" s="5">
        <v>48</v>
      </c>
      <c r="B63" s="22">
        <v>120</v>
      </c>
      <c r="C63" s="14">
        <v>81</v>
      </c>
      <c r="D63" s="18">
        <v>201</v>
      </c>
    </row>
    <row r="64" spans="1:4" ht="18" customHeight="1" x14ac:dyDescent="0.15">
      <c r="A64" s="5">
        <v>49</v>
      </c>
      <c r="B64" s="22">
        <v>74</v>
      </c>
      <c r="C64" s="14">
        <v>85</v>
      </c>
      <c r="D64" s="18">
        <v>159</v>
      </c>
    </row>
    <row r="65" spans="1:4" ht="18" customHeight="1" x14ac:dyDescent="0.15">
      <c r="A65" s="5" t="s">
        <v>17</v>
      </c>
      <c r="B65" s="22">
        <v>448</v>
      </c>
      <c r="C65" s="14">
        <v>399</v>
      </c>
      <c r="D65" s="18">
        <v>847</v>
      </c>
    </row>
    <row r="66" spans="1:4" ht="18" customHeight="1" x14ac:dyDescent="0.15">
      <c r="A66" s="5">
        <v>50</v>
      </c>
      <c r="B66" s="22">
        <v>101</v>
      </c>
      <c r="C66" s="14">
        <v>83</v>
      </c>
      <c r="D66" s="18">
        <v>184</v>
      </c>
    </row>
    <row r="67" spans="1:4" ht="18" customHeight="1" x14ac:dyDescent="0.15">
      <c r="A67" s="5">
        <v>51</v>
      </c>
      <c r="B67" s="22">
        <v>113</v>
      </c>
      <c r="C67" s="14">
        <v>110</v>
      </c>
      <c r="D67" s="18">
        <v>223</v>
      </c>
    </row>
    <row r="68" spans="1:4" ht="18" customHeight="1" x14ac:dyDescent="0.15">
      <c r="A68" s="5">
        <v>52</v>
      </c>
      <c r="B68" s="22">
        <v>105</v>
      </c>
      <c r="C68" s="14">
        <v>97</v>
      </c>
      <c r="D68" s="18">
        <v>202</v>
      </c>
    </row>
    <row r="69" spans="1:4" ht="18" customHeight="1" x14ac:dyDescent="0.15">
      <c r="A69" s="5">
        <v>53</v>
      </c>
      <c r="B69" s="22">
        <v>106</v>
      </c>
      <c r="C69" s="14">
        <v>116</v>
      </c>
      <c r="D69" s="18">
        <v>222</v>
      </c>
    </row>
    <row r="70" spans="1:4" ht="18" customHeight="1" x14ac:dyDescent="0.15">
      <c r="A70" s="5">
        <v>54</v>
      </c>
      <c r="B70" s="22">
        <v>95</v>
      </c>
      <c r="C70" s="14">
        <v>97</v>
      </c>
      <c r="D70" s="18">
        <v>192</v>
      </c>
    </row>
    <row r="71" spans="1:4" ht="18" customHeight="1" x14ac:dyDescent="0.15">
      <c r="A71" s="5" t="s">
        <v>22</v>
      </c>
      <c r="B71" s="22">
        <v>520</v>
      </c>
      <c r="C71" s="14">
        <v>503</v>
      </c>
      <c r="D71" s="18">
        <v>1023</v>
      </c>
    </row>
    <row r="72" spans="1:4" ht="18" customHeight="1" x14ac:dyDescent="0.15">
      <c r="A72" s="5">
        <v>55</v>
      </c>
      <c r="B72" s="22">
        <v>98</v>
      </c>
      <c r="C72" s="14">
        <v>113</v>
      </c>
      <c r="D72" s="18">
        <v>211</v>
      </c>
    </row>
    <row r="73" spans="1:4" ht="18" customHeight="1" x14ac:dyDescent="0.15">
      <c r="A73" s="5">
        <v>56</v>
      </c>
      <c r="B73" s="22">
        <v>124</v>
      </c>
      <c r="C73" s="14">
        <v>77</v>
      </c>
      <c r="D73" s="18">
        <v>201</v>
      </c>
    </row>
    <row r="74" spans="1:4" ht="18" customHeight="1" x14ac:dyDescent="0.15">
      <c r="A74" s="5">
        <v>57</v>
      </c>
      <c r="B74" s="22">
        <v>76</v>
      </c>
      <c r="C74" s="14">
        <v>107</v>
      </c>
      <c r="D74" s="18">
        <v>183</v>
      </c>
    </row>
    <row r="75" spans="1:4" ht="18" customHeight="1" x14ac:dyDescent="0.15">
      <c r="A75" s="5">
        <v>58</v>
      </c>
      <c r="B75" s="22">
        <v>84</v>
      </c>
      <c r="C75" s="14">
        <v>83</v>
      </c>
      <c r="D75" s="18">
        <v>167</v>
      </c>
    </row>
    <row r="76" spans="1:4" ht="18" customHeight="1" x14ac:dyDescent="0.15">
      <c r="A76" s="5">
        <v>59</v>
      </c>
      <c r="B76" s="22">
        <v>82</v>
      </c>
      <c r="C76" s="14">
        <v>74</v>
      </c>
      <c r="D76" s="18">
        <v>156</v>
      </c>
    </row>
    <row r="77" spans="1:4" ht="18" customHeight="1" x14ac:dyDescent="0.15">
      <c r="A77" s="5" t="s">
        <v>27</v>
      </c>
      <c r="B77" s="22">
        <v>464</v>
      </c>
      <c r="C77" s="14">
        <v>454</v>
      </c>
      <c r="D77" s="18">
        <v>918</v>
      </c>
    </row>
    <row r="78" spans="1:4" ht="18" customHeight="1" x14ac:dyDescent="0.15">
      <c r="A78" s="5">
        <v>60</v>
      </c>
      <c r="B78" s="22">
        <v>65</v>
      </c>
      <c r="C78" s="14">
        <v>70</v>
      </c>
      <c r="D78" s="18">
        <v>135</v>
      </c>
    </row>
    <row r="79" spans="1:4" ht="18" customHeight="1" x14ac:dyDescent="0.15">
      <c r="A79" s="5">
        <v>61</v>
      </c>
      <c r="B79" s="22">
        <v>71</v>
      </c>
      <c r="C79" s="14">
        <v>69</v>
      </c>
      <c r="D79" s="18">
        <v>140</v>
      </c>
    </row>
    <row r="80" spans="1:4" ht="18" customHeight="1" x14ac:dyDescent="0.15">
      <c r="A80" s="5">
        <v>62</v>
      </c>
      <c r="B80" s="22">
        <v>73</v>
      </c>
      <c r="C80" s="14">
        <v>62</v>
      </c>
      <c r="D80" s="18">
        <v>135</v>
      </c>
    </row>
    <row r="81" spans="1:4" ht="18" customHeight="1" x14ac:dyDescent="0.15">
      <c r="A81" s="5">
        <v>63</v>
      </c>
      <c r="B81" s="22">
        <v>78</v>
      </c>
      <c r="C81" s="14">
        <v>84</v>
      </c>
      <c r="D81" s="18">
        <v>162</v>
      </c>
    </row>
    <row r="82" spans="1:4" ht="18" customHeight="1" x14ac:dyDescent="0.15">
      <c r="A82" s="5">
        <v>64</v>
      </c>
      <c r="B82" s="22">
        <v>56</v>
      </c>
      <c r="C82" s="14">
        <v>65</v>
      </c>
      <c r="D82" s="18">
        <v>121</v>
      </c>
    </row>
    <row r="83" spans="1:4" ht="18" customHeight="1" x14ac:dyDescent="0.15">
      <c r="A83" s="5" t="s">
        <v>28</v>
      </c>
      <c r="B83" s="22">
        <v>343</v>
      </c>
      <c r="C83" s="14">
        <v>350</v>
      </c>
      <c r="D83" s="18">
        <v>693</v>
      </c>
    </row>
    <row r="84" spans="1:4" ht="18" customHeight="1" x14ac:dyDescent="0.15">
      <c r="A84" s="5" t="s">
        <v>31</v>
      </c>
      <c r="B84" s="22">
        <v>3972</v>
      </c>
      <c r="C84" s="14">
        <v>3762</v>
      </c>
      <c r="D84" s="18">
        <v>7734</v>
      </c>
    </row>
    <row r="85" spans="1:4" ht="18" customHeight="1" x14ac:dyDescent="0.15">
      <c r="A85" s="5">
        <v>65</v>
      </c>
      <c r="B85" s="22">
        <v>64</v>
      </c>
      <c r="C85" s="14">
        <v>65</v>
      </c>
      <c r="D85" s="18">
        <v>129</v>
      </c>
    </row>
    <row r="86" spans="1:4" ht="18" customHeight="1" x14ac:dyDescent="0.15">
      <c r="A86" s="5">
        <v>66</v>
      </c>
      <c r="B86" s="22">
        <v>45</v>
      </c>
      <c r="C86" s="14">
        <v>59</v>
      </c>
      <c r="D86" s="18">
        <v>104</v>
      </c>
    </row>
    <row r="87" spans="1:4" ht="18" customHeight="1" x14ac:dyDescent="0.15">
      <c r="A87" s="5">
        <v>67</v>
      </c>
      <c r="B87" s="22">
        <v>57</v>
      </c>
      <c r="C87" s="14">
        <v>75</v>
      </c>
      <c r="D87" s="18">
        <v>132</v>
      </c>
    </row>
    <row r="88" spans="1:4" ht="18" customHeight="1" x14ac:dyDescent="0.15">
      <c r="A88" s="5">
        <v>68</v>
      </c>
      <c r="B88" s="22">
        <v>53</v>
      </c>
      <c r="C88" s="14">
        <v>63</v>
      </c>
      <c r="D88" s="18">
        <v>116</v>
      </c>
    </row>
    <row r="89" spans="1:4" ht="18" customHeight="1" x14ac:dyDescent="0.15">
      <c r="A89" s="5">
        <v>69</v>
      </c>
      <c r="B89" s="22">
        <v>49</v>
      </c>
      <c r="C89" s="14">
        <v>58</v>
      </c>
      <c r="D89" s="18">
        <v>107</v>
      </c>
    </row>
    <row r="90" spans="1:4" ht="18" customHeight="1" x14ac:dyDescent="0.15">
      <c r="A90" s="5" t="s">
        <v>20</v>
      </c>
      <c r="B90" s="22">
        <v>268</v>
      </c>
      <c r="C90" s="14">
        <v>320</v>
      </c>
      <c r="D90" s="18">
        <v>588</v>
      </c>
    </row>
    <row r="91" spans="1:4" ht="18" customHeight="1" x14ac:dyDescent="0.15">
      <c r="A91" s="5">
        <v>70</v>
      </c>
      <c r="B91" s="22">
        <v>63</v>
      </c>
      <c r="C91" s="14">
        <v>60</v>
      </c>
      <c r="D91" s="18">
        <v>123</v>
      </c>
    </row>
    <row r="92" spans="1:4" ht="18" customHeight="1" x14ac:dyDescent="0.15">
      <c r="A92" s="5">
        <v>71</v>
      </c>
      <c r="B92" s="22">
        <v>57</v>
      </c>
      <c r="C92" s="14">
        <v>57</v>
      </c>
      <c r="D92" s="18">
        <v>114</v>
      </c>
    </row>
    <row r="93" spans="1:4" ht="18" customHeight="1" x14ac:dyDescent="0.15">
      <c r="A93" s="5">
        <v>72</v>
      </c>
      <c r="B93" s="22">
        <v>57</v>
      </c>
      <c r="C93" s="14">
        <v>62</v>
      </c>
      <c r="D93" s="18">
        <v>119</v>
      </c>
    </row>
    <row r="94" spans="1:4" ht="18" customHeight="1" x14ac:dyDescent="0.15">
      <c r="A94" s="5">
        <v>73</v>
      </c>
      <c r="B94" s="22">
        <v>71</v>
      </c>
      <c r="C94" s="14">
        <v>80</v>
      </c>
      <c r="D94" s="18">
        <v>151</v>
      </c>
    </row>
    <row r="95" spans="1:4" ht="18" customHeight="1" x14ac:dyDescent="0.15">
      <c r="A95" s="5">
        <v>74</v>
      </c>
      <c r="B95" s="22">
        <v>51</v>
      </c>
      <c r="C95" s="14">
        <v>66</v>
      </c>
      <c r="D95" s="18">
        <v>117</v>
      </c>
    </row>
    <row r="96" spans="1:4" ht="18" customHeight="1" x14ac:dyDescent="0.15">
      <c r="A96" s="5" t="s">
        <v>33</v>
      </c>
      <c r="B96" s="22">
        <v>299</v>
      </c>
      <c r="C96" s="14">
        <v>325</v>
      </c>
      <c r="D96" s="18">
        <v>624</v>
      </c>
    </row>
    <row r="97" spans="1:4" ht="18" customHeight="1" x14ac:dyDescent="0.15">
      <c r="A97" s="5">
        <v>75</v>
      </c>
      <c r="B97" s="22">
        <v>63</v>
      </c>
      <c r="C97" s="14">
        <v>87</v>
      </c>
      <c r="D97" s="18">
        <v>150</v>
      </c>
    </row>
    <row r="98" spans="1:4" ht="18" customHeight="1" x14ac:dyDescent="0.15">
      <c r="A98" s="5">
        <v>76</v>
      </c>
      <c r="B98" s="22">
        <v>82</v>
      </c>
      <c r="C98" s="14">
        <v>95</v>
      </c>
      <c r="D98" s="18">
        <v>177</v>
      </c>
    </row>
    <row r="99" spans="1:4" ht="18" customHeight="1" x14ac:dyDescent="0.15">
      <c r="A99" s="5">
        <v>77</v>
      </c>
      <c r="B99" s="22">
        <v>83</v>
      </c>
      <c r="C99" s="14">
        <v>93</v>
      </c>
      <c r="D99" s="18">
        <v>176</v>
      </c>
    </row>
    <row r="100" spans="1:4" ht="18" customHeight="1" x14ac:dyDescent="0.15">
      <c r="A100" s="5">
        <v>78</v>
      </c>
      <c r="B100" s="22">
        <v>53</v>
      </c>
      <c r="C100" s="14">
        <v>103</v>
      </c>
      <c r="D100" s="18">
        <v>156</v>
      </c>
    </row>
    <row r="101" spans="1:4" ht="18" customHeight="1" x14ac:dyDescent="0.15">
      <c r="A101" s="5">
        <v>79</v>
      </c>
      <c r="B101" s="22">
        <v>57</v>
      </c>
      <c r="C101" s="14">
        <v>96</v>
      </c>
      <c r="D101" s="18">
        <v>153</v>
      </c>
    </row>
    <row r="102" spans="1:4" ht="18" customHeight="1" x14ac:dyDescent="0.15">
      <c r="A102" s="5" t="s">
        <v>0</v>
      </c>
      <c r="B102" s="22">
        <v>338</v>
      </c>
      <c r="C102" s="14">
        <v>474</v>
      </c>
      <c r="D102" s="18">
        <v>812</v>
      </c>
    </row>
    <row r="103" spans="1:4" ht="18" customHeight="1" x14ac:dyDescent="0.15">
      <c r="A103" s="5">
        <v>80</v>
      </c>
      <c r="B103" s="22">
        <v>35</v>
      </c>
      <c r="C103" s="14">
        <v>44</v>
      </c>
      <c r="D103" s="18">
        <v>79</v>
      </c>
    </row>
    <row r="104" spans="1:4" ht="18" customHeight="1" x14ac:dyDescent="0.15">
      <c r="A104" s="5">
        <v>81</v>
      </c>
      <c r="B104" s="22">
        <v>45</v>
      </c>
      <c r="C104" s="14">
        <v>65</v>
      </c>
      <c r="D104" s="18">
        <v>110</v>
      </c>
    </row>
    <row r="105" spans="1:4" ht="18" customHeight="1" x14ac:dyDescent="0.15">
      <c r="A105" s="5">
        <v>82</v>
      </c>
      <c r="B105" s="22">
        <v>47</v>
      </c>
      <c r="C105" s="14">
        <v>78</v>
      </c>
      <c r="D105" s="18">
        <v>125</v>
      </c>
    </row>
    <row r="106" spans="1:4" ht="18" customHeight="1" x14ac:dyDescent="0.15">
      <c r="A106" s="5">
        <v>83</v>
      </c>
      <c r="B106" s="22">
        <v>42</v>
      </c>
      <c r="C106" s="14">
        <v>64</v>
      </c>
      <c r="D106" s="18">
        <v>106</v>
      </c>
    </row>
    <row r="107" spans="1:4" ht="18" customHeight="1" x14ac:dyDescent="0.15">
      <c r="A107" s="5">
        <v>84</v>
      </c>
      <c r="B107" s="22">
        <v>42</v>
      </c>
      <c r="C107" s="14">
        <v>72</v>
      </c>
      <c r="D107" s="18">
        <v>114</v>
      </c>
    </row>
    <row r="108" spans="1:4" ht="18" customHeight="1" x14ac:dyDescent="0.15">
      <c r="A108" s="5" t="s">
        <v>35</v>
      </c>
      <c r="B108" s="22">
        <v>211</v>
      </c>
      <c r="C108" s="14">
        <v>323</v>
      </c>
      <c r="D108" s="18">
        <v>534</v>
      </c>
    </row>
    <row r="109" spans="1:4" ht="18" customHeight="1" x14ac:dyDescent="0.15">
      <c r="A109" s="5">
        <v>85</v>
      </c>
      <c r="B109" s="22">
        <v>40</v>
      </c>
      <c r="C109" s="14">
        <v>63</v>
      </c>
      <c r="D109" s="18">
        <v>103</v>
      </c>
    </row>
    <row r="110" spans="1:4" ht="18" customHeight="1" x14ac:dyDescent="0.15">
      <c r="A110" s="5">
        <v>86</v>
      </c>
      <c r="B110" s="22">
        <v>27</v>
      </c>
      <c r="C110" s="14">
        <v>56</v>
      </c>
      <c r="D110" s="18">
        <v>83</v>
      </c>
    </row>
    <row r="111" spans="1:4" ht="18" customHeight="1" x14ac:dyDescent="0.15">
      <c r="A111" s="5">
        <v>87</v>
      </c>
      <c r="B111" s="22">
        <v>23</v>
      </c>
      <c r="C111" s="14">
        <v>48</v>
      </c>
      <c r="D111" s="18">
        <v>71</v>
      </c>
    </row>
    <row r="112" spans="1:4" ht="18" customHeight="1" x14ac:dyDescent="0.15">
      <c r="A112" s="5">
        <v>88</v>
      </c>
      <c r="B112" s="22">
        <v>22</v>
      </c>
      <c r="C112" s="14">
        <v>37</v>
      </c>
      <c r="D112" s="18">
        <v>59</v>
      </c>
    </row>
    <row r="113" spans="1:4" ht="18" customHeight="1" x14ac:dyDescent="0.15">
      <c r="A113" s="5">
        <v>89</v>
      </c>
      <c r="B113" s="22">
        <v>24</v>
      </c>
      <c r="C113" s="14">
        <v>31</v>
      </c>
      <c r="D113" s="18">
        <v>55</v>
      </c>
    </row>
    <row r="114" spans="1:4" ht="18" customHeight="1" x14ac:dyDescent="0.15">
      <c r="A114" s="5" t="s">
        <v>37</v>
      </c>
      <c r="B114" s="22">
        <v>136</v>
      </c>
      <c r="C114" s="14">
        <v>235</v>
      </c>
      <c r="D114" s="18">
        <v>371</v>
      </c>
    </row>
    <row r="115" spans="1:4" ht="18" customHeight="1" x14ac:dyDescent="0.15">
      <c r="A115" s="5">
        <v>90</v>
      </c>
      <c r="B115" s="22">
        <v>23</v>
      </c>
      <c r="C115" s="14">
        <v>45</v>
      </c>
      <c r="D115" s="18">
        <v>68</v>
      </c>
    </row>
    <row r="116" spans="1:4" ht="18" customHeight="1" x14ac:dyDescent="0.15">
      <c r="A116" s="5">
        <v>91</v>
      </c>
      <c r="B116" s="22">
        <v>13</v>
      </c>
      <c r="C116" s="14">
        <v>33</v>
      </c>
      <c r="D116" s="18">
        <v>46</v>
      </c>
    </row>
    <row r="117" spans="1:4" ht="18" customHeight="1" x14ac:dyDescent="0.15">
      <c r="A117" s="5">
        <v>92</v>
      </c>
      <c r="B117" s="22">
        <v>13</v>
      </c>
      <c r="C117" s="14">
        <v>37</v>
      </c>
      <c r="D117" s="18">
        <v>50</v>
      </c>
    </row>
    <row r="118" spans="1:4" ht="18" customHeight="1" x14ac:dyDescent="0.15">
      <c r="A118" s="5">
        <v>93</v>
      </c>
      <c r="B118" s="22">
        <v>7</v>
      </c>
      <c r="C118" s="14">
        <v>32</v>
      </c>
      <c r="D118" s="18">
        <v>39</v>
      </c>
    </row>
    <row r="119" spans="1:4" ht="18" customHeight="1" x14ac:dyDescent="0.15">
      <c r="A119" s="5">
        <v>94</v>
      </c>
      <c r="B119" s="22">
        <v>7</v>
      </c>
      <c r="C119" s="14">
        <v>18</v>
      </c>
      <c r="D119" s="18">
        <v>25</v>
      </c>
    </row>
    <row r="120" spans="1:4" ht="18" customHeight="1" x14ac:dyDescent="0.15">
      <c r="A120" s="5" t="s">
        <v>39</v>
      </c>
      <c r="B120" s="22">
        <v>63</v>
      </c>
      <c r="C120" s="14">
        <v>165</v>
      </c>
      <c r="D120" s="18">
        <v>228</v>
      </c>
    </row>
    <row r="121" spans="1:4" ht="18" customHeight="1" x14ac:dyDescent="0.15">
      <c r="A121" s="5">
        <v>95</v>
      </c>
      <c r="B121" s="22">
        <v>3</v>
      </c>
      <c r="C121" s="14">
        <v>19</v>
      </c>
      <c r="D121" s="18">
        <v>22</v>
      </c>
    </row>
    <row r="122" spans="1:4" ht="18" customHeight="1" x14ac:dyDescent="0.15">
      <c r="A122" s="5">
        <v>96</v>
      </c>
      <c r="B122" s="22">
        <v>2</v>
      </c>
      <c r="C122" s="14">
        <v>11</v>
      </c>
      <c r="D122" s="18">
        <v>13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9</v>
      </c>
      <c r="D124" s="18">
        <v>9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6</v>
      </c>
      <c r="C126" s="14">
        <v>50</v>
      </c>
      <c r="D126" s="18">
        <v>56</v>
      </c>
    </row>
    <row r="127" spans="1:4" ht="18" customHeight="1" x14ac:dyDescent="0.15">
      <c r="A127" s="5">
        <v>100</v>
      </c>
      <c r="B127" s="22">
        <v>1</v>
      </c>
      <c r="C127" s="14">
        <v>7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11</v>
      </c>
      <c r="D129" s="18">
        <v>12</v>
      </c>
    </row>
    <row r="130" spans="1:4" ht="18" customHeight="1" x14ac:dyDescent="0.15">
      <c r="A130" s="5" t="s">
        <v>46</v>
      </c>
      <c r="B130" s="22">
        <v>1322</v>
      </c>
      <c r="C130" s="14">
        <v>1903</v>
      </c>
      <c r="D130" s="18">
        <v>3225</v>
      </c>
    </row>
    <row r="131" spans="1:4" ht="18" customHeight="1" x14ac:dyDescent="0.15">
      <c r="A131" s="7" t="s">
        <v>45</v>
      </c>
      <c r="B131" s="23">
        <v>6067</v>
      </c>
      <c r="C131" s="15">
        <v>6440</v>
      </c>
      <c r="D131" s="19">
        <v>1250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2</v>
      </c>
      <c r="C5" s="13">
        <v>64</v>
      </c>
      <c r="D5" s="17">
        <v>126</v>
      </c>
    </row>
    <row r="6" spans="1:4" ht="18" customHeight="1" x14ac:dyDescent="0.15">
      <c r="A6" s="5">
        <v>1</v>
      </c>
      <c r="B6" s="22">
        <v>72</v>
      </c>
      <c r="C6" s="14">
        <v>68</v>
      </c>
      <c r="D6" s="18">
        <v>140</v>
      </c>
    </row>
    <row r="7" spans="1:4" ht="18" customHeight="1" x14ac:dyDescent="0.15">
      <c r="A7" s="5">
        <v>2</v>
      </c>
      <c r="B7" s="22">
        <v>66</v>
      </c>
      <c r="C7" s="14">
        <v>79</v>
      </c>
      <c r="D7" s="18">
        <v>145</v>
      </c>
    </row>
    <row r="8" spans="1:4" ht="18" customHeight="1" x14ac:dyDescent="0.15">
      <c r="A8" s="5">
        <v>3</v>
      </c>
      <c r="B8" s="22">
        <v>93</v>
      </c>
      <c r="C8" s="14">
        <v>90</v>
      </c>
      <c r="D8" s="18">
        <v>183</v>
      </c>
    </row>
    <row r="9" spans="1:4" ht="18" customHeight="1" x14ac:dyDescent="0.15">
      <c r="A9" s="5">
        <v>4</v>
      </c>
      <c r="B9" s="22">
        <v>77</v>
      </c>
      <c r="C9" s="14">
        <v>77</v>
      </c>
      <c r="D9" s="18">
        <v>154</v>
      </c>
    </row>
    <row r="10" spans="1:4" ht="18" customHeight="1" x14ac:dyDescent="0.15">
      <c r="A10" s="5" t="s">
        <v>7</v>
      </c>
      <c r="B10" s="22">
        <v>370</v>
      </c>
      <c r="C10" s="14">
        <v>378</v>
      </c>
      <c r="D10" s="18">
        <v>748</v>
      </c>
    </row>
    <row r="11" spans="1:4" ht="18" customHeight="1" x14ac:dyDescent="0.15">
      <c r="A11" s="5">
        <v>5</v>
      </c>
      <c r="B11" s="22">
        <v>76</v>
      </c>
      <c r="C11" s="14">
        <v>84</v>
      </c>
      <c r="D11" s="18">
        <v>160</v>
      </c>
    </row>
    <row r="12" spans="1:4" ht="18" customHeight="1" x14ac:dyDescent="0.15">
      <c r="A12" s="5">
        <v>6</v>
      </c>
      <c r="B12" s="22">
        <v>89</v>
      </c>
      <c r="C12" s="14">
        <v>102</v>
      </c>
      <c r="D12" s="18">
        <v>191</v>
      </c>
    </row>
    <row r="13" spans="1:4" ht="18" customHeight="1" x14ac:dyDescent="0.15">
      <c r="A13" s="5">
        <v>7</v>
      </c>
      <c r="B13" s="22">
        <v>82</v>
      </c>
      <c r="C13" s="14">
        <v>69</v>
      </c>
      <c r="D13" s="18">
        <v>151</v>
      </c>
    </row>
    <row r="14" spans="1:4" ht="18" customHeight="1" x14ac:dyDescent="0.15">
      <c r="A14" s="5">
        <v>8</v>
      </c>
      <c r="B14" s="22">
        <v>101</v>
      </c>
      <c r="C14" s="14">
        <v>79</v>
      </c>
      <c r="D14" s="18">
        <v>180</v>
      </c>
    </row>
    <row r="15" spans="1:4" ht="18" customHeight="1" x14ac:dyDescent="0.15">
      <c r="A15" s="5">
        <v>9</v>
      </c>
      <c r="B15" s="22">
        <v>90</v>
      </c>
      <c r="C15" s="14">
        <v>75</v>
      </c>
      <c r="D15" s="18">
        <v>165</v>
      </c>
    </row>
    <row r="16" spans="1:4" ht="18" customHeight="1" x14ac:dyDescent="0.15">
      <c r="A16" s="5" t="s">
        <v>11</v>
      </c>
      <c r="B16" s="22">
        <v>438</v>
      </c>
      <c r="C16" s="14">
        <v>409</v>
      </c>
      <c r="D16" s="18">
        <v>847</v>
      </c>
    </row>
    <row r="17" spans="1:4" ht="18" customHeight="1" x14ac:dyDescent="0.15">
      <c r="A17" s="5">
        <v>10</v>
      </c>
      <c r="B17" s="22">
        <v>105</v>
      </c>
      <c r="C17" s="14">
        <v>84</v>
      </c>
      <c r="D17" s="18">
        <v>189</v>
      </c>
    </row>
    <row r="18" spans="1:4" ht="18" customHeight="1" x14ac:dyDescent="0.15">
      <c r="A18" s="5">
        <v>11</v>
      </c>
      <c r="B18" s="22">
        <v>94</v>
      </c>
      <c r="C18" s="14">
        <v>81</v>
      </c>
      <c r="D18" s="18">
        <v>175</v>
      </c>
    </row>
    <row r="19" spans="1:4" ht="18" customHeight="1" x14ac:dyDescent="0.15">
      <c r="A19" s="5">
        <v>12</v>
      </c>
      <c r="B19" s="22">
        <v>89</v>
      </c>
      <c r="C19" s="14">
        <v>93</v>
      </c>
      <c r="D19" s="18">
        <v>182</v>
      </c>
    </row>
    <row r="20" spans="1:4" ht="18" customHeight="1" x14ac:dyDescent="0.15">
      <c r="A20" s="5">
        <v>13</v>
      </c>
      <c r="B20" s="22">
        <v>92</v>
      </c>
      <c r="C20" s="14">
        <v>81</v>
      </c>
      <c r="D20" s="18">
        <v>173</v>
      </c>
    </row>
    <row r="21" spans="1:4" ht="18" customHeight="1" x14ac:dyDescent="0.15">
      <c r="A21" s="5">
        <v>14</v>
      </c>
      <c r="B21" s="22">
        <v>85</v>
      </c>
      <c r="C21" s="14">
        <v>100</v>
      </c>
      <c r="D21" s="18">
        <v>185</v>
      </c>
    </row>
    <row r="22" spans="1:4" ht="18" customHeight="1" x14ac:dyDescent="0.15">
      <c r="A22" s="5" t="s">
        <v>12</v>
      </c>
      <c r="B22" s="22">
        <v>465</v>
      </c>
      <c r="C22" s="14">
        <v>439</v>
      </c>
      <c r="D22" s="18">
        <v>904</v>
      </c>
    </row>
    <row r="23" spans="1:4" ht="18" customHeight="1" x14ac:dyDescent="0.15">
      <c r="A23" s="5" t="s">
        <v>6</v>
      </c>
      <c r="B23" s="22">
        <v>1273</v>
      </c>
      <c r="C23" s="14">
        <v>1226</v>
      </c>
      <c r="D23" s="18">
        <v>2499</v>
      </c>
    </row>
    <row r="24" spans="1:4" ht="18" customHeight="1" x14ac:dyDescent="0.15">
      <c r="A24" s="5">
        <v>15</v>
      </c>
      <c r="B24" s="22">
        <v>96</v>
      </c>
      <c r="C24" s="14">
        <v>74</v>
      </c>
      <c r="D24" s="18">
        <v>170</v>
      </c>
    </row>
    <row r="25" spans="1:4" ht="18" customHeight="1" x14ac:dyDescent="0.15">
      <c r="A25" s="5">
        <v>16</v>
      </c>
      <c r="B25" s="22">
        <v>88</v>
      </c>
      <c r="C25" s="14">
        <v>89</v>
      </c>
      <c r="D25" s="18">
        <v>177</v>
      </c>
    </row>
    <row r="26" spans="1:4" ht="18" customHeight="1" x14ac:dyDescent="0.15">
      <c r="A26" s="5">
        <v>17</v>
      </c>
      <c r="B26" s="22">
        <v>102</v>
      </c>
      <c r="C26" s="14">
        <v>90</v>
      </c>
      <c r="D26" s="18">
        <v>192</v>
      </c>
    </row>
    <row r="27" spans="1:4" ht="18" customHeight="1" x14ac:dyDescent="0.15">
      <c r="A27" s="5">
        <v>18</v>
      </c>
      <c r="B27" s="22">
        <v>65</v>
      </c>
      <c r="C27" s="14">
        <v>80</v>
      </c>
      <c r="D27" s="18">
        <v>145</v>
      </c>
    </row>
    <row r="28" spans="1:4" ht="18" customHeight="1" x14ac:dyDescent="0.15">
      <c r="A28" s="5">
        <v>19</v>
      </c>
      <c r="B28" s="22">
        <v>71</v>
      </c>
      <c r="C28" s="14">
        <v>100</v>
      </c>
      <c r="D28" s="18">
        <v>171</v>
      </c>
    </row>
    <row r="29" spans="1:4" ht="18" customHeight="1" x14ac:dyDescent="0.15">
      <c r="A29" s="5" t="s">
        <v>14</v>
      </c>
      <c r="B29" s="22">
        <v>422</v>
      </c>
      <c r="C29" s="14">
        <v>433</v>
      </c>
      <c r="D29" s="18">
        <v>855</v>
      </c>
    </row>
    <row r="30" spans="1:4" ht="18" customHeight="1" x14ac:dyDescent="0.15">
      <c r="A30" s="5">
        <v>20</v>
      </c>
      <c r="B30" s="22">
        <v>71</v>
      </c>
      <c r="C30" s="14">
        <v>65</v>
      </c>
      <c r="D30" s="18">
        <v>136</v>
      </c>
    </row>
    <row r="31" spans="1:4" ht="18" customHeight="1" x14ac:dyDescent="0.15">
      <c r="A31" s="5">
        <v>21</v>
      </c>
      <c r="B31" s="22">
        <v>77</v>
      </c>
      <c r="C31" s="14">
        <v>56</v>
      </c>
      <c r="D31" s="18">
        <v>133</v>
      </c>
    </row>
    <row r="32" spans="1:4" ht="18" customHeight="1" x14ac:dyDescent="0.15">
      <c r="A32" s="5">
        <v>22</v>
      </c>
      <c r="B32" s="22">
        <v>76</v>
      </c>
      <c r="C32" s="14">
        <v>76</v>
      </c>
      <c r="D32" s="18">
        <v>152</v>
      </c>
    </row>
    <row r="33" spans="1:4" ht="18" customHeight="1" x14ac:dyDescent="0.15">
      <c r="A33" s="5">
        <v>23</v>
      </c>
      <c r="B33" s="22">
        <v>84</v>
      </c>
      <c r="C33" s="14">
        <v>60</v>
      </c>
      <c r="D33" s="18">
        <v>144</v>
      </c>
    </row>
    <row r="34" spans="1:4" ht="18" customHeight="1" x14ac:dyDescent="0.15">
      <c r="A34" s="5">
        <v>24</v>
      </c>
      <c r="B34" s="22">
        <v>73</v>
      </c>
      <c r="C34" s="14">
        <v>72</v>
      </c>
      <c r="D34" s="18">
        <v>145</v>
      </c>
    </row>
    <row r="35" spans="1:4" ht="18" customHeight="1" x14ac:dyDescent="0.15">
      <c r="A35" s="5" t="s">
        <v>9</v>
      </c>
      <c r="B35" s="22">
        <v>381</v>
      </c>
      <c r="C35" s="14">
        <v>329</v>
      </c>
      <c r="D35" s="18">
        <v>710</v>
      </c>
    </row>
    <row r="36" spans="1:4" ht="18" customHeight="1" x14ac:dyDescent="0.15">
      <c r="A36" s="5">
        <v>25</v>
      </c>
      <c r="B36" s="22">
        <v>81</v>
      </c>
      <c r="C36" s="14">
        <v>76</v>
      </c>
      <c r="D36" s="18">
        <v>157</v>
      </c>
    </row>
    <row r="37" spans="1:4" ht="18" customHeight="1" x14ac:dyDescent="0.15">
      <c r="A37" s="5">
        <v>26</v>
      </c>
      <c r="B37" s="22">
        <v>86</v>
      </c>
      <c r="C37" s="14">
        <v>70</v>
      </c>
      <c r="D37" s="18">
        <v>156</v>
      </c>
    </row>
    <row r="38" spans="1:4" ht="18" customHeight="1" x14ac:dyDescent="0.15">
      <c r="A38" s="5">
        <v>27</v>
      </c>
      <c r="B38" s="22">
        <v>68</v>
      </c>
      <c r="C38" s="14">
        <v>88</v>
      </c>
      <c r="D38" s="18">
        <v>156</v>
      </c>
    </row>
    <row r="39" spans="1:4" ht="18" customHeight="1" x14ac:dyDescent="0.15">
      <c r="A39" s="5">
        <v>28</v>
      </c>
      <c r="B39" s="22">
        <v>83</v>
      </c>
      <c r="C39" s="14">
        <v>104</v>
      </c>
      <c r="D39" s="18">
        <v>187</v>
      </c>
    </row>
    <row r="40" spans="1:4" ht="18" customHeight="1" x14ac:dyDescent="0.15">
      <c r="A40" s="5">
        <v>29</v>
      </c>
      <c r="B40" s="22">
        <v>84</v>
      </c>
      <c r="C40" s="14">
        <v>107</v>
      </c>
      <c r="D40" s="18">
        <v>191</v>
      </c>
    </row>
    <row r="41" spans="1:4" ht="18" customHeight="1" x14ac:dyDescent="0.15">
      <c r="A41" s="5" t="s">
        <v>2</v>
      </c>
      <c r="B41" s="22">
        <v>402</v>
      </c>
      <c r="C41" s="14">
        <v>445</v>
      </c>
      <c r="D41" s="18">
        <v>847</v>
      </c>
    </row>
    <row r="42" spans="1:4" ht="18" customHeight="1" x14ac:dyDescent="0.15">
      <c r="A42" s="5">
        <v>30</v>
      </c>
      <c r="B42" s="22">
        <v>83</v>
      </c>
      <c r="C42" s="14">
        <v>78</v>
      </c>
      <c r="D42" s="18">
        <v>161</v>
      </c>
    </row>
    <row r="43" spans="1:4" ht="18" customHeight="1" x14ac:dyDescent="0.15">
      <c r="A43" s="5">
        <v>31</v>
      </c>
      <c r="B43" s="22">
        <v>99</v>
      </c>
      <c r="C43" s="14">
        <v>90</v>
      </c>
      <c r="D43" s="18">
        <v>189</v>
      </c>
    </row>
    <row r="44" spans="1:4" ht="18" customHeight="1" x14ac:dyDescent="0.15">
      <c r="A44" s="5">
        <v>32</v>
      </c>
      <c r="B44" s="22">
        <v>90</v>
      </c>
      <c r="C44" s="14">
        <v>107</v>
      </c>
      <c r="D44" s="18">
        <v>197</v>
      </c>
    </row>
    <row r="45" spans="1:4" ht="18" customHeight="1" x14ac:dyDescent="0.15">
      <c r="A45" s="5">
        <v>33</v>
      </c>
      <c r="B45" s="22">
        <v>86</v>
      </c>
      <c r="C45" s="14">
        <v>103</v>
      </c>
      <c r="D45" s="18">
        <v>189</v>
      </c>
    </row>
    <row r="46" spans="1:4" ht="18" customHeight="1" x14ac:dyDescent="0.15">
      <c r="A46" s="5">
        <v>34</v>
      </c>
      <c r="B46" s="22">
        <v>84</v>
      </c>
      <c r="C46" s="14">
        <v>101</v>
      </c>
      <c r="D46" s="18">
        <v>185</v>
      </c>
    </row>
    <row r="47" spans="1:4" ht="18" customHeight="1" x14ac:dyDescent="0.15">
      <c r="A47" s="5" t="s">
        <v>15</v>
      </c>
      <c r="B47" s="22">
        <v>442</v>
      </c>
      <c r="C47" s="14">
        <v>479</v>
      </c>
      <c r="D47" s="18">
        <v>921</v>
      </c>
    </row>
    <row r="48" spans="1:4" ht="18" customHeight="1" x14ac:dyDescent="0.15">
      <c r="A48" s="5">
        <v>35</v>
      </c>
      <c r="B48" s="22">
        <v>98</v>
      </c>
      <c r="C48" s="14">
        <v>100</v>
      </c>
      <c r="D48" s="18">
        <v>198</v>
      </c>
    </row>
    <row r="49" spans="1:4" ht="18" customHeight="1" x14ac:dyDescent="0.15">
      <c r="A49" s="5">
        <v>36</v>
      </c>
      <c r="B49" s="22">
        <v>101</v>
      </c>
      <c r="C49" s="14">
        <v>98</v>
      </c>
      <c r="D49" s="18">
        <v>199</v>
      </c>
    </row>
    <row r="50" spans="1:4" ht="18" customHeight="1" x14ac:dyDescent="0.15">
      <c r="A50" s="5">
        <v>37</v>
      </c>
      <c r="B50" s="22">
        <v>101</v>
      </c>
      <c r="C50" s="14">
        <v>100</v>
      </c>
      <c r="D50" s="18">
        <v>201</v>
      </c>
    </row>
    <row r="51" spans="1:4" ht="18" customHeight="1" x14ac:dyDescent="0.15">
      <c r="A51" s="5">
        <v>38</v>
      </c>
      <c r="B51" s="22">
        <v>100</v>
      </c>
      <c r="C51" s="14">
        <v>91</v>
      </c>
      <c r="D51" s="18">
        <v>191</v>
      </c>
    </row>
    <row r="52" spans="1:4" ht="18" customHeight="1" x14ac:dyDescent="0.15">
      <c r="A52" s="5">
        <v>39</v>
      </c>
      <c r="B52" s="22">
        <v>99</v>
      </c>
      <c r="C52" s="14">
        <v>105</v>
      </c>
      <c r="D52" s="18">
        <v>204</v>
      </c>
    </row>
    <row r="53" spans="1:4" ht="18" customHeight="1" x14ac:dyDescent="0.15">
      <c r="A53" s="5" t="s">
        <v>18</v>
      </c>
      <c r="B53" s="22">
        <v>499</v>
      </c>
      <c r="C53" s="14">
        <v>494</v>
      </c>
      <c r="D53" s="18">
        <v>993</v>
      </c>
    </row>
    <row r="54" spans="1:4" ht="18" customHeight="1" x14ac:dyDescent="0.15">
      <c r="A54" s="5">
        <v>40</v>
      </c>
      <c r="B54" s="22">
        <v>131</v>
      </c>
      <c r="C54" s="14">
        <v>118</v>
      </c>
      <c r="D54" s="18">
        <v>249</v>
      </c>
    </row>
    <row r="55" spans="1:4" ht="18" customHeight="1" x14ac:dyDescent="0.15">
      <c r="A55" s="5">
        <v>41</v>
      </c>
      <c r="B55" s="22">
        <v>133</v>
      </c>
      <c r="C55" s="14">
        <v>120</v>
      </c>
      <c r="D55" s="18">
        <v>253</v>
      </c>
    </row>
    <row r="56" spans="1:4" ht="18" customHeight="1" x14ac:dyDescent="0.15">
      <c r="A56" s="5">
        <v>42</v>
      </c>
      <c r="B56" s="22">
        <v>126</v>
      </c>
      <c r="C56" s="14">
        <v>105</v>
      </c>
      <c r="D56" s="18">
        <v>231</v>
      </c>
    </row>
    <row r="57" spans="1:4" ht="18" customHeight="1" x14ac:dyDescent="0.15">
      <c r="A57" s="5">
        <v>43</v>
      </c>
      <c r="B57" s="22">
        <v>139</v>
      </c>
      <c r="C57" s="14">
        <v>113</v>
      </c>
      <c r="D57" s="18">
        <v>252</v>
      </c>
    </row>
    <row r="58" spans="1:4" ht="18" customHeight="1" x14ac:dyDescent="0.15">
      <c r="A58" s="5">
        <v>44</v>
      </c>
      <c r="B58" s="22">
        <v>130</v>
      </c>
      <c r="C58" s="14">
        <v>119</v>
      </c>
      <c r="D58" s="18">
        <v>249</v>
      </c>
    </row>
    <row r="59" spans="1:4" ht="18" customHeight="1" x14ac:dyDescent="0.15">
      <c r="A59" s="5" t="s">
        <v>21</v>
      </c>
      <c r="B59" s="22">
        <v>659</v>
      </c>
      <c r="C59" s="14">
        <v>575</v>
      </c>
      <c r="D59" s="18">
        <v>1234</v>
      </c>
    </row>
    <row r="60" spans="1:4" ht="18" customHeight="1" x14ac:dyDescent="0.15">
      <c r="A60" s="5">
        <v>45</v>
      </c>
      <c r="B60" s="22">
        <v>133</v>
      </c>
      <c r="C60" s="14">
        <v>135</v>
      </c>
      <c r="D60" s="18">
        <v>268</v>
      </c>
    </row>
    <row r="61" spans="1:4" ht="18" customHeight="1" x14ac:dyDescent="0.15">
      <c r="A61" s="5">
        <v>46</v>
      </c>
      <c r="B61" s="22">
        <v>137</v>
      </c>
      <c r="C61" s="14">
        <v>121</v>
      </c>
      <c r="D61" s="18">
        <v>258</v>
      </c>
    </row>
    <row r="62" spans="1:4" ht="18" customHeight="1" x14ac:dyDescent="0.15">
      <c r="A62" s="5">
        <v>47</v>
      </c>
      <c r="B62" s="22">
        <v>116</v>
      </c>
      <c r="C62" s="14">
        <v>115</v>
      </c>
      <c r="D62" s="18">
        <v>231</v>
      </c>
    </row>
    <row r="63" spans="1:4" ht="18" customHeight="1" x14ac:dyDescent="0.15">
      <c r="A63" s="5">
        <v>48</v>
      </c>
      <c r="B63" s="22">
        <v>128</v>
      </c>
      <c r="C63" s="14">
        <v>120</v>
      </c>
      <c r="D63" s="18">
        <v>248</v>
      </c>
    </row>
    <row r="64" spans="1:4" ht="18" customHeight="1" x14ac:dyDescent="0.15">
      <c r="A64" s="5">
        <v>49</v>
      </c>
      <c r="B64" s="22">
        <v>146</v>
      </c>
      <c r="C64" s="14">
        <v>132</v>
      </c>
      <c r="D64" s="18">
        <v>278</v>
      </c>
    </row>
    <row r="65" spans="1:4" ht="18" customHeight="1" x14ac:dyDescent="0.15">
      <c r="A65" s="5" t="s">
        <v>17</v>
      </c>
      <c r="B65" s="22">
        <v>660</v>
      </c>
      <c r="C65" s="14">
        <v>623</v>
      </c>
      <c r="D65" s="18">
        <v>1283</v>
      </c>
    </row>
    <row r="66" spans="1:4" ht="18" customHeight="1" x14ac:dyDescent="0.15">
      <c r="A66" s="5">
        <v>50</v>
      </c>
      <c r="B66" s="22">
        <v>140</v>
      </c>
      <c r="C66" s="14">
        <v>117</v>
      </c>
      <c r="D66" s="18">
        <v>257</v>
      </c>
    </row>
    <row r="67" spans="1:4" ht="18" customHeight="1" x14ac:dyDescent="0.15">
      <c r="A67" s="5">
        <v>51</v>
      </c>
      <c r="B67" s="22">
        <v>170</v>
      </c>
      <c r="C67" s="14">
        <v>167</v>
      </c>
      <c r="D67" s="18">
        <v>337</v>
      </c>
    </row>
    <row r="68" spans="1:4" ht="18" customHeight="1" x14ac:dyDescent="0.15">
      <c r="A68" s="5">
        <v>52</v>
      </c>
      <c r="B68" s="22">
        <v>143</v>
      </c>
      <c r="C68" s="14">
        <v>159</v>
      </c>
      <c r="D68" s="18">
        <v>302</v>
      </c>
    </row>
    <row r="69" spans="1:4" ht="18" customHeight="1" x14ac:dyDescent="0.15">
      <c r="A69" s="5">
        <v>53</v>
      </c>
      <c r="B69" s="22">
        <v>132</v>
      </c>
      <c r="C69" s="14">
        <v>136</v>
      </c>
      <c r="D69" s="18">
        <v>268</v>
      </c>
    </row>
    <row r="70" spans="1:4" ht="18" customHeight="1" x14ac:dyDescent="0.15">
      <c r="A70" s="5">
        <v>54</v>
      </c>
      <c r="B70" s="22">
        <v>147</v>
      </c>
      <c r="C70" s="14">
        <v>131</v>
      </c>
      <c r="D70" s="18">
        <v>278</v>
      </c>
    </row>
    <row r="71" spans="1:4" ht="18" customHeight="1" x14ac:dyDescent="0.15">
      <c r="A71" s="5" t="s">
        <v>22</v>
      </c>
      <c r="B71" s="22">
        <v>732</v>
      </c>
      <c r="C71" s="14">
        <v>710</v>
      </c>
      <c r="D71" s="18">
        <v>1442</v>
      </c>
    </row>
    <row r="72" spans="1:4" ht="18" customHeight="1" x14ac:dyDescent="0.15">
      <c r="A72" s="5">
        <v>55</v>
      </c>
      <c r="B72" s="22">
        <v>115</v>
      </c>
      <c r="C72" s="14">
        <v>115</v>
      </c>
      <c r="D72" s="18">
        <v>230</v>
      </c>
    </row>
    <row r="73" spans="1:4" ht="18" customHeight="1" x14ac:dyDescent="0.15">
      <c r="A73" s="5">
        <v>56</v>
      </c>
      <c r="B73" s="22">
        <v>89</v>
      </c>
      <c r="C73" s="14">
        <v>94</v>
      </c>
      <c r="D73" s="18">
        <v>183</v>
      </c>
    </row>
    <row r="74" spans="1:4" ht="18" customHeight="1" x14ac:dyDescent="0.15">
      <c r="A74" s="5">
        <v>57</v>
      </c>
      <c r="B74" s="22">
        <v>102</v>
      </c>
      <c r="C74" s="14">
        <v>100</v>
      </c>
      <c r="D74" s="18">
        <v>202</v>
      </c>
    </row>
    <row r="75" spans="1:4" ht="18" customHeight="1" x14ac:dyDescent="0.15">
      <c r="A75" s="5">
        <v>58</v>
      </c>
      <c r="B75" s="22">
        <v>100</v>
      </c>
      <c r="C75" s="14">
        <v>93</v>
      </c>
      <c r="D75" s="18">
        <v>193</v>
      </c>
    </row>
    <row r="76" spans="1:4" ht="18" customHeight="1" x14ac:dyDescent="0.15">
      <c r="A76" s="5">
        <v>59</v>
      </c>
      <c r="B76" s="22">
        <v>80</v>
      </c>
      <c r="C76" s="14">
        <v>83</v>
      </c>
      <c r="D76" s="18">
        <v>163</v>
      </c>
    </row>
    <row r="77" spans="1:4" ht="18" customHeight="1" x14ac:dyDescent="0.15">
      <c r="A77" s="5" t="s">
        <v>27</v>
      </c>
      <c r="B77" s="22">
        <v>486</v>
      </c>
      <c r="C77" s="14">
        <v>485</v>
      </c>
      <c r="D77" s="18">
        <v>971</v>
      </c>
    </row>
    <row r="78" spans="1:4" ht="18" customHeight="1" x14ac:dyDescent="0.15">
      <c r="A78" s="5">
        <v>60</v>
      </c>
      <c r="B78" s="22">
        <v>69</v>
      </c>
      <c r="C78" s="14">
        <v>74</v>
      </c>
      <c r="D78" s="18">
        <v>143</v>
      </c>
    </row>
    <row r="79" spans="1:4" ht="18" customHeight="1" x14ac:dyDescent="0.15">
      <c r="A79" s="5">
        <v>61</v>
      </c>
      <c r="B79" s="22">
        <v>96</v>
      </c>
      <c r="C79" s="14">
        <v>103</v>
      </c>
      <c r="D79" s="18">
        <v>199</v>
      </c>
    </row>
    <row r="80" spans="1:4" ht="18" customHeight="1" x14ac:dyDescent="0.15">
      <c r="A80" s="5">
        <v>62</v>
      </c>
      <c r="B80" s="22">
        <v>74</v>
      </c>
      <c r="C80" s="14">
        <v>77</v>
      </c>
      <c r="D80" s="18">
        <v>151</v>
      </c>
    </row>
    <row r="81" spans="1:4" ht="18" customHeight="1" x14ac:dyDescent="0.15">
      <c r="A81" s="5">
        <v>63</v>
      </c>
      <c r="B81" s="22">
        <v>79</v>
      </c>
      <c r="C81" s="14">
        <v>79</v>
      </c>
      <c r="D81" s="18">
        <v>158</v>
      </c>
    </row>
    <row r="82" spans="1:4" ht="18" customHeight="1" x14ac:dyDescent="0.15">
      <c r="A82" s="5">
        <v>64</v>
      </c>
      <c r="B82" s="22">
        <v>63</v>
      </c>
      <c r="C82" s="14">
        <v>65</v>
      </c>
      <c r="D82" s="18">
        <v>128</v>
      </c>
    </row>
    <row r="83" spans="1:4" ht="18" customHeight="1" x14ac:dyDescent="0.15">
      <c r="A83" s="5" t="s">
        <v>28</v>
      </c>
      <c r="B83" s="22">
        <v>381</v>
      </c>
      <c r="C83" s="14">
        <v>398</v>
      </c>
      <c r="D83" s="18">
        <v>779</v>
      </c>
    </row>
    <row r="84" spans="1:4" ht="18" customHeight="1" x14ac:dyDescent="0.15">
      <c r="A84" s="5" t="s">
        <v>31</v>
      </c>
      <c r="B84" s="22">
        <v>5064</v>
      </c>
      <c r="C84" s="14">
        <v>4971</v>
      </c>
      <c r="D84" s="18">
        <v>10035</v>
      </c>
    </row>
    <row r="85" spans="1:4" ht="18" customHeight="1" x14ac:dyDescent="0.15">
      <c r="A85" s="5">
        <v>65</v>
      </c>
      <c r="B85" s="22">
        <v>67</v>
      </c>
      <c r="C85" s="14">
        <v>81</v>
      </c>
      <c r="D85" s="18">
        <v>148</v>
      </c>
    </row>
    <row r="86" spans="1:4" ht="18" customHeight="1" x14ac:dyDescent="0.15">
      <c r="A86" s="5">
        <v>66</v>
      </c>
      <c r="B86" s="22">
        <v>70</v>
      </c>
      <c r="C86" s="14">
        <v>73</v>
      </c>
      <c r="D86" s="18">
        <v>143</v>
      </c>
    </row>
    <row r="87" spans="1:4" ht="18" customHeight="1" x14ac:dyDescent="0.15">
      <c r="A87" s="5">
        <v>67</v>
      </c>
      <c r="B87" s="22">
        <v>74</v>
      </c>
      <c r="C87" s="14">
        <v>91</v>
      </c>
      <c r="D87" s="18">
        <v>165</v>
      </c>
    </row>
    <row r="88" spans="1:4" ht="18" customHeight="1" x14ac:dyDescent="0.15">
      <c r="A88" s="5">
        <v>68</v>
      </c>
      <c r="B88" s="22">
        <v>66</v>
      </c>
      <c r="C88" s="14">
        <v>72</v>
      </c>
      <c r="D88" s="18">
        <v>138</v>
      </c>
    </row>
    <row r="89" spans="1:4" ht="18" customHeight="1" x14ac:dyDescent="0.15">
      <c r="A89" s="5">
        <v>69</v>
      </c>
      <c r="B89" s="22">
        <v>60</v>
      </c>
      <c r="C89" s="14">
        <v>66</v>
      </c>
      <c r="D89" s="18">
        <v>126</v>
      </c>
    </row>
    <row r="90" spans="1:4" ht="18" customHeight="1" x14ac:dyDescent="0.15">
      <c r="A90" s="5" t="s">
        <v>20</v>
      </c>
      <c r="B90" s="22">
        <v>337</v>
      </c>
      <c r="C90" s="14">
        <v>383</v>
      </c>
      <c r="D90" s="18">
        <v>720</v>
      </c>
    </row>
    <row r="91" spans="1:4" ht="18" customHeight="1" x14ac:dyDescent="0.15">
      <c r="A91" s="5">
        <v>70</v>
      </c>
      <c r="B91" s="22">
        <v>68</v>
      </c>
      <c r="C91" s="14">
        <v>73</v>
      </c>
      <c r="D91" s="18">
        <v>141</v>
      </c>
    </row>
    <row r="92" spans="1:4" ht="18" customHeight="1" x14ac:dyDescent="0.15">
      <c r="A92" s="5">
        <v>71</v>
      </c>
      <c r="B92" s="22">
        <v>82</v>
      </c>
      <c r="C92" s="14">
        <v>74</v>
      </c>
      <c r="D92" s="18">
        <v>156</v>
      </c>
    </row>
    <row r="93" spans="1:4" ht="18" customHeight="1" x14ac:dyDescent="0.15">
      <c r="A93" s="5">
        <v>72</v>
      </c>
      <c r="B93" s="22">
        <v>68</v>
      </c>
      <c r="C93" s="14">
        <v>85</v>
      </c>
      <c r="D93" s="18">
        <v>153</v>
      </c>
    </row>
    <row r="94" spans="1:4" ht="18" customHeight="1" x14ac:dyDescent="0.15">
      <c r="A94" s="5">
        <v>73</v>
      </c>
      <c r="B94" s="22">
        <v>82</v>
      </c>
      <c r="C94" s="14">
        <v>100</v>
      </c>
      <c r="D94" s="18">
        <v>182</v>
      </c>
    </row>
    <row r="95" spans="1:4" ht="18" customHeight="1" x14ac:dyDescent="0.15">
      <c r="A95" s="5">
        <v>74</v>
      </c>
      <c r="B95" s="22">
        <v>78</v>
      </c>
      <c r="C95" s="14">
        <v>89</v>
      </c>
      <c r="D95" s="18">
        <v>167</v>
      </c>
    </row>
    <row r="96" spans="1:4" ht="18" customHeight="1" x14ac:dyDescent="0.15">
      <c r="A96" s="5" t="s">
        <v>33</v>
      </c>
      <c r="B96" s="22">
        <v>378</v>
      </c>
      <c r="C96" s="14">
        <v>421</v>
      </c>
      <c r="D96" s="18">
        <v>799</v>
      </c>
    </row>
    <row r="97" spans="1:4" ht="18" customHeight="1" x14ac:dyDescent="0.15">
      <c r="A97" s="5">
        <v>75</v>
      </c>
      <c r="B97" s="22">
        <v>78</v>
      </c>
      <c r="C97" s="14">
        <v>99</v>
      </c>
      <c r="D97" s="18">
        <v>177</v>
      </c>
    </row>
    <row r="98" spans="1:4" ht="18" customHeight="1" x14ac:dyDescent="0.15">
      <c r="A98" s="5">
        <v>76</v>
      </c>
      <c r="B98" s="22">
        <v>97</v>
      </c>
      <c r="C98" s="14">
        <v>105</v>
      </c>
      <c r="D98" s="18">
        <v>202</v>
      </c>
    </row>
    <row r="99" spans="1:4" ht="18" customHeight="1" x14ac:dyDescent="0.15">
      <c r="A99" s="5">
        <v>77</v>
      </c>
      <c r="B99" s="22">
        <v>77</v>
      </c>
      <c r="C99" s="14">
        <v>121</v>
      </c>
      <c r="D99" s="18">
        <v>198</v>
      </c>
    </row>
    <row r="100" spans="1:4" ht="18" customHeight="1" x14ac:dyDescent="0.15">
      <c r="A100" s="5">
        <v>78</v>
      </c>
      <c r="B100" s="22">
        <v>95</v>
      </c>
      <c r="C100" s="14">
        <v>157</v>
      </c>
      <c r="D100" s="18">
        <v>252</v>
      </c>
    </row>
    <row r="101" spans="1:4" ht="18" customHeight="1" x14ac:dyDescent="0.15">
      <c r="A101" s="5">
        <v>79</v>
      </c>
      <c r="B101" s="22">
        <v>85</v>
      </c>
      <c r="C101" s="14">
        <v>126</v>
      </c>
      <c r="D101" s="18">
        <v>211</v>
      </c>
    </row>
    <row r="102" spans="1:4" ht="18" customHeight="1" x14ac:dyDescent="0.15">
      <c r="A102" s="5" t="s">
        <v>0</v>
      </c>
      <c r="B102" s="22">
        <v>432</v>
      </c>
      <c r="C102" s="14">
        <v>608</v>
      </c>
      <c r="D102" s="18">
        <v>1040</v>
      </c>
    </row>
    <row r="103" spans="1:4" ht="18" customHeight="1" x14ac:dyDescent="0.15">
      <c r="A103" s="5">
        <v>80</v>
      </c>
      <c r="B103" s="22">
        <v>59</v>
      </c>
      <c r="C103" s="14">
        <v>70</v>
      </c>
      <c r="D103" s="18">
        <v>129</v>
      </c>
    </row>
    <row r="104" spans="1:4" ht="18" customHeight="1" x14ac:dyDescent="0.15">
      <c r="A104" s="5">
        <v>81</v>
      </c>
      <c r="B104" s="22">
        <v>69</v>
      </c>
      <c r="C104" s="14">
        <v>86</v>
      </c>
      <c r="D104" s="18">
        <v>155</v>
      </c>
    </row>
    <row r="105" spans="1:4" ht="18" customHeight="1" x14ac:dyDescent="0.15">
      <c r="A105" s="5">
        <v>82</v>
      </c>
      <c r="B105" s="22">
        <v>74</v>
      </c>
      <c r="C105" s="14">
        <v>107</v>
      </c>
      <c r="D105" s="18">
        <v>181</v>
      </c>
    </row>
    <row r="106" spans="1:4" ht="18" customHeight="1" x14ac:dyDescent="0.15">
      <c r="A106" s="5">
        <v>83</v>
      </c>
      <c r="B106" s="22">
        <v>56</v>
      </c>
      <c r="C106" s="14">
        <v>81</v>
      </c>
      <c r="D106" s="18">
        <v>137</v>
      </c>
    </row>
    <row r="107" spans="1:4" ht="18" customHeight="1" x14ac:dyDescent="0.15">
      <c r="A107" s="5">
        <v>84</v>
      </c>
      <c r="B107" s="22">
        <v>54</v>
      </c>
      <c r="C107" s="14">
        <v>101</v>
      </c>
      <c r="D107" s="18">
        <v>155</v>
      </c>
    </row>
    <row r="108" spans="1:4" ht="18" customHeight="1" x14ac:dyDescent="0.15">
      <c r="A108" s="5" t="s">
        <v>35</v>
      </c>
      <c r="B108" s="22">
        <v>312</v>
      </c>
      <c r="C108" s="14">
        <v>445</v>
      </c>
      <c r="D108" s="18">
        <v>757</v>
      </c>
    </row>
    <row r="109" spans="1:4" ht="18" customHeight="1" x14ac:dyDescent="0.15">
      <c r="A109" s="5">
        <v>85</v>
      </c>
      <c r="B109" s="22">
        <v>51</v>
      </c>
      <c r="C109" s="14">
        <v>71</v>
      </c>
      <c r="D109" s="18">
        <v>122</v>
      </c>
    </row>
    <row r="110" spans="1:4" ht="18" customHeight="1" x14ac:dyDescent="0.15">
      <c r="A110" s="5">
        <v>86</v>
      </c>
      <c r="B110" s="22">
        <v>36</v>
      </c>
      <c r="C110" s="14">
        <v>61</v>
      </c>
      <c r="D110" s="18">
        <v>97</v>
      </c>
    </row>
    <row r="111" spans="1:4" ht="18" customHeight="1" x14ac:dyDescent="0.15">
      <c r="A111" s="5">
        <v>87</v>
      </c>
      <c r="B111" s="22">
        <v>40</v>
      </c>
      <c r="C111" s="14">
        <v>40</v>
      </c>
      <c r="D111" s="18">
        <v>80</v>
      </c>
    </row>
    <row r="112" spans="1:4" ht="18" customHeight="1" x14ac:dyDescent="0.15">
      <c r="A112" s="5">
        <v>88</v>
      </c>
      <c r="B112" s="22">
        <v>35</v>
      </c>
      <c r="C112" s="14">
        <v>48</v>
      </c>
      <c r="D112" s="18">
        <v>83</v>
      </c>
    </row>
    <row r="113" spans="1:4" ht="18" customHeight="1" x14ac:dyDescent="0.15">
      <c r="A113" s="5">
        <v>89</v>
      </c>
      <c r="B113" s="22">
        <v>21</v>
      </c>
      <c r="C113" s="14">
        <v>48</v>
      </c>
      <c r="D113" s="18">
        <v>69</v>
      </c>
    </row>
    <row r="114" spans="1:4" ht="18" customHeight="1" x14ac:dyDescent="0.15">
      <c r="A114" s="5" t="s">
        <v>37</v>
      </c>
      <c r="B114" s="22">
        <v>183</v>
      </c>
      <c r="C114" s="14">
        <v>268</v>
      </c>
      <c r="D114" s="18">
        <v>451</v>
      </c>
    </row>
    <row r="115" spans="1:4" ht="18" customHeight="1" x14ac:dyDescent="0.15">
      <c r="A115" s="5">
        <v>90</v>
      </c>
      <c r="B115" s="22">
        <v>21</v>
      </c>
      <c r="C115" s="14">
        <v>40</v>
      </c>
      <c r="D115" s="18">
        <v>61</v>
      </c>
    </row>
    <row r="116" spans="1:4" ht="18" customHeight="1" x14ac:dyDescent="0.15">
      <c r="A116" s="5">
        <v>91</v>
      </c>
      <c r="B116" s="22">
        <v>16</v>
      </c>
      <c r="C116" s="14">
        <v>36</v>
      </c>
      <c r="D116" s="18">
        <v>52</v>
      </c>
    </row>
    <row r="117" spans="1:4" ht="18" customHeight="1" x14ac:dyDescent="0.15">
      <c r="A117" s="5">
        <v>92</v>
      </c>
      <c r="B117" s="22">
        <v>14</v>
      </c>
      <c r="C117" s="14">
        <v>24</v>
      </c>
      <c r="D117" s="18">
        <v>38</v>
      </c>
    </row>
    <row r="118" spans="1:4" ht="18" customHeight="1" x14ac:dyDescent="0.15">
      <c r="A118" s="5">
        <v>93</v>
      </c>
      <c r="B118" s="22">
        <v>6</v>
      </c>
      <c r="C118" s="14">
        <v>21</v>
      </c>
      <c r="D118" s="18">
        <v>27</v>
      </c>
    </row>
    <row r="119" spans="1:4" ht="18" customHeight="1" x14ac:dyDescent="0.15">
      <c r="A119" s="5">
        <v>94</v>
      </c>
      <c r="B119" s="22">
        <v>5</v>
      </c>
      <c r="C119" s="14">
        <v>16</v>
      </c>
      <c r="D119" s="18">
        <v>21</v>
      </c>
    </row>
    <row r="120" spans="1:4" ht="18" customHeight="1" x14ac:dyDescent="0.15">
      <c r="A120" s="5" t="s">
        <v>39</v>
      </c>
      <c r="B120" s="22">
        <v>62</v>
      </c>
      <c r="C120" s="14">
        <v>137</v>
      </c>
      <c r="D120" s="18">
        <v>199</v>
      </c>
    </row>
    <row r="121" spans="1:4" ht="18" customHeight="1" x14ac:dyDescent="0.15">
      <c r="A121" s="5">
        <v>95</v>
      </c>
      <c r="B121" s="22">
        <v>6</v>
      </c>
      <c r="C121" s="14">
        <v>14</v>
      </c>
      <c r="D121" s="18">
        <v>20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9</v>
      </c>
      <c r="C126" s="14">
        <v>42</v>
      </c>
      <c r="D126" s="18">
        <v>5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713</v>
      </c>
      <c r="C130" s="14">
        <v>2311</v>
      </c>
      <c r="D130" s="18">
        <v>4024</v>
      </c>
    </row>
    <row r="131" spans="1:4" ht="18" customHeight="1" x14ac:dyDescent="0.15">
      <c r="A131" s="7" t="s">
        <v>45</v>
      </c>
      <c r="B131" s="23">
        <v>8050</v>
      </c>
      <c r="C131" s="15">
        <v>8508</v>
      </c>
      <c r="D131" s="19">
        <v>165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8</v>
      </c>
      <c r="C5" s="13">
        <v>35</v>
      </c>
      <c r="D5" s="17">
        <v>73</v>
      </c>
    </row>
    <row r="6" spans="1:4" ht="18" customHeight="1" x14ac:dyDescent="0.15">
      <c r="A6" s="5">
        <v>1</v>
      </c>
      <c r="B6" s="22">
        <v>49</v>
      </c>
      <c r="C6" s="14">
        <v>47</v>
      </c>
      <c r="D6" s="18">
        <v>96</v>
      </c>
    </row>
    <row r="7" spans="1:4" ht="18" customHeight="1" x14ac:dyDescent="0.15">
      <c r="A7" s="5">
        <v>2</v>
      </c>
      <c r="B7" s="22">
        <v>51</v>
      </c>
      <c r="C7" s="14">
        <v>32</v>
      </c>
      <c r="D7" s="18">
        <v>83</v>
      </c>
    </row>
    <row r="8" spans="1:4" ht="18" customHeight="1" x14ac:dyDescent="0.15">
      <c r="A8" s="5">
        <v>3</v>
      </c>
      <c r="B8" s="22">
        <v>47</v>
      </c>
      <c r="C8" s="14">
        <v>46</v>
      </c>
      <c r="D8" s="18">
        <v>93</v>
      </c>
    </row>
    <row r="9" spans="1:4" ht="18" customHeight="1" x14ac:dyDescent="0.15">
      <c r="A9" s="5">
        <v>4</v>
      </c>
      <c r="B9" s="22">
        <v>37</v>
      </c>
      <c r="C9" s="14">
        <v>29</v>
      </c>
      <c r="D9" s="18">
        <v>66</v>
      </c>
    </row>
    <row r="10" spans="1:4" ht="18" customHeight="1" x14ac:dyDescent="0.15">
      <c r="A10" s="5" t="s">
        <v>7</v>
      </c>
      <c r="B10" s="22">
        <v>222</v>
      </c>
      <c r="C10" s="14">
        <v>189</v>
      </c>
      <c r="D10" s="18">
        <v>411</v>
      </c>
    </row>
    <row r="11" spans="1:4" ht="18" customHeight="1" x14ac:dyDescent="0.15">
      <c r="A11" s="5">
        <v>5</v>
      </c>
      <c r="B11" s="22">
        <v>51</v>
      </c>
      <c r="C11" s="14">
        <v>36</v>
      </c>
      <c r="D11" s="18">
        <v>87</v>
      </c>
    </row>
    <row r="12" spans="1:4" ht="18" customHeight="1" x14ac:dyDescent="0.15">
      <c r="A12" s="5">
        <v>6</v>
      </c>
      <c r="B12" s="22">
        <v>34</v>
      </c>
      <c r="C12" s="14">
        <v>35</v>
      </c>
      <c r="D12" s="18">
        <v>69</v>
      </c>
    </row>
    <row r="13" spans="1:4" ht="18" customHeight="1" x14ac:dyDescent="0.15">
      <c r="A13" s="5">
        <v>7</v>
      </c>
      <c r="B13" s="22">
        <v>48</v>
      </c>
      <c r="C13" s="14">
        <v>49</v>
      </c>
      <c r="D13" s="18">
        <v>97</v>
      </c>
    </row>
    <row r="14" spans="1:4" ht="18" customHeight="1" x14ac:dyDescent="0.15">
      <c r="A14" s="5">
        <v>8</v>
      </c>
      <c r="B14" s="22">
        <v>52</v>
      </c>
      <c r="C14" s="14">
        <v>40</v>
      </c>
      <c r="D14" s="18">
        <v>92</v>
      </c>
    </row>
    <row r="15" spans="1:4" ht="18" customHeight="1" x14ac:dyDescent="0.15">
      <c r="A15" s="5">
        <v>9</v>
      </c>
      <c r="B15" s="22">
        <v>55</v>
      </c>
      <c r="C15" s="14">
        <v>62</v>
      </c>
      <c r="D15" s="18">
        <v>117</v>
      </c>
    </row>
    <row r="16" spans="1:4" ht="18" customHeight="1" x14ac:dyDescent="0.15">
      <c r="A16" s="5" t="s">
        <v>11</v>
      </c>
      <c r="B16" s="22">
        <v>240</v>
      </c>
      <c r="C16" s="14">
        <v>222</v>
      </c>
      <c r="D16" s="18">
        <v>462</v>
      </c>
    </row>
    <row r="17" spans="1:4" ht="18" customHeight="1" x14ac:dyDescent="0.15">
      <c r="A17" s="5">
        <v>10</v>
      </c>
      <c r="B17" s="22">
        <v>49</v>
      </c>
      <c r="C17" s="14">
        <v>52</v>
      </c>
      <c r="D17" s="18">
        <v>101</v>
      </c>
    </row>
    <row r="18" spans="1:4" ht="18" customHeight="1" x14ac:dyDescent="0.15">
      <c r="A18" s="5">
        <v>11</v>
      </c>
      <c r="B18" s="22">
        <v>45</v>
      </c>
      <c r="C18" s="14">
        <v>61</v>
      </c>
      <c r="D18" s="18">
        <v>106</v>
      </c>
    </row>
    <row r="19" spans="1:4" ht="18" customHeight="1" x14ac:dyDescent="0.15">
      <c r="A19" s="5">
        <v>12</v>
      </c>
      <c r="B19" s="22">
        <v>47</v>
      </c>
      <c r="C19" s="14">
        <v>46</v>
      </c>
      <c r="D19" s="18">
        <v>93</v>
      </c>
    </row>
    <row r="20" spans="1:4" ht="18" customHeight="1" x14ac:dyDescent="0.15">
      <c r="A20" s="5">
        <v>13</v>
      </c>
      <c r="B20" s="22">
        <v>50</v>
      </c>
      <c r="C20" s="14">
        <v>55</v>
      </c>
      <c r="D20" s="18">
        <v>105</v>
      </c>
    </row>
    <row r="21" spans="1:4" ht="18" customHeight="1" x14ac:dyDescent="0.15">
      <c r="A21" s="5">
        <v>14</v>
      </c>
      <c r="B21" s="22">
        <v>42</v>
      </c>
      <c r="C21" s="14">
        <v>41</v>
      </c>
      <c r="D21" s="18">
        <v>83</v>
      </c>
    </row>
    <row r="22" spans="1:4" ht="18" customHeight="1" x14ac:dyDescent="0.15">
      <c r="A22" s="5" t="s">
        <v>12</v>
      </c>
      <c r="B22" s="22">
        <v>233</v>
      </c>
      <c r="C22" s="14">
        <v>255</v>
      </c>
      <c r="D22" s="18">
        <v>488</v>
      </c>
    </row>
    <row r="23" spans="1:4" ht="18" customHeight="1" x14ac:dyDescent="0.15">
      <c r="A23" s="5" t="s">
        <v>6</v>
      </c>
      <c r="B23" s="22">
        <v>695</v>
      </c>
      <c r="C23" s="14">
        <v>666</v>
      </c>
      <c r="D23" s="18">
        <v>1361</v>
      </c>
    </row>
    <row r="24" spans="1:4" ht="18" customHeight="1" x14ac:dyDescent="0.15">
      <c r="A24" s="5">
        <v>15</v>
      </c>
      <c r="B24" s="22">
        <v>57</v>
      </c>
      <c r="C24" s="14">
        <v>42</v>
      </c>
      <c r="D24" s="18">
        <v>99</v>
      </c>
    </row>
    <row r="25" spans="1:4" ht="18" customHeight="1" x14ac:dyDescent="0.15">
      <c r="A25" s="5">
        <v>16</v>
      </c>
      <c r="B25" s="22">
        <v>36</v>
      </c>
      <c r="C25" s="14">
        <v>49</v>
      </c>
      <c r="D25" s="18">
        <v>85</v>
      </c>
    </row>
    <row r="26" spans="1:4" ht="18" customHeight="1" x14ac:dyDescent="0.15">
      <c r="A26" s="5">
        <v>17</v>
      </c>
      <c r="B26" s="22">
        <v>60</v>
      </c>
      <c r="C26" s="14">
        <v>36</v>
      </c>
      <c r="D26" s="18">
        <v>96</v>
      </c>
    </row>
    <row r="27" spans="1:4" ht="18" customHeight="1" x14ac:dyDescent="0.15">
      <c r="A27" s="5">
        <v>18</v>
      </c>
      <c r="B27" s="22">
        <v>42</v>
      </c>
      <c r="C27" s="14">
        <v>42</v>
      </c>
      <c r="D27" s="18">
        <v>84</v>
      </c>
    </row>
    <row r="28" spans="1:4" ht="18" customHeight="1" x14ac:dyDescent="0.15">
      <c r="A28" s="5">
        <v>19</v>
      </c>
      <c r="B28" s="22">
        <v>44</v>
      </c>
      <c r="C28" s="14">
        <v>55</v>
      </c>
      <c r="D28" s="18">
        <v>99</v>
      </c>
    </row>
    <row r="29" spans="1:4" ht="18" customHeight="1" x14ac:dyDescent="0.15">
      <c r="A29" s="5" t="s">
        <v>14</v>
      </c>
      <c r="B29" s="22">
        <v>239</v>
      </c>
      <c r="C29" s="14">
        <v>224</v>
      </c>
      <c r="D29" s="18">
        <v>463</v>
      </c>
    </row>
    <row r="30" spans="1:4" ht="18" customHeight="1" x14ac:dyDescent="0.15">
      <c r="A30" s="5">
        <v>20</v>
      </c>
      <c r="B30" s="22">
        <v>50</v>
      </c>
      <c r="C30" s="14">
        <v>48</v>
      </c>
      <c r="D30" s="18">
        <v>98</v>
      </c>
    </row>
    <row r="31" spans="1:4" ht="18" customHeight="1" x14ac:dyDescent="0.15">
      <c r="A31" s="5">
        <v>21</v>
      </c>
      <c r="B31" s="22">
        <v>44</v>
      </c>
      <c r="C31" s="14">
        <v>58</v>
      </c>
      <c r="D31" s="18">
        <v>102</v>
      </c>
    </row>
    <row r="32" spans="1:4" ht="18" customHeight="1" x14ac:dyDescent="0.15">
      <c r="A32" s="5">
        <v>22</v>
      </c>
      <c r="B32" s="22">
        <v>44</v>
      </c>
      <c r="C32" s="14">
        <v>42</v>
      </c>
      <c r="D32" s="18">
        <v>86</v>
      </c>
    </row>
    <row r="33" spans="1:4" ht="18" customHeight="1" x14ac:dyDescent="0.15">
      <c r="A33" s="5">
        <v>23</v>
      </c>
      <c r="B33" s="22">
        <v>57</v>
      </c>
      <c r="C33" s="14">
        <v>60</v>
      </c>
      <c r="D33" s="18">
        <v>117</v>
      </c>
    </row>
    <row r="34" spans="1:4" ht="18" customHeight="1" x14ac:dyDescent="0.15">
      <c r="A34" s="5">
        <v>24</v>
      </c>
      <c r="B34" s="22">
        <v>63</v>
      </c>
      <c r="C34" s="14">
        <v>62</v>
      </c>
      <c r="D34" s="18">
        <v>125</v>
      </c>
    </row>
    <row r="35" spans="1:4" ht="18" customHeight="1" x14ac:dyDescent="0.15">
      <c r="A35" s="5" t="s">
        <v>9</v>
      </c>
      <c r="B35" s="22">
        <v>258</v>
      </c>
      <c r="C35" s="14">
        <v>270</v>
      </c>
      <c r="D35" s="18">
        <v>528</v>
      </c>
    </row>
    <row r="36" spans="1:4" ht="18" customHeight="1" x14ac:dyDescent="0.15">
      <c r="A36" s="5">
        <v>25</v>
      </c>
      <c r="B36" s="22">
        <v>44</v>
      </c>
      <c r="C36" s="14">
        <v>59</v>
      </c>
      <c r="D36" s="18">
        <v>103</v>
      </c>
    </row>
    <row r="37" spans="1:4" ht="18" customHeight="1" x14ac:dyDescent="0.15">
      <c r="A37" s="5">
        <v>26</v>
      </c>
      <c r="B37" s="22">
        <v>62</v>
      </c>
      <c r="C37" s="14">
        <v>54</v>
      </c>
      <c r="D37" s="18">
        <v>116</v>
      </c>
    </row>
    <row r="38" spans="1:4" ht="18" customHeight="1" x14ac:dyDescent="0.15">
      <c r="A38" s="5">
        <v>27</v>
      </c>
      <c r="B38" s="22">
        <v>48</v>
      </c>
      <c r="C38" s="14">
        <v>56</v>
      </c>
      <c r="D38" s="18">
        <v>104</v>
      </c>
    </row>
    <row r="39" spans="1:4" ht="18" customHeight="1" x14ac:dyDescent="0.15">
      <c r="A39" s="5">
        <v>28</v>
      </c>
      <c r="B39" s="22">
        <v>72</v>
      </c>
      <c r="C39" s="14">
        <v>67</v>
      </c>
      <c r="D39" s="18">
        <v>139</v>
      </c>
    </row>
    <row r="40" spans="1:4" ht="18" customHeight="1" x14ac:dyDescent="0.15">
      <c r="A40" s="5">
        <v>29</v>
      </c>
      <c r="B40" s="22">
        <v>69</v>
      </c>
      <c r="C40" s="14">
        <v>79</v>
      </c>
      <c r="D40" s="18">
        <v>148</v>
      </c>
    </row>
    <row r="41" spans="1:4" ht="18" customHeight="1" x14ac:dyDescent="0.15">
      <c r="A41" s="5" t="s">
        <v>2</v>
      </c>
      <c r="B41" s="22">
        <v>295</v>
      </c>
      <c r="C41" s="14">
        <v>315</v>
      </c>
      <c r="D41" s="18">
        <v>610</v>
      </c>
    </row>
    <row r="42" spans="1:4" ht="18" customHeight="1" x14ac:dyDescent="0.15">
      <c r="A42" s="5">
        <v>30</v>
      </c>
      <c r="B42" s="22">
        <v>78</v>
      </c>
      <c r="C42" s="14">
        <v>74</v>
      </c>
      <c r="D42" s="18">
        <v>152</v>
      </c>
    </row>
    <row r="43" spans="1:4" ht="18" customHeight="1" x14ac:dyDescent="0.15">
      <c r="A43" s="5">
        <v>31</v>
      </c>
      <c r="B43" s="22">
        <v>74</v>
      </c>
      <c r="C43" s="14">
        <v>70</v>
      </c>
      <c r="D43" s="18">
        <v>144</v>
      </c>
    </row>
    <row r="44" spans="1:4" ht="18" customHeight="1" x14ac:dyDescent="0.15">
      <c r="A44" s="5">
        <v>32</v>
      </c>
      <c r="B44" s="22">
        <v>66</v>
      </c>
      <c r="C44" s="14">
        <v>63</v>
      </c>
      <c r="D44" s="18">
        <v>129</v>
      </c>
    </row>
    <row r="45" spans="1:4" ht="18" customHeight="1" x14ac:dyDescent="0.15">
      <c r="A45" s="5">
        <v>33</v>
      </c>
      <c r="B45" s="22">
        <v>66</v>
      </c>
      <c r="C45" s="14">
        <v>56</v>
      </c>
      <c r="D45" s="18">
        <v>122</v>
      </c>
    </row>
    <row r="46" spans="1:4" ht="18" customHeight="1" x14ac:dyDescent="0.15">
      <c r="A46" s="5">
        <v>34</v>
      </c>
      <c r="B46" s="22">
        <v>59</v>
      </c>
      <c r="C46" s="14">
        <v>61</v>
      </c>
      <c r="D46" s="18">
        <v>120</v>
      </c>
    </row>
    <row r="47" spans="1:4" ht="18" customHeight="1" x14ac:dyDescent="0.15">
      <c r="A47" s="5" t="s">
        <v>15</v>
      </c>
      <c r="B47" s="22">
        <v>343</v>
      </c>
      <c r="C47" s="14">
        <v>324</v>
      </c>
      <c r="D47" s="18">
        <v>667</v>
      </c>
    </row>
    <row r="48" spans="1:4" ht="18" customHeight="1" x14ac:dyDescent="0.15">
      <c r="A48" s="5">
        <v>35</v>
      </c>
      <c r="B48" s="22">
        <v>62</v>
      </c>
      <c r="C48" s="14">
        <v>56</v>
      </c>
      <c r="D48" s="18">
        <v>118</v>
      </c>
    </row>
    <row r="49" spans="1:4" ht="18" customHeight="1" x14ac:dyDescent="0.15">
      <c r="A49" s="5">
        <v>36</v>
      </c>
      <c r="B49" s="22">
        <v>70</v>
      </c>
      <c r="C49" s="14">
        <v>69</v>
      </c>
      <c r="D49" s="18">
        <v>139</v>
      </c>
    </row>
    <row r="50" spans="1:4" ht="18" customHeight="1" x14ac:dyDescent="0.15">
      <c r="A50" s="5">
        <v>37</v>
      </c>
      <c r="B50" s="22">
        <v>70</v>
      </c>
      <c r="C50" s="14">
        <v>70</v>
      </c>
      <c r="D50" s="18">
        <v>140</v>
      </c>
    </row>
    <row r="51" spans="1:4" ht="18" customHeight="1" x14ac:dyDescent="0.15">
      <c r="A51" s="5">
        <v>38</v>
      </c>
      <c r="B51" s="22">
        <v>71</v>
      </c>
      <c r="C51" s="14">
        <v>62</v>
      </c>
      <c r="D51" s="18">
        <v>133</v>
      </c>
    </row>
    <row r="52" spans="1:4" ht="18" customHeight="1" x14ac:dyDescent="0.15">
      <c r="A52" s="5">
        <v>39</v>
      </c>
      <c r="B52" s="22">
        <v>68</v>
      </c>
      <c r="C52" s="14">
        <v>76</v>
      </c>
      <c r="D52" s="18">
        <v>144</v>
      </c>
    </row>
    <row r="53" spans="1:4" ht="18" customHeight="1" x14ac:dyDescent="0.15">
      <c r="A53" s="5" t="s">
        <v>18</v>
      </c>
      <c r="B53" s="22">
        <v>341</v>
      </c>
      <c r="C53" s="14">
        <v>333</v>
      </c>
      <c r="D53" s="18">
        <v>674</v>
      </c>
    </row>
    <row r="54" spans="1:4" ht="18" customHeight="1" x14ac:dyDescent="0.15">
      <c r="A54" s="5">
        <v>40</v>
      </c>
      <c r="B54" s="22">
        <v>77</v>
      </c>
      <c r="C54" s="14">
        <v>59</v>
      </c>
      <c r="D54" s="18">
        <v>136</v>
      </c>
    </row>
    <row r="55" spans="1:4" ht="18" customHeight="1" x14ac:dyDescent="0.15">
      <c r="A55" s="5">
        <v>41</v>
      </c>
      <c r="B55" s="22">
        <v>81</v>
      </c>
      <c r="C55" s="14">
        <v>75</v>
      </c>
      <c r="D55" s="18">
        <v>156</v>
      </c>
    </row>
    <row r="56" spans="1:4" ht="18" customHeight="1" x14ac:dyDescent="0.15">
      <c r="A56" s="5">
        <v>42</v>
      </c>
      <c r="B56" s="22">
        <v>75</v>
      </c>
      <c r="C56" s="14">
        <v>65</v>
      </c>
      <c r="D56" s="18">
        <v>140</v>
      </c>
    </row>
    <row r="57" spans="1:4" ht="18" customHeight="1" x14ac:dyDescent="0.15">
      <c r="A57" s="5">
        <v>43</v>
      </c>
      <c r="B57" s="22">
        <v>72</v>
      </c>
      <c r="C57" s="14">
        <v>67</v>
      </c>
      <c r="D57" s="18">
        <v>139</v>
      </c>
    </row>
    <row r="58" spans="1:4" ht="18" customHeight="1" x14ac:dyDescent="0.15">
      <c r="A58" s="5">
        <v>44</v>
      </c>
      <c r="B58" s="22">
        <v>80</v>
      </c>
      <c r="C58" s="14">
        <v>72</v>
      </c>
      <c r="D58" s="18">
        <v>152</v>
      </c>
    </row>
    <row r="59" spans="1:4" ht="18" customHeight="1" x14ac:dyDescent="0.15">
      <c r="A59" s="5" t="s">
        <v>21</v>
      </c>
      <c r="B59" s="22">
        <v>385</v>
      </c>
      <c r="C59" s="14">
        <v>338</v>
      </c>
      <c r="D59" s="18">
        <v>723</v>
      </c>
    </row>
    <row r="60" spans="1:4" ht="18" customHeight="1" x14ac:dyDescent="0.15">
      <c r="A60" s="5">
        <v>45</v>
      </c>
      <c r="B60" s="22">
        <v>75</v>
      </c>
      <c r="C60" s="14">
        <v>74</v>
      </c>
      <c r="D60" s="18">
        <v>149</v>
      </c>
    </row>
    <row r="61" spans="1:4" ht="18" customHeight="1" x14ac:dyDescent="0.15">
      <c r="A61" s="5">
        <v>46</v>
      </c>
      <c r="B61" s="22">
        <v>65</v>
      </c>
      <c r="C61" s="14">
        <v>74</v>
      </c>
      <c r="D61" s="18">
        <v>139</v>
      </c>
    </row>
    <row r="62" spans="1:4" ht="18" customHeight="1" x14ac:dyDescent="0.15">
      <c r="A62" s="5">
        <v>47</v>
      </c>
      <c r="B62" s="22">
        <v>82</v>
      </c>
      <c r="C62" s="14">
        <v>90</v>
      </c>
      <c r="D62" s="18">
        <v>172</v>
      </c>
    </row>
    <row r="63" spans="1:4" ht="18" customHeight="1" x14ac:dyDescent="0.15">
      <c r="A63" s="5">
        <v>48</v>
      </c>
      <c r="B63" s="22">
        <v>81</v>
      </c>
      <c r="C63" s="14">
        <v>92</v>
      </c>
      <c r="D63" s="18">
        <v>173</v>
      </c>
    </row>
    <row r="64" spans="1:4" ht="18" customHeight="1" x14ac:dyDescent="0.15">
      <c r="A64" s="5">
        <v>49</v>
      </c>
      <c r="B64" s="22">
        <v>80</v>
      </c>
      <c r="C64" s="14">
        <v>72</v>
      </c>
      <c r="D64" s="18">
        <v>152</v>
      </c>
    </row>
    <row r="65" spans="1:4" ht="18" customHeight="1" x14ac:dyDescent="0.15">
      <c r="A65" s="5" t="s">
        <v>17</v>
      </c>
      <c r="B65" s="22">
        <v>383</v>
      </c>
      <c r="C65" s="14">
        <v>402</v>
      </c>
      <c r="D65" s="18">
        <v>785</v>
      </c>
    </row>
    <row r="66" spans="1:4" ht="18" customHeight="1" x14ac:dyDescent="0.15">
      <c r="A66" s="5">
        <v>50</v>
      </c>
      <c r="B66" s="22">
        <v>116</v>
      </c>
      <c r="C66" s="14">
        <v>92</v>
      </c>
      <c r="D66" s="18">
        <v>208</v>
      </c>
    </row>
    <row r="67" spans="1:4" ht="18" customHeight="1" x14ac:dyDescent="0.15">
      <c r="A67" s="5">
        <v>51</v>
      </c>
      <c r="B67" s="22">
        <v>109</v>
      </c>
      <c r="C67" s="14">
        <v>89</v>
      </c>
      <c r="D67" s="18">
        <v>198</v>
      </c>
    </row>
    <row r="68" spans="1:4" ht="18" customHeight="1" x14ac:dyDescent="0.15">
      <c r="A68" s="5">
        <v>52</v>
      </c>
      <c r="B68" s="22">
        <v>93</v>
      </c>
      <c r="C68" s="14">
        <v>86</v>
      </c>
      <c r="D68" s="18">
        <v>179</v>
      </c>
    </row>
    <row r="69" spans="1:4" ht="18" customHeight="1" x14ac:dyDescent="0.15">
      <c r="A69" s="5">
        <v>53</v>
      </c>
      <c r="B69" s="22">
        <v>88</v>
      </c>
      <c r="C69" s="14">
        <v>92</v>
      </c>
      <c r="D69" s="18">
        <v>180</v>
      </c>
    </row>
    <row r="70" spans="1:4" ht="18" customHeight="1" x14ac:dyDescent="0.15">
      <c r="A70" s="5">
        <v>54</v>
      </c>
      <c r="B70" s="22">
        <v>108</v>
      </c>
      <c r="C70" s="14">
        <v>80</v>
      </c>
      <c r="D70" s="18">
        <v>188</v>
      </c>
    </row>
    <row r="71" spans="1:4" ht="18" customHeight="1" x14ac:dyDescent="0.15">
      <c r="A71" s="5" t="s">
        <v>22</v>
      </c>
      <c r="B71" s="22">
        <v>514</v>
      </c>
      <c r="C71" s="14">
        <v>439</v>
      </c>
      <c r="D71" s="18">
        <v>953</v>
      </c>
    </row>
    <row r="72" spans="1:4" ht="18" customHeight="1" x14ac:dyDescent="0.15">
      <c r="A72" s="5">
        <v>55</v>
      </c>
      <c r="B72" s="22">
        <v>82</v>
      </c>
      <c r="C72" s="14">
        <v>86</v>
      </c>
      <c r="D72" s="18">
        <v>168</v>
      </c>
    </row>
    <row r="73" spans="1:4" ht="18" customHeight="1" x14ac:dyDescent="0.15">
      <c r="A73" s="5">
        <v>56</v>
      </c>
      <c r="B73" s="22">
        <v>79</v>
      </c>
      <c r="C73" s="14">
        <v>73</v>
      </c>
      <c r="D73" s="18">
        <v>152</v>
      </c>
    </row>
    <row r="74" spans="1:4" ht="18" customHeight="1" x14ac:dyDescent="0.15">
      <c r="A74" s="5">
        <v>57</v>
      </c>
      <c r="B74" s="22">
        <v>71</v>
      </c>
      <c r="C74" s="14">
        <v>75</v>
      </c>
      <c r="D74" s="18">
        <v>146</v>
      </c>
    </row>
    <row r="75" spans="1:4" ht="18" customHeight="1" x14ac:dyDescent="0.15">
      <c r="A75" s="5">
        <v>58</v>
      </c>
      <c r="B75" s="22">
        <v>88</v>
      </c>
      <c r="C75" s="14">
        <v>76</v>
      </c>
      <c r="D75" s="18">
        <v>164</v>
      </c>
    </row>
    <row r="76" spans="1:4" ht="18" customHeight="1" x14ac:dyDescent="0.15">
      <c r="A76" s="5">
        <v>59</v>
      </c>
      <c r="B76" s="22">
        <v>54</v>
      </c>
      <c r="C76" s="14">
        <v>69</v>
      </c>
      <c r="D76" s="18">
        <v>123</v>
      </c>
    </row>
    <row r="77" spans="1:4" ht="18" customHeight="1" x14ac:dyDescent="0.15">
      <c r="A77" s="5" t="s">
        <v>27</v>
      </c>
      <c r="B77" s="22">
        <v>374</v>
      </c>
      <c r="C77" s="14">
        <v>379</v>
      </c>
      <c r="D77" s="18">
        <v>753</v>
      </c>
    </row>
    <row r="78" spans="1:4" ht="18" customHeight="1" x14ac:dyDescent="0.15">
      <c r="A78" s="5">
        <v>60</v>
      </c>
      <c r="B78" s="22">
        <v>51</v>
      </c>
      <c r="C78" s="14">
        <v>73</v>
      </c>
      <c r="D78" s="18">
        <v>124</v>
      </c>
    </row>
    <row r="79" spans="1:4" ht="18" customHeight="1" x14ac:dyDescent="0.15">
      <c r="A79" s="5">
        <v>61</v>
      </c>
      <c r="B79" s="22">
        <v>54</v>
      </c>
      <c r="C79" s="14">
        <v>64</v>
      </c>
      <c r="D79" s="18">
        <v>118</v>
      </c>
    </row>
    <row r="80" spans="1:4" ht="18" customHeight="1" x14ac:dyDescent="0.15">
      <c r="A80" s="5">
        <v>62</v>
      </c>
      <c r="B80" s="22">
        <v>75</v>
      </c>
      <c r="C80" s="14">
        <v>72</v>
      </c>
      <c r="D80" s="18">
        <v>147</v>
      </c>
    </row>
    <row r="81" spans="1:4" ht="18" customHeight="1" x14ac:dyDescent="0.15">
      <c r="A81" s="5">
        <v>63</v>
      </c>
      <c r="B81" s="22">
        <v>72</v>
      </c>
      <c r="C81" s="14">
        <v>62</v>
      </c>
      <c r="D81" s="18">
        <v>134</v>
      </c>
    </row>
    <row r="82" spans="1:4" ht="18" customHeight="1" x14ac:dyDescent="0.15">
      <c r="A82" s="5">
        <v>64</v>
      </c>
      <c r="B82" s="22">
        <v>48</v>
      </c>
      <c r="C82" s="14">
        <v>61</v>
      </c>
      <c r="D82" s="18">
        <v>109</v>
      </c>
    </row>
    <row r="83" spans="1:4" ht="18" customHeight="1" x14ac:dyDescent="0.15">
      <c r="A83" s="5" t="s">
        <v>28</v>
      </c>
      <c r="B83" s="22">
        <v>300</v>
      </c>
      <c r="C83" s="14">
        <v>332</v>
      </c>
      <c r="D83" s="18">
        <v>632</v>
      </c>
    </row>
    <row r="84" spans="1:4" ht="18" customHeight="1" x14ac:dyDescent="0.15">
      <c r="A84" s="5" t="s">
        <v>31</v>
      </c>
      <c r="B84" s="22">
        <v>3432</v>
      </c>
      <c r="C84" s="14">
        <v>3356</v>
      </c>
      <c r="D84" s="18">
        <v>6788</v>
      </c>
    </row>
    <row r="85" spans="1:4" ht="18" customHeight="1" x14ac:dyDescent="0.15">
      <c r="A85" s="5">
        <v>65</v>
      </c>
      <c r="B85" s="22">
        <v>59</v>
      </c>
      <c r="C85" s="14">
        <v>64</v>
      </c>
      <c r="D85" s="18">
        <v>123</v>
      </c>
    </row>
    <row r="86" spans="1:4" ht="18" customHeight="1" x14ac:dyDescent="0.15">
      <c r="A86" s="5">
        <v>66</v>
      </c>
      <c r="B86" s="22">
        <v>63</v>
      </c>
      <c r="C86" s="14">
        <v>46</v>
      </c>
      <c r="D86" s="18">
        <v>109</v>
      </c>
    </row>
    <row r="87" spans="1:4" ht="18" customHeight="1" x14ac:dyDescent="0.15">
      <c r="A87" s="5">
        <v>67</v>
      </c>
      <c r="B87" s="22">
        <v>63</v>
      </c>
      <c r="C87" s="14">
        <v>69</v>
      </c>
      <c r="D87" s="18">
        <v>132</v>
      </c>
    </row>
    <row r="88" spans="1:4" ht="18" customHeight="1" x14ac:dyDescent="0.15">
      <c r="A88" s="5">
        <v>68</v>
      </c>
      <c r="B88" s="22">
        <v>61</v>
      </c>
      <c r="C88" s="14">
        <v>56</v>
      </c>
      <c r="D88" s="18">
        <v>117</v>
      </c>
    </row>
    <row r="89" spans="1:4" ht="18" customHeight="1" x14ac:dyDescent="0.15">
      <c r="A89" s="5">
        <v>69</v>
      </c>
      <c r="B89" s="22">
        <v>46</v>
      </c>
      <c r="C89" s="14">
        <v>66</v>
      </c>
      <c r="D89" s="18">
        <v>112</v>
      </c>
    </row>
    <row r="90" spans="1:4" ht="18" customHeight="1" x14ac:dyDescent="0.15">
      <c r="A90" s="5" t="s">
        <v>20</v>
      </c>
      <c r="B90" s="22">
        <v>292</v>
      </c>
      <c r="C90" s="14">
        <v>301</v>
      </c>
      <c r="D90" s="18">
        <v>593</v>
      </c>
    </row>
    <row r="91" spans="1:4" ht="18" customHeight="1" x14ac:dyDescent="0.15">
      <c r="A91" s="5">
        <v>70</v>
      </c>
      <c r="B91" s="22">
        <v>53</v>
      </c>
      <c r="C91" s="14">
        <v>75</v>
      </c>
      <c r="D91" s="18">
        <v>128</v>
      </c>
    </row>
    <row r="92" spans="1:4" ht="18" customHeight="1" x14ac:dyDescent="0.15">
      <c r="A92" s="5">
        <v>71</v>
      </c>
      <c r="B92" s="22">
        <v>65</v>
      </c>
      <c r="C92" s="14">
        <v>68</v>
      </c>
      <c r="D92" s="18">
        <v>133</v>
      </c>
    </row>
    <row r="93" spans="1:4" ht="18" customHeight="1" x14ac:dyDescent="0.15">
      <c r="A93" s="5">
        <v>72</v>
      </c>
      <c r="B93" s="22">
        <v>63</v>
      </c>
      <c r="C93" s="14">
        <v>64</v>
      </c>
      <c r="D93" s="18">
        <v>127</v>
      </c>
    </row>
    <row r="94" spans="1:4" ht="18" customHeight="1" x14ac:dyDescent="0.15">
      <c r="A94" s="5">
        <v>73</v>
      </c>
      <c r="B94" s="22">
        <v>58</v>
      </c>
      <c r="C94" s="14">
        <v>62</v>
      </c>
      <c r="D94" s="18">
        <v>120</v>
      </c>
    </row>
    <row r="95" spans="1:4" ht="18" customHeight="1" x14ac:dyDescent="0.15">
      <c r="A95" s="5">
        <v>74</v>
      </c>
      <c r="B95" s="22">
        <v>48</v>
      </c>
      <c r="C95" s="14">
        <v>85</v>
      </c>
      <c r="D95" s="18">
        <v>133</v>
      </c>
    </row>
    <row r="96" spans="1:4" ht="18" customHeight="1" x14ac:dyDescent="0.15">
      <c r="A96" s="5" t="s">
        <v>33</v>
      </c>
      <c r="B96" s="22">
        <v>287</v>
      </c>
      <c r="C96" s="14">
        <v>354</v>
      </c>
      <c r="D96" s="18">
        <v>641</v>
      </c>
    </row>
    <row r="97" spans="1:4" ht="18" customHeight="1" x14ac:dyDescent="0.15">
      <c r="A97" s="5">
        <v>75</v>
      </c>
      <c r="B97" s="22">
        <v>67</v>
      </c>
      <c r="C97" s="14">
        <v>99</v>
      </c>
      <c r="D97" s="18">
        <v>166</v>
      </c>
    </row>
    <row r="98" spans="1:4" ht="18" customHeight="1" x14ac:dyDescent="0.15">
      <c r="A98" s="5">
        <v>76</v>
      </c>
      <c r="B98" s="22">
        <v>61</v>
      </c>
      <c r="C98" s="14">
        <v>93</v>
      </c>
      <c r="D98" s="18">
        <v>154</v>
      </c>
    </row>
    <row r="99" spans="1:4" ht="18" customHeight="1" x14ac:dyDescent="0.15">
      <c r="A99" s="5">
        <v>77</v>
      </c>
      <c r="B99" s="22">
        <v>72</v>
      </c>
      <c r="C99" s="14">
        <v>104</v>
      </c>
      <c r="D99" s="18">
        <v>176</v>
      </c>
    </row>
    <row r="100" spans="1:4" ht="18" customHeight="1" x14ac:dyDescent="0.15">
      <c r="A100" s="5">
        <v>78</v>
      </c>
      <c r="B100" s="22">
        <v>71</v>
      </c>
      <c r="C100" s="14">
        <v>95</v>
      </c>
      <c r="D100" s="18">
        <v>166</v>
      </c>
    </row>
    <row r="101" spans="1:4" ht="18" customHeight="1" x14ac:dyDescent="0.15">
      <c r="A101" s="5">
        <v>79</v>
      </c>
      <c r="B101" s="22">
        <v>61</v>
      </c>
      <c r="C101" s="14">
        <v>100</v>
      </c>
      <c r="D101" s="18">
        <v>161</v>
      </c>
    </row>
    <row r="102" spans="1:4" ht="18" customHeight="1" x14ac:dyDescent="0.15">
      <c r="A102" s="5" t="s">
        <v>0</v>
      </c>
      <c r="B102" s="22">
        <v>332</v>
      </c>
      <c r="C102" s="14">
        <v>491</v>
      </c>
      <c r="D102" s="18">
        <v>823</v>
      </c>
    </row>
    <row r="103" spans="1:4" ht="18" customHeight="1" x14ac:dyDescent="0.15">
      <c r="A103" s="5">
        <v>80</v>
      </c>
      <c r="B103" s="22">
        <v>31</v>
      </c>
      <c r="C103" s="14">
        <v>60</v>
      </c>
      <c r="D103" s="18">
        <v>91</v>
      </c>
    </row>
    <row r="104" spans="1:4" ht="18" customHeight="1" x14ac:dyDescent="0.15">
      <c r="A104" s="5">
        <v>81</v>
      </c>
      <c r="B104" s="22">
        <v>53</v>
      </c>
      <c r="C104" s="14">
        <v>69</v>
      </c>
      <c r="D104" s="18">
        <v>122</v>
      </c>
    </row>
    <row r="105" spans="1:4" ht="18" customHeight="1" x14ac:dyDescent="0.15">
      <c r="A105" s="5">
        <v>82</v>
      </c>
      <c r="B105" s="22">
        <v>62</v>
      </c>
      <c r="C105" s="14">
        <v>72</v>
      </c>
      <c r="D105" s="18">
        <v>134</v>
      </c>
    </row>
    <row r="106" spans="1:4" ht="18" customHeight="1" x14ac:dyDescent="0.15">
      <c r="A106" s="5">
        <v>83</v>
      </c>
      <c r="B106" s="22">
        <v>45</v>
      </c>
      <c r="C106" s="14">
        <v>86</v>
      </c>
      <c r="D106" s="18">
        <v>131</v>
      </c>
    </row>
    <row r="107" spans="1:4" ht="18" customHeight="1" x14ac:dyDescent="0.15">
      <c r="A107" s="5">
        <v>84</v>
      </c>
      <c r="B107" s="22">
        <v>49</v>
      </c>
      <c r="C107" s="14">
        <v>86</v>
      </c>
      <c r="D107" s="18">
        <v>135</v>
      </c>
    </row>
    <row r="108" spans="1:4" ht="18" customHeight="1" x14ac:dyDescent="0.15">
      <c r="A108" s="5" t="s">
        <v>35</v>
      </c>
      <c r="B108" s="22">
        <v>240</v>
      </c>
      <c r="C108" s="14">
        <v>373</v>
      </c>
      <c r="D108" s="18">
        <v>613</v>
      </c>
    </row>
    <row r="109" spans="1:4" ht="18" customHeight="1" x14ac:dyDescent="0.15">
      <c r="A109" s="5">
        <v>85</v>
      </c>
      <c r="B109" s="22">
        <v>41</v>
      </c>
      <c r="C109" s="14">
        <v>55</v>
      </c>
      <c r="D109" s="18">
        <v>96</v>
      </c>
    </row>
    <row r="110" spans="1:4" ht="18" customHeight="1" x14ac:dyDescent="0.15">
      <c r="A110" s="5">
        <v>86</v>
      </c>
      <c r="B110" s="22">
        <v>39</v>
      </c>
      <c r="C110" s="14">
        <v>54</v>
      </c>
      <c r="D110" s="18">
        <v>93</v>
      </c>
    </row>
    <row r="111" spans="1:4" ht="18" customHeight="1" x14ac:dyDescent="0.15">
      <c r="A111" s="5">
        <v>87</v>
      </c>
      <c r="B111" s="22">
        <v>20</v>
      </c>
      <c r="C111" s="14">
        <v>47</v>
      </c>
      <c r="D111" s="18">
        <v>67</v>
      </c>
    </row>
    <row r="112" spans="1:4" ht="18" customHeight="1" x14ac:dyDescent="0.15">
      <c r="A112" s="5">
        <v>88</v>
      </c>
      <c r="B112" s="22">
        <v>18</v>
      </c>
      <c r="C112" s="14">
        <v>53</v>
      </c>
      <c r="D112" s="18">
        <v>71</v>
      </c>
    </row>
    <row r="113" spans="1:4" ht="18" customHeight="1" x14ac:dyDescent="0.15">
      <c r="A113" s="5">
        <v>89</v>
      </c>
      <c r="B113" s="22">
        <v>16</v>
      </c>
      <c r="C113" s="14">
        <v>36</v>
      </c>
      <c r="D113" s="18">
        <v>52</v>
      </c>
    </row>
    <row r="114" spans="1:4" ht="18" customHeight="1" x14ac:dyDescent="0.15">
      <c r="A114" s="5" t="s">
        <v>37</v>
      </c>
      <c r="B114" s="22">
        <v>134</v>
      </c>
      <c r="C114" s="14">
        <v>245</v>
      </c>
      <c r="D114" s="18">
        <v>379</v>
      </c>
    </row>
    <row r="115" spans="1:4" ht="18" customHeight="1" x14ac:dyDescent="0.15">
      <c r="A115" s="5">
        <v>90</v>
      </c>
      <c r="B115" s="22">
        <v>24</v>
      </c>
      <c r="C115" s="14">
        <v>46</v>
      </c>
      <c r="D115" s="18">
        <v>70</v>
      </c>
    </row>
    <row r="116" spans="1:4" ht="18" customHeight="1" x14ac:dyDescent="0.15">
      <c r="A116" s="5">
        <v>91</v>
      </c>
      <c r="B116" s="22">
        <v>16</v>
      </c>
      <c r="C116" s="14">
        <v>27</v>
      </c>
      <c r="D116" s="18">
        <v>43</v>
      </c>
    </row>
    <row r="117" spans="1:4" ht="18" customHeight="1" x14ac:dyDescent="0.15">
      <c r="A117" s="5">
        <v>92</v>
      </c>
      <c r="B117" s="22">
        <v>13</v>
      </c>
      <c r="C117" s="14">
        <v>25</v>
      </c>
      <c r="D117" s="18">
        <v>38</v>
      </c>
    </row>
    <row r="118" spans="1:4" ht="18" customHeight="1" x14ac:dyDescent="0.15">
      <c r="A118" s="5">
        <v>93</v>
      </c>
      <c r="B118" s="22">
        <v>12</v>
      </c>
      <c r="C118" s="14">
        <v>25</v>
      </c>
      <c r="D118" s="18">
        <v>37</v>
      </c>
    </row>
    <row r="119" spans="1:4" ht="18" customHeight="1" x14ac:dyDescent="0.15">
      <c r="A119" s="5">
        <v>94</v>
      </c>
      <c r="B119" s="22">
        <v>6</v>
      </c>
      <c r="C119" s="14">
        <v>26</v>
      </c>
      <c r="D119" s="18">
        <v>32</v>
      </c>
    </row>
    <row r="120" spans="1:4" ht="18" customHeight="1" x14ac:dyDescent="0.15">
      <c r="A120" s="5" t="s">
        <v>39</v>
      </c>
      <c r="B120" s="22">
        <v>71</v>
      </c>
      <c r="C120" s="14">
        <v>149</v>
      </c>
      <c r="D120" s="18">
        <v>220</v>
      </c>
    </row>
    <row r="121" spans="1:4" ht="18" customHeight="1" x14ac:dyDescent="0.15">
      <c r="A121" s="5">
        <v>95</v>
      </c>
      <c r="B121" s="22">
        <v>2</v>
      </c>
      <c r="C121" s="14">
        <v>23</v>
      </c>
      <c r="D121" s="18">
        <v>25</v>
      </c>
    </row>
    <row r="122" spans="1:4" ht="18" customHeight="1" x14ac:dyDescent="0.15">
      <c r="A122" s="5">
        <v>96</v>
      </c>
      <c r="B122" s="22">
        <v>4</v>
      </c>
      <c r="C122" s="14">
        <v>11</v>
      </c>
      <c r="D122" s="18">
        <v>15</v>
      </c>
    </row>
    <row r="123" spans="1:4" ht="18" customHeight="1" x14ac:dyDescent="0.15">
      <c r="A123" s="5">
        <v>97</v>
      </c>
      <c r="B123" s="22">
        <v>3</v>
      </c>
      <c r="C123" s="14">
        <v>10</v>
      </c>
      <c r="D123" s="18">
        <v>13</v>
      </c>
    </row>
    <row r="124" spans="1:4" ht="18" customHeight="1" x14ac:dyDescent="0.15">
      <c r="A124" s="5">
        <v>98</v>
      </c>
      <c r="B124" s="22">
        <v>2</v>
      </c>
      <c r="C124" s="14">
        <v>7</v>
      </c>
      <c r="D124" s="18">
        <v>9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2</v>
      </c>
      <c r="C126" s="14">
        <v>53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368</v>
      </c>
      <c r="C130" s="14">
        <v>1969</v>
      </c>
      <c r="D130" s="18">
        <v>3337</v>
      </c>
    </row>
    <row r="131" spans="1:4" ht="18" customHeight="1" x14ac:dyDescent="0.15">
      <c r="A131" s="7" t="s">
        <v>45</v>
      </c>
      <c r="B131" s="23">
        <v>5495</v>
      </c>
      <c r="C131" s="15">
        <v>5991</v>
      </c>
      <c r="D131" s="19">
        <v>1148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35</v>
      </c>
      <c r="D5" s="17">
        <v>70</v>
      </c>
    </row>
    <row r="6" spans="1:4" ht="18" customHeight="1" x14ac:dyDescent="0.15">
      <c r="A6" s="5">
        <v>1</v>
      </c>
      <c r="B6" s="22">
        <v>34</v>
      </c>
      <c r="C6" s="14">
        <v>35</v>
      </c>
      <c r="D6" s="18">
        <v>69</v>
      </c>
    </row>
    <row r="7" spans="1:4" ht="18" customHeight="1" x14ac:dyDescent="0.15">
      <c r="A7" s="5">
        <v>2</v>
      </c>
      <c r="B7" s="22">
        <v>44</v>
      </c>
      <c r="C7" s="14">
        <v>28</v>
      </c>
      <c r="D7" s="18">
        <v>72</v>
      </c>
    </row>
    <row r="8" spans="1:4" ht="18" customHeight="1" x14ac:dyDescent="0.15">
      <c r="A8" s="5">
        <v>3</v>
      </c>
      <c r="B8" s="22">
        <v>36</v>
      </c>
      <c r="C8" s="14">
        <v>28</v>
      </c>
      <c r="D8" s="18">
        <v>64</v>
      </c>
    </row>
    <row r="9" spans="1:4" ht="18" customHeight="1" x14ac:dyDescent="0.15">
      <c r="A9" s="5">
        <v>4</v>
      </c>
      <c r="B9" s="22">
        <v>31</v>
      </c>
      <c r="C9" s="14">
        <v>35</v>
      </c>
      <c r="D9" s="18">
        <v>66</v>
      </c>
    </row>
    <row r="10" spans="1:4" ht="18" customHeight="1" x14ac:dyDescent="0.15">
      <c r="A10" s="5" t="s">
        <v>7</v>
      </c>
      <c r="B10" s="22">
        <v>180</v>
      </c>
      <c r="C10" s="14">
        <v>161</v>
      </c>
      <c r="D10" s="18">
        <v>341</v>
      </c>
    </row>
    <row r="11" spans="1:4" ht="18" customHeight="1" x14ac:dyDescent="0.15">
      <c r="A11" s="5">
        <v>5</v>
      </c>
      <c r="B11" s="22">
        <v>30</v>
      </c>
      <c r="C11" s="14">
        <v>49</v>
      </c>
      <c r="D11" s="18">
        <v>79</v>
      </c>
    </row>
    <row r="12" spans="1:4" ht="18" customHeight="1" x14ac:dyDescent="0.15">
      <c r="A12" s="5">
        <v>6</v>
      </c>
      <c r="B12" s="22">
        <v>29</v>
      </c>
      <c r="C12" s="14">
        <v>38</v>
      </c>
      <c r="D12" s="18">
        <v>67</v>
      </c>
    </row>
    <row r="13" spans="1:4" ht="18" customHeight="1" x14ac:dyDescent="0.15">
      <c r="A13" s="5">
        <v>7</v>
      </c>
      <c r="B13" s="22">
        <v>35</v>
      </c>
      <c r="C13" s="14">
        <v>45</v>
      </c>
      <c r="D13" s="18">
        <v>80</v>
      </c>
    </row>
    <row r="14" spans="1:4" ht="18" customHeight="1" x14ac:dyDescent="0.15">
      <c r="A14" s="5">
        <v>8</v>
      </c>
      <c r="B14" s="22">
        <v>44</v>
      </c>
      <c r="C14" s="14">
        <v>35</v>
      </c>
      <c r="D14" s="18">
        <v>79</v>
      </c>
    </row>
    <row r="15" spans="1:4" ht="18" customHeight="1" x14ac:dyDescent="0.15">
      <c r="A15" s="5">
        <v>9</v>
      </c>
      <c r="B15" s="22">
        <v>45</v>
      </c>
      <c r="C15" s="14">
        <v>36</v>
      </c>
      <c r="D15" s="18">
        <v>81</v>
      </c>
    </row>
    <row r="16" spans="1:4" ht="18" customHeight="1" x14ac:dyDescent="0.15">
      <c r="A16" s="5" t="s">
        <v>11</v>
      </c>
      <c r="B16" s="22">
        <v>183</v>
      </c>
      <c r="C16" s="14">
        <v>203</v>
      </c>
      <c r="D16" s="18">
        <v>386</v>
      </c>
    </row>
    <row r="17" spans="1:4" ht="18" customHeight="1" x14ac:dyDescent="0.15">
      <c r="A17" s="5">
        <v>10</v>
      </c>
      <c r="B17" s="22">
        <v>34</v>
      </c>
      <c r="C17" s="14">
        <v>43</v>
      </c>
      <c r="D17" s="18">
        <v>77</v>
      </c>
    </row>
    <row r="18" spans="1:4" ht="18" customHeight="1" x14ac:dyDescent="0.15">
      <c r="A18" s="5">
        <v>11</v>
      </c>
      <c r="B18" s="22">
        <v>45</v>
      </c>
      <c r="C18" s="14">
        <v>35</v>
      </c>
      <c r="D18" s="18">
        <v>80</v>
      </c>
    </row>
    <row r="19" spans="1:4" ht="18" customHeight="1" x14ac:dyDescent="0.15">
      <c r="A19" s="5">
        <v>12</v>
      </c>
      <c r="B19" s="22">
        <v>52</v>
      </c>
      <c r="C19" s="14">
        <v>49</v>
      </c>
      <c r="D19" s="18">
        <v>101</v>
      </c>
    </row>
    <row r="20" spans="1:4" ht="18" customHeight="1" x14ac:dyDescent="0.15">
      <c r="A20" s="5">
        <v>13</v>
      </c>
      <c r="B20" s="22">
        <v>47</v>
      </c>
      <c r="C20" s="14">
        <v>44</v>
      </c>
      <c r="D20" s="18">
        <v>91</v>
      </c>
    </row>
    <row r="21" spans="1:4" ht="18" customHeight="1" x14ac:dyDescent="0.15">
      <c r="A21" s="5">
        <v>14</v>
      </c>
      <c r="B21" s="22">
        <v>45</v>
      </c>
      <c r="C21" s="14">
        <v>48</v>
      </c>
      <c r="D21" s="18">
        <v>93</v>
      </c>
    </row>
    <row r="22" spans="1:4" ht="18" customHeight="1" x14ac:dyDescent="0.15">
      <c r="A22" s="5" t="s">
        <v>12</v>
      </c>
      <c r="B22" s="22">
        <v>223</v>
      </c>
      <c r="C22" s="14">
        <v>219</v>
      </c>
      <c r="D22" s="18">
        <v>442</v>
      </c>
    </row>
    <row r="23" spans="1:4" ht="18" customHeight="1" x14ac:dyDescent="0.15">
      <c r="A23" s="5" t="s">
        <v>6</v>
      </c>
      <c r="B23" s="22">
        <v>586</v>
      </c>
      <c r="C23" s="14">
        <v>583</v>
      </c>
      <c r="D23" s="18">
        <v>1169</v>
      </c>
    </row>
    <row r="24" spans="1:4" ht="18" customHeight="1" x14ac:dyDescent="0.15">
      <c r="A24" s="5">
        <v>15</v>
      </c>
      <c r="B24" s="22">
        <v>42</v>
      </c>
      <c r="C24" s="14">
        <v>40</v>
      </c>
      <c r="D24" s="18">
        <v>82</v>
      </c>
    </row>
    <row r="25" spans="1:4" ht="18" customHeight="1" x14ac:dyDescent="0.15">
      <c r="A25" s="5">
        <v>16</v>
      </c>
      <c r="B25" s="22">
        <v>53</v>
      </c>
      <c r="C25" s="14">
        <v>56</v>
      </c>
      <c r="D25" s="18">
        <v>109</v>
      </c>
    </row>
    <row r="26" spans="1:4" ht="18" customHeight="1" x14ac:dyDescent="0.15">
      <c r="A26" s="5">
        <v>17</v>
      </c>
      <c r="B26" s="22">
        <v>52</v>
      </c>
      <c r="C26" s="14">
        <v>57</v>
      </c>
      <c r="D26" s="18">
        <v>109</v>
      </c>
    </row>
    <row r="27" spans="1:4" ht="18" customHeight="1" x14ac:dyDescent="0.15">
      <c r="A27" s="5">
        <v>18</v>
      </c>
      <c r="B27" s="22">
        <v>62</v>
      </c>
      <c r="C27" s="14">
        <v>42</v>
      </c>
      <c r="D27" s="18">
        <v>104</v>
      </c>
    </row>
    <row r="28" spans="1:4" ht="18" customHeight="1" x14ac:dyDescent="0.15">
      <c r="A28" s="5">
        <v>19</v>
      </c>
      <c r="B28" s="22">
        <v>52</v>
      </c>
      <c r="C28" s="14">
        <v>50</v>
      </c>
      <c r="D28" s="18">
        <v>102</v>
      </c>
    </row>
    <row r="29" spans="1:4" ht="18" customHeight="1" x14ac:dyDescent="0.15">
      <c r="A29" s="5" t="s">
        <v>14</v>
      </c>
      <c r="B29" s="22">
        <v>261</v>
      </c>
      <c r="C29" s="14">
        <v>245</v>
      </c>
      <c r="D29" s="18">
        <v>506</v>
      </c>
    </row>
    <row r="30" spans="1:4" ht="18" customHeight="1" x14ac:dyDescent="0.15">
      <c r="A30" s="5">
        <v>20</v>
      </c>
      <c r="B30" s="22">
        <v>55</v>
      </c>
      <c r="C30" s="14">
        <v>57</v>
      </c>
      <c r="D30" s="18">
        <v>112</v>
      </c>
    </row>
    <row r="31" spans="1:4" ht="18" customHeight="1" x14ac:dyDescent="0.15">
      <c r="A31" s="5">
        <v>21</v>
      </c>
      <c r="B31" s="22">
        <v>65</v>
      </c>
      <c r="C31" s="14">
        <v>57</v>
      </c>
      <c r="D31" s="18">
        <v>122</v>
      </c>
    </row>
    <row r="32" spans="1:4" ht="18" customHeight="1" x14ac:dyDescent="0.15">
      <c r="A32" s="5">
        <v>22</v>
      </c>
      <c r="B32" s="22">
        <v>68</v>
      </c>
      <c r="C32" s="14">
        <v>49</v>
      </c>
      <c r="D32" s="18">
        <v>117</v>
      </c>
    </row>
    <row r="33" spans="1:4" ht="18" customHeight="1" x14ac:dyDescent="0.15">
      <c r="A33" s="5">
        <v>23</v>
      </c>
      <c r="B33" s="22">
        <v>60</v>
      </c>
      <c r="C33" s="14">
        <v>54</v>
      </c>
      <c r="D33" s="18">
        <v>114</v>
      </c>
    </row>
    <row r="34" spans="1:4" ht="18" customHeight="1" x14ac:dyDescent="0.15">
      <c r="A34" s="5">
        <v>24</v>
      </c>
      <c r="B34" s="22">
        <v>49</v>
      </c>
      <c r="C34" s="14">
        <v>62</v>
      </c>
      <c r="D34" s="18">
        <v>111</v>
      </c>
    </row>
    <row r="35" spans="1:4" ht="18" customHeight="1" x14ac:dyDescent="0.15">
      <c r="A35" s="5" t="s">
        <v>9</v>
      </c>
      <c r="B35" s="22">
        <v>297</v>
      </c>
      <c r="C35" s="14">
        <v>279</v>
      </c>
      <c r="D35" s="18">
        <v>576</v>
      </c>
    </row>
    <row r="36" spans="1:4" ht="18" customHeight="1" x14ac:dyDescent="0.15">
      <c r="A36" s="5">
        <v>25</v>
      </c>
      <c r="B36" s="22">
        <v>61</v>
      </c>
      <c r="C36" s="14">
        <v>55</v>
      </c>
      <c r="D36" s="18">
        <v>116</v>
      </c>
    </row>
    <row r="37" spans="1:4" ht="18" customHeight="1" x14ac:dyDescent="0.15">
      <c r="A37" s="5">
        <v>26</v>
      </c>
      <c r="B37" s="22">
        <v>56</v>
      </c>
      <c r="C37" s="14">
        <v>59</v>
      </c>
      <c r="D37" s="18">
        <v>115</v>
      </c>
    </row>
    <row r="38" spans="1:4" ht="18" customHeight="1" x14ac:dyDescent="0.15">
      <c r="A38" s="5">
        <v>27</v>
      </c>
      <c r="B38" s="22">
        <v>75</v>
      </c>
      <c r="C38" s="14">
        <v>54</v>
      </c>
      <c r="D38" s="18">
        <v>129</v>
      </c>
    </row>
    <row r="39" spans="1:4" ht="18" customHeight="1" x14ac:dyDescent="0.15">
      <c r="A39" s="5">
        <v>28</v>
      </c>
      <c r="B39" s="22">
        <v>56</v>
      </c>
      <c r="C39" s="14">
        <v>49</v>
      </c>
      <c r="D39" s="18">
        <v>105</v>
      </c>
    </row>
    <row r="40" spans="1:4" ht="18" customHeight="1" x14ac:dyDescent="0.15">
      <c r="A40" s="5">
        <v>29</v>
      </c>
      <c r="B40" s="22">
        <v>56</v>
      </c>
      <c r="C40" s="14">
        <v>61</v>
      </c>
      <c r="D40" s="18">
        <v>117</v>
      </c>
    </row>
    <row r="41" spans="1:4" ht="18" customHeight="1" x14ac:dyDescent="0.15">
      <c r="A41" s="5" t="s">
        <v>2</v>
      </c>
      <c r="B41" s="22">
        <v>304</v>
      </c>
      <c r="C41" s="14">
        <v>278</v>
      </c>
      <c r="D41" s="18">
        <v>582</v>
      </c>
    </row>
    <row r="42" spans="1:4" ht="18" customHeight="1" x14ac:dyDescent="0.15">
      <c r="A42" s="5">
        <v>30</v>
      </c>
      <c r="B42" s="22">
        <v>56</v>
      </c>
      <c r="C42" s="14">
        <v>66</v>
      </c>
      <c r="D42" s="18">
        <v>122</v>
      </c>
    </row>
    <row r="43" spans="1:4" ht="18" customHeight="1" x14ac:dyDescent="0.15">
      <c r="A43" s="5">
        <v>31</v>
      </c>
      <c r="B43" s="22">
        <v>66</v>
      </c>
      <c r="C43" s="14">
        <v>64</v>
      </c>
      <c r="D43" s="18">
        <v>130</v>
      </c>
    </row>
    <row r="44" spans="1:4" ht="18" customHeight="1" x14ac:dyDescent="0.15">
      <c r="A44" s="5">
        <v>32</v>
      </c>
      <c r="B44" s="22">
        <v>60</v>
      </c>
      <c r="C44" s="14">
        <v>60</v>
      </c>
      <c r="D44" s="18">
        <v>120</v>
      </c>
    </row>
    <row r="45" spans="1:4" ht="18" customHeight="1" x14ac:dyDescent="0.15">
      <c r="A45" s="5">
        <v>33</v>
      </c>
      <c r="B45" s="22">
        <v>59</v>
      </c>
      <c r="C45" s="14">
        <v>45</v>
      </c>
      <c r="D45" s="18">
        <v>104</v>
      </c>
    </row>
    <row r="46" spans="1:4" ht="18" customHeight="1" x14ac:dyDescent="0.15">
      <c r="A46" s="5">
        <v>34</v>
      </c>
      <c r="B46" s="22">
        <v>62</v>
      </c>
      <c r="C46" s="14">
        <v>60</v>
      </c>
      <c r="D46" s="18">
        <v>122</v>
      </c>
    </row>
    <row r="47" spans="1:4" ht="18" customHeight="1" x14ac:dyDescent="0.15">
      <c r="A47" s="5" t="s">
        <v>15</v>
      </c>
      <c r="B47" s="22">
        <v>303</v>
      </c>
      <c r="C47" s="14">
        <v>295</v>
      </c>
      <c r="D47" s="18">
        <v>598</v>
      </c>
    </row>
    <row r="48" spans="1:4" ht="18" customHeight="1" x14ac:dyDescent="0.15">
      <c r="A48" s="5">
        <v>35</v>
      </c>
      <c r="B48" s="22">
        <v>48</v>
      </c>
      <c r="C48" s="14">
        <v>45</v>
      </c>
      <c r="D48" s="18">
        <v>93</v>
      </c>
    </row>
    <row r="49" spans="1:4" ht="18" customHeight="1" x14ac:dyDescent="0.15">
      <c r="A49" s="5">
        <v>36</v>
      </c>
      <c r="B49" s="22">
        <v>61</v>
      </c>
      <c r="C49" s="14">
        <v>56</v>
      </c>
      <c r="D49" s="18">
        <v>117</v>
      </c>
    </row>
    <row r="50" spans="1:4" ht="18" customHeight="1" x14ac:dyDescent="0.15">
      <c r="A50" s="5">
        <v>37</v>
      </c>
      <c r="B50" s="22">
        <v>60</v>
      </c>
      <c r="C50" s="14">
        <v>51</v>
      </c>
      <c r="D50" s="18">
        <v>111</v>
      </c>
    </row>
    <row r="51" spans="1:4" ht="18" customHeight="1" x14ac:dyDescent="0.15">
      <c r="A51" s="5">
        <v>38</v>
      </c>
      <c r="B51" s="22">
        <v>65</v>
      </c>
      <c r="C51" s="14">
        <v>57</v>
      </c>
      <c r="D51" s="18">
        <v>122</v>
      </c>
    </row>
    <row r="52" spans="1:4" ht="18" customHeight="1" x14ac:dyDescent="0.15">
      <c r="A52" s="5">
        <v>39</v>
      </c>
      <c r="B52" s="22">
        <v>51</v>
      </c>
      <c r="C52" s="14">
        <v>69</v>
      </c>
      <c r="D52" s="18">
        <v>120</v>
      </c>
    </row>
    <row r="53" spans="1:4" ht="18" customHeight="1" x14ac:dyDescent="0.15">
      <c r="A53" s="5" t="s">
        <v>18</v>
      </c>
      <c r="B53" s="22">
        <v>285</v>
      </c>
      <c r="C53" s="14">
        <v>278</v>
      </c>
      <c r="D53" s="18">
        <v>563</v>
      </c>
    </row>
    <row r="54" spans="1:4" ht="18" customHeight="1" x14ac:dyDescent="0.15">
      <c r="A54" s="5">
        <v>40</v>
      </c>
      <c r="B54" s="22">
        <v>55</v>
      </c>
      <c r="C54" s="14">
        <v>50</v>
      </c>
      <c r="D54" s="18">
        <v>105</v>
      </c>
    </row>
    <row r="55" spans="1:4" ht="18" customHeight="1" x14ac:dyDescent="0.15">
      <c r="A55" s="5">
        <v>41</v>
      </c>
      <c r="B55" s="22">
        <v>68</v>
      </c>
      <c r="C55" s="14">
        <v>60</v>
      </c>
      <c r="D55" s="18">
        <v>128</v>
      </c>
    </row>
    <row r="56" spans="1:4" ht="18" customHeight="1" x14ac:dyDescent="0.15">
      <c r="A56" s="5">
        <v>42</v>
      </c>
      <c r="B56" s="22">
        <v>53</v>
      </c>
      <c r="C56" s="14">
        <v>63</v>
      </c>
      <c r="D56" s="18">
        <v>116</v>
      </c>
    </row>
    <row r="57" spans="1:4" ht="18" customHeight="1" x14ac:dyDescent="0.15">
      <c r="A57" s="5">
        <v>43</v>
      </c>
      <c r="B57" s="22">
        <v>69</v>
      </c>
      <c r="C57" s="14">
        <v>45</v>
      </c>
      <c r="D57" s="18">
        <v>114</v>
      </c>
    </row>
    <row r="58" spans="1:4" ht="18" customHeight="1" x14ac:dyDescent="0.15">
      <c r="A58" s="5">
        <v>44</v>
      </c>
      <c r="B58" s="22">
        <v>74</v>
      </c>
      <c r="C58" s="14">
        <v>76</v>
      </c>
      <c r="D58" s="18">
        <v>150</v>
      </c>
    </row>
    <row r="59" spans="1:4" ht="18" customHeight="1" x14ac:dyDescent="0.15">
      <c r="A59" s="5" t="s">
        <v>21</v>
      </c>
      <c r="B59" s="22">
        <v>319</v>
      </c>
      <c r="C59" s="14">
        <v>294</v>
      </c>
      <c r="D59" s="18">
        <v>613</v>
      </c>
    </row>
    <row r="60" spans="1:4" ht="18" customHeight="1" x14ac:dyDescent="0.15">
      <c r="A60" s="5">
        <v>45</v>
      </c>
      <c r="B60" s="22">
        <v>61</v>
      </c>
      <c r="C60" s="14">
        <v>58</v>
      </c>
      <c r="D60" s="18">
        <v>119</v>
      </c>
    </row>
    <row r="61" spans="1:4" ht="18" customHeight="1" x14ac:dyDescent="0.15">
      <c r="A61" s="5">
        <v>46</v>
      </c>
      <c r="B61" s="22">
        <v>76</v>
      </c>
      <c r="C61" s="14">
        <v>64</v>
      </c>
      <c r="D61" s="18">
        <v>140</v>
      </c>
    </row>
    <row r="62" spans="1:4" ht="18" customHeight="1" x14ac:dyDescent="0.15">
      <c r="A62" s="5">
        <v>47</v>
      </c>
      <c r="B62" s="22">
        <v>85</v>
      </c>
      <c r="C62" s="14">
        <v>80</v>
      </c>
      <c r="D62" s="18">
        <v>165</v>
      </c>
    </row>
    <row r="63" spans="1:4" ht="18" customHeight="1" x14ac:dyDescent="0.15">
      <c r="A63" s="5">
        <v>48</v>
      </c>
      <c r="B63" s="22">
        <v>85</v>
      </c>
      <c r="C63" s="14">
        <v>92</v>
      </c>
      <c r="D63" s="18">
        <v>177</v>
      </c>
    </row>
    <row r="64" spans="1:4" ht="18" customHeight="1" x14ac:dyDescent="0.15">
      <c r="A64" s="5">
        <v>49</v>
      </c>
      <c r="B64" s="22">
        <v>79</v>
      </c>
      <c r="C64" s="14">
        <v>86</v>
      </c>
      <c r="D64" s="18">
        <v>165</v>
      </c>
    </row>
    <row r="65" spans="1:4" ht="18" customHeight="1" x14ac:dyDescent="0.15">
      <c r="A65" s="5" t="s">
        <v>17</v>
      </c>
      <c r="B65" s="22">
        <v>386</v>
      </c>
      <c r="C65" s="14">
        <v>380</v>
      </c>
      <c r="D65" s="18">
        <v>766</v>
      </c>
    </row>
    <row r="66" spans="1:4" ht="18" customHeight="1" x14ac:dyDescent="0.15">
      <c r="A66" s="5">
        <v>50</v>
      </c>
      <c r="B66" s="22">
        <v>93</v>
      </c>
      <c r="C66" s="14">
        <v>100</v>
      </c>
      <c r="D66" s="18">
        <v>193</v>
      </c>
    </row>
    <row r="67" spans="1:4" ht="18" customHeight="1" x14ac:dyDescent="0.15">
      <c r="A67" s="5">
        <v>51</v>
      </c>
      <c r="B67" s="22">
        <v>104</v>
      </c>
      <c r="C67" s="14">
        <v>96</v>
      </c>
      <c r="D67" s="18">
        <v>200</v>
      </c>
    </row>
    <row r="68" spans="1:4" ht="18" customHeight="1" x14ac:dyDescent="0.15">
      <c r="A68" s="5">
        <v>52</v>
      </c>
      <c r="B68" s="22">
        <v>102</v>
      </c>
      <c r="C68" s="14">
        <v>97</v>
      </c>
      <c r="D68" s="18">
        <v>199</v>
      </c>
    </row>
    <row r="69" spans="1:4" ht="18" customHeight="1" x14ac:dyDescent="0.15">
      <c r="A69" s="5">
        <v>53</v>
      </c>
      <c r="B69" s="22">
        <v>126</v>
      </c>
      <c r="C69" s="14">
        <v>105</v>
      </c>
      <c r="D69" s="18">
        <v>231</v>
      </c>
    </row>
    <row r="70" spans="1:4" ht="18" customHeight="1" x14ac:dyDescent="0.15">
      <c r="A70" s="5">
        <v>54</v>
      </c>
      <c r="B70" s="22">
        <v>93</v>
      </c>
      <c r="C70" s="14">
        <v>104</v>
      </c>
      <c r="D70" s="18">
        <v>197</v>
      </c>
    </row>
    <row r="71" spans="1:4" ht="18" customHeight="1" x14ac:dyDescent="0.15">
      <c r="A71" s="5" t="s">
        <v>22</v>
      </c>
      <c r="B71" s="22">
        <v>518</v>
      </c>
      <c r="C71" s="14">
        <v>502</v>
      </c>
      <c r="D71" s="18">
        <v>1020</v>
      </c>
    </row>
    <row r="72" spans="1:4" ht="18" customHeight="1" x14ac:dyDescent="0.15">
      <c r="A72" s="5">
        <v>55</v>
      </c>
      <c r="B72" s="22">
        <v>97</v>
      </c>
      <c r="C72" s="14">
        <v>86</v>
      </c>
      <c r="D72" s="18">
        <v>183</v>
      </c>
    </row>
    <row r="73" spans="1:4" ht="18" customHeight="1" x14ac:dyDescent="0.15">
      <c r="A73" s="5">
        <v>56</v>
      </c>
      <c r="B73" s="22">
        <v>101</v>
      </c>
      <c r="C73" s="14">
        <v>86</v>
      </c>
      <c r="D73" s="18">
        <v>187</v>
      </c>
    </row>
    <row r="74" spans="1:4" ht="18" customHeight="1" x14ac:dyDescent="0.15">
      <c r="A74" s="5">
        <v>57</v>
      </c>
      <c r="B74" s="22">
        <v>92</v>
      </c>
      <c r="C74" s="14">
        <v>84</v>
      </c>
      <c r="D74" s="18">
        <v>176</v>
      </c>
    </row>
    <row r="75" spans="1:4" ht="18" customHeight="1" x14ac:dyDescent="0.15">
      <c r="A75" s="5">
        <v>58</v>
      </c>
      <c r="B75" s="22">
        <v>84</v>
      </c>
      <c r="C75" s="14">
        <v>91</v>
      </c>
      <c r="D75" s="18">
        <v>175</v>
      </c>
    </row>
    <row r="76" spans="1:4" ht="18" customHeight="1" x14ac:dyDescent="0.15">
      <c r="A76" s="5">
        <v>59</v>
      </c>
      <c r="B76" s="22">
        <v>60</v>
      </c>
      <c r="C76" s="14">
        <v>108</v>
      </c>
      <c r="D76" s="18">
        <v>168</v>
      </c>
    </row>
    <row r="77" spans="1:4" ht="18" customHeight="1" x14ac:dyDescent="0.15">
      <c r="A77" s="5" t="s">
        <v>27</v>
      </c>
      <c r="B77" s="22">
        <v>434</v>
      </c>
      <c r="C77" s="14">
        <v>455</v>
      </c>
      <c r="D77" s="18">
        <v>889</v>
      </c>
    </row>
    <row r="78" spans="1:4" ht="18" customHeight="1" x14ac:dyDescent="0.15">
      <c r="A78" s="5">
        <v>60</v>
      </c>
      <c r="B78" s="22">
        <v>87</v>
      </c>
      <c r="C78" s="14">
        <v>68</v>
      </c>
      <c r="D78" s="18">
        <v>155</v>
      </c>
    </row>
    <row r="79" spans="1:4" ht="18" customHeight="1" x14ac:dyDescent="0.15">
      <c r="A79" s="5">
        <v>61</v>
      </c>
      <c r="B79" s="22">
        <v>81</v>
      </c>
      <c r="C79" s="14">
        <v>90</v>
      </c>
      <c r="D79" s="18">
        <v>171</v>
      </c>
    </row>
    <row r="80" spans="1:4" ht="18" customHeight="1" x14ac:dyDescent="0.15">
      <c r="A80" s="5">
        <v>62</v>
      </c>
      <c r="B80" s="22">
        <v>76</v>
      </c>
      <c r="C80" s="14">
        <v>59</v>
      </c>
      <c r="D80" s="18">
        <v>135</v>
      </c>
    </row>
    <row r="81" spans="1:4" ht="18" customHeight="1" x14ac:dyDescent="0.15">
      <c r="A81" s="5">
        <v>63</v>
      </c>
      <c r="B81" s="22">
        <v>72</v>
      </c>
      <c r="C81" s="14">
        <v>75</v>
      </c>
      <c r="D81" s="18">
        <v>147</v>
      </c>
    </row>
    <row r="82" spans="1:4" ht="18" customHeight="1" x14ac:dyDescent="0.15">
      <c r="A82" s="5">
        <v>64</v>
      </c>
      <c r="B82" s="22">
        <v>55</v>
      </c>
      <c r="C82" s="14">
        <v>56</v>
      </c>
      <c r="D82" s="18">
        <v>111</v>
      </c>
    </row>
    <row r="83" spans="1:4" ht="18" customHeight="1" x14ac:dyDescent="0.15">
      <c r="A83" s="5" t="s">
        <v>28</v>
      </c>
      <c r="B83" s="22">
        <v>371</v>
      </c>
      <c r="C83" s="14">
        <v>348</v>
      </c>
      <c r="D83" s="18">
        <v>719</v>
      </c>
    </row>
    <row r="84" spans="1:4" ht="18" customHeight="1" x14ac:dyDescent="0.15">
      <c r="A84" s="5" t="s">
        <v>31</v>
      </c>
      <c r="B84" s="22">
        <v>3478</v>
      </c>
      <c r="C84" s="14">
        <v>3354</v>
      </c>
      <c r="D84" s="18">
        <v>6832</v>
      </c>
    </row>
    <row r="85" spans="1:4" ht="18" customHeight="1" x14ac:dyDescent="0.15">
      <c r="A85" s="5">
        <v>65</v>
      </c>
      <c r="B85" s="22">
        <v>62</v>
      </c>
      <c r="C85" s="14">
        <v>57</v>
      </c>
      <c r="D85" s="18">
        <v>119</v>
      </c>
    </row>
    <row r="86" spans="1:4" ht="18" customHeight="1" x14ac:dyDescent="0.15">
      <c r="A86" s="5">
        <v>66</v>
      </c>
      <c r="B86" s="22">
        <v>58</v>
      </c>
      <c r="C86" s="14">
        <v>59</v>
      </c>
      <c r="D86" s="18">
        <v>117</v>
      </c>
    </row>
    <row r="87" spans="1:4" ht="18" customHeight="1" x14ac:dyDescent="0.15">
      <c r="A87" s="5">
        <v>67</v>
      </c>
      <c r="B87" s="22">
        <v>56</v>
      </c>
      <c r="C87" s="14">
        <v>65</v>
      </c>
      <c r="D87" s="18">
        <v>121</v>
      </c>
    </row>
    <row r="88" spans="1:4" ht="18" customHeight="1" x14ac:dyDescent="0.15">
      <c r="A88" s="5">
        <v>68</v>
      </c>
      <c r="B88" s="22">
        <v>47</v>
      </c>
      <c r="C88" s="14">
        <v>53</v>
      </c>
      <c r="D88" s="18">
        <v>100</v>
      </c>
    </row>
    <row r="89" spans="1:4" ht="18" customHeight="1" x14ac:dyDescent="0.15">
      <c r="A89" s="5">
        <v>69</v>
      </c>
      <c r="B89" s="22">
        <v>58</v>
      </c>
      <c r="C89" s="14">
        <v>61</v>
      </c>
      <c r="D89" s="18">
        <v>119</v>
      </c>
    </row>
    <row r="90" spans="1:4" ht="18" customHeight="1" x14ac:dyDescent="0.15">
      <c r="A90" s="5" t="s">
        <v>20</v>
      </c>
      <c r="B90" s="22">
        <v>281</v>
      </c>
      <c r="C90" s="14">
        <v>295</v>
      </c>
      <c r="D90" s="18">
        <v>576</v>
      </c>
    </row>
    <row r="91" spans="1:4" ht="18" customHeight="1" x14ac:dyDescent="0.15">
      <c r="A91" s="5">
        <v>70</v>
      </c>
      <c r="B91" s="22">
        <v>52</v>
      </c>
      <c r="C91" s="14">
        <v>62</v>
      </c>
      <c r="D91" s="18">
        <v>114</v>
      </c>
    </row>
    <row r="92" spans="1:4" ht="18" customHeight="1" x14ac:dyDescent="0.15">
      <c r="A92" s="5">
        <v>71</v>
      </c>
      <c r="B92" s="22">
        <v>43</v>
      </c>
      <c r="C92" s="14">
        <v>70</v>
      </c>
      <c r="D92" s="18">
        <v>113</v>
      </c>
    </row>
    <row r="93" spans="1:4" ht="18" customHeight="1" x14ac:dyDescent="0.15">
      <c r="A93" s="5">
        <v>72</v>
      </c>
      <c r="B93" s="22">
        <v>58</v>
      </c>
      <c r="C93" s="14">
        <v>58</v>
      </c>
      <c r="D93" s="18">
        <v>116</v>
      </c>
    </row>
    <row r="94" spans="1:4" ht="18" customHeight="1" x14ac:dyDescent="0.15">
      <c r="A94" s="5">
        <v>73</v>
      </c>
      <c r="B94" s="22">
        <v>61</v>
      </c>
      <c r="C94" s="14">
        <v>66</v>
      </c>
      <c r="D94" s="18">
        <v>127</v>
      </c>
    </row>
    <row r="95" spans="1:4" ht="18" customHeight="1" x14ac:dyDescent="0.15">
      <c r="A95" s="5">
        <v>74</v>
      </c>
      <c r="B95" s="22">
        <v>45</v>
      </c>
      <c r="C95" s="14">
        <v>57</v>
      </c>
      <c r="D95" s="18">
        <v>102</v>
      </c>
    </row>
    <row r="96" spans="1:4" ht="18" customHeight="1" x14ac:dyDescent="0.15">
      <c r="A96" s="5" t="s">
        <v>33</v>
      </c>
      <c r="B96" s="22">
        <v>259</v>
      </c>
      <c r="C96" s="14">
        <v>313</v>
      </c>
      <c r="D96" s="18">
        <v>572</v>
      </c>
    </row>
    <row r="97" spans="1:4" ht="18" customHeight="1" x14ac:dyDescent="0.15">
      <c r="A97" s="5">
        <v>75</v>
      </c>
      <c r="B97" s="22">
        <v>61</v>
      </c>
      <c r="C97" s="14">
        <v>80</v>
      </c>
      <c r="D97" s="18">
        <v>141</v>
      </c>
    </row>
    <row r="98" spans="1:4" ht="18" customHeight="1" x14ac:dyDescent="0.15">
      <c r="A98" s="5">
        <v>76</v>
      </c>
      <c r="B98" s="22">
        <v>71</v>
      </c>
      <c r="C98" s="14">
        <v>110</v>
      </c>
      <c r="D98" s="18">
        <v>181</v>
      </c>
    </row>
    <row r="99" spans="1:4" ht="18" customHeight="1" x14ac:dyDescent="0.15">
      <c r="A99" s="5">
        <v>77</v>
      </c>
      <c r="B99" s="22">
        <v>74</v>
      </c>
      <c r="C99" s="14">
        <v>91</v>
      </c>
      <c r="D99" s="18">
        <v>165</v>
      </c>
    </row>
    <row r="100" spans="1:4" ht="18" customHeight="1" x14ac:dyDescent="0.15">
      <c r="A100" s="5">
        <v>78</v>
      </c>
      <c r="B100" s="22">
        <v>71</v>
      </c>
      <c r="C100" s="14">
        <v>93</v>
      </c>
      <c r="D100" s="18">
        <v>164</v>
      </c>
    </row>
    <row r="101" spans="1:4" ht="18" customHeight="1" x14ac:dyDescent="0.15">
      <c r="A101" s="5">
        <v>79</v>
      </c>
      <c r="B101" s="22">
        <v>79</v>
      </c>
      <c r="C101" s="14">
        <v>93</v>
      </c>
      <c r="D101" s="18">
        <v>172</v>
      </c>
    </row>
    <row r="102" spans="1:4" ht="18" customHeight="1" x14ac:dyDescent="0.15">
      <c r="A102" s="5" t="s">
        <v>0</v>
      </c>
      <c r="B102" s="22">
        <v>356</v>
      </c>
      <c r="C102" s="14">
        <v>467</v>
      </c>
      <c r="D102" s="18">
        <v>823</v>
      </c>
    </row>
    <row r="103" spans="1:4" ht="18" customHeight="1" x14ac:dyDescent="0.15">
      <c r="A103" s="5">
        <v>80</v>
      </c>
      <c r="B103" s="22">
        <v>44</v>
      </c>
      <c r="C103" s="14">
        <v>44</v>
      </c>
      <c r="D103" s="18">
        <v>88</v>
      </c>
    </row>
    <row r="104" spans="1:4" ht="18" customHeight="1" x14ac:dyDescent="0.15">
      <c r="A104" s="5">
        <v>81</v>
      </c>
      <c r="B104" s="22">
        <v>46</v>
      </c>
      <c r="C104" s="14">
        <v>60</v>
      </c>
      <c r="D104" s="18">
        <v>106</v>
      </c>
    </row>
    <row r="105" spans="1:4" ht="18" customHeight="1" x14ac:dyDescent="0.15">
      <c r="A105" s="5">
        <v>82</v>
      </c>
      <c r="B105" s="22">
        <v>50</v>
      </c>
      <c r="C105" s="14">
        <v>75</v>
      </c>
      <c r="D105" s="18">
        <v>125</v>
      </c>
    </row>
    <row r="106" spans="1:4" ht="18" customHeight="1" x14ac:dyDescent="0.15">
      <c r="A106" s="5">
        <v>83</v>
      </c>
      <c r="B106" s="22">
        <v>43</v>
      </c>
      <c r="C106" s="14">
        <v>66</v>
      </c>
      <c r="D106" s="18">
        <v>109</v>
      </c>
    </row>
    <row r="107" spans="1:4" ht="18" customHeight="1" x14ac:dyDescent="0.15">
      <c r="A107" s="5">
        <v>84</v>
      </c>
      <c r="B107" s="22">
        <v>41</v>
      </c>
      <c r="C107" s="14">
        <v>68</v>
      </c>
      <c r="D107" s="18">
        <v>109</v>
      </c>
    </row>
    <row r="108" spans="1:4" ht="18" customHeight="1" x14ac:dyDescent="0.15">
      <c r="A108" s="5" t="s">
        <v>35</v>
      </c>
      <c r="B108" s="22">
        <v>224</v>
      </c>
      <c r="C108" s="14">
        <v>313</v>
      </c>
      <c r="D108" s="18">
        <v>537</v>
      </c>
    </row>
    <row r="109" spans="1:4" ht="18" customHeight="1" x14ac:dyDescent="0.15">
      <c r="A109" s="5">
        <v>85</v>
      </c>
      <c r="B109" s="22">
        <v>44</v>
      </c>
      <c r="C109" s="14">
        <v>53</v>
      </c>
      <c r="D109" s="18">
        <v>97</v>
      </c>
    </row>
    <row r="110" spans="1:4" ht="18" customHeight="1" x14ac:dyDescent="0.15">
      <c r="A110" s="5">
        <v>86</v>
      </c>
      <c r="B110" s="22">
        <v>30</v>
      </c>
      <c r="C110" s="14">
        <v>49</v>
      </c>
      <c r="D110" s="18">
        <v>79</v>
      </c>
    </row>
    <row r="111" spans="1:4" ht="18" customHeight="1" x14ac:dyDescent="0.15">
      <c r="A111" s="5">
        <v>87</v>
      </c>
      <c r="B111" s="22">
        <v>21</v>
      </c>
      <c r="C111" s="14">
        <v>32</v>
      </c>
      <c r="D111" s="18">
        <v>53</v>
      </c>
    </row>
    <row r="112" spans="1:4" ht="18" customHeight="1" x14ac:dyDescent="0.15">
      <c r="A112" s="5">
        <v>88</v>
      </c>
      <c r="B112" s="22">
        <v>27</v>
      </c>
      <c r="C112" s="14">
        <v>40</v>
      </c>
      <c r="D112" s="18">
        <v>67</v>
      </c>
    </row>
    <row r="113" spans="1:4" ht="18" customHeight="1" x14ac:dyDescent="0.15">
      <c r="A113" s="5">
        <v>89</v>
      </c>
      <c r="B113" s="22">
        <v>21</v>
      </c>
      <c r="C113" s="14">
        <v>34</v>
      </c>
      <c r="D113" s="18">
        <v>55</v>
      </c>
    </row>
    <row r="114" spans="1:4" ht="18" customHeight="1" x14ac:dyDescent="0.15">
      <c r="A114" s="5" t="s">
        <v>37</v>
      </c>
      <c r="B114" s="22">
        <v>143</v>
      </c>
      <c r="C114" s="14">
        <v>208</v>
      </c>
      <c r="D114" s="18">
        <v>351</v>
      </c>
    </row>
    <row r="115" spans="1:4" ht="18" customHeight="1" x14ac:dyDescent="0.15">
      <c r="A115" s="5">
        <v>90</v>
      </c>
      <c r="B115" s="22">
        <v>16</v>
      </c>
      <c r="C115" s="14">
        <v>39</v>
      </c>
      <c r="D115" s="18">
        <v>55</v>
      </c>
    </row>
    <row r="116" spans="1:4" ht="18" customHeight="1" x14ac:dyDescent="0.15">
      <c r="A116" s="5">
        <v>91</v>
      </c>
      <c r="B116" s="22">
        <v>13</v>
      </c>
      <c r="C116" s="14">
        <v>25</v>
      </c>
      <c r="D116" s="18">
        <v>38</v>
      </c>
    </row>
    <row r="117" spans="1:4" ht="18" customHeight="1" x14ac:dyDescent="0.15">
      <c r="A117" s="5">
        <v>92</v>
      </c>
      <c r="B117" s="22">
        <v>8</v>
      </c>
      <c r="C117" s="14">
        <v>18</v>
      </c>
      <c r="D117" s="18">
        <v>26</v>
      </c>
    </row>
    <row r="118" spans="1:4" ht="18" customHeight="1" x14ac:dyDescent="0.15">
      <c r="A118" s="5">
        <v>93</v>
      </c>
      <c r="B118" s="22">
        <v>8</v>
      </c>
      <c r="C118" s="14">
        <v>22</v>
      </c>
      <c r="D118" s="18">
        <v>30</v>
      </c>
    </row>
    <row r="119" spans="1:4" ht="18" customHeight="1" x14ac:dyDescent="0.15">
      <c r="A119" s="5">
        <v>94</v>
      </c>
      <c r="B119" s="22">
        <v>6</v>
      </c>
      <c r="C119" s="14">
        <v>20</v>
      </c>
      <c r="D119" s="18">
        <v>26</v>
      </c>
    </row>
    <row r="120" spans="1:4" ht="18" customHeight="1" x14ac:dyDescent="0.15">
      <c r="A120" s="5" t="s">
        <v>39</v>
      </c>
      <c r="B120" s="22">
        <v>51</v>
      </c>
      <c r="C120" s="14">
        <v>124</v>
      </c>
      <c r="D120" s="18">
        <v>175</v>
      </c>
    </row>
    <row r="121" spans="1:4" ht="18" customHeight="1" x14ac:dyDescent="0.15">
      <c r="A121" s="5">
        <v>95</v>
      </c>
      <c r="B121" s="22">
        <v>2</v>
      </c>
      <c r="C121" s="14">
        <v>15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9</v>
      </c>
      <c r="C126" s="14">
        <v>37</v>
      </c>
      <c r="D126" s="18">
        <v>46</v>
      </c>
    </row>
    <row r="127" spans="1:4" ht="18" customHeight="1" x14ac:dyDescent="0.15">
      <c r="A127" s="5">
        <v>100</v>
      </c>
      <c r="B127" s="22">
        <v>2</v>
      </c>
      <c r="C127" s="14">
        <v>2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1325</v>
      </c>
      <c r="C130" s="14">
        <v>1764</v>
      </c>
      <c r="D130" s="18">
        <v>3089</v>
      </c>
    </row>
    <row r="131" spans="1:4" ht="18" customHeight="1" x14ac:dyDescent="0.15">
      <c r="A131" s="7" t="s">
        <v>45</v>
      </c>
      <c r="B131" s="23">
        <v>5389</v>
      </c>
      <c r="C131" s="15">
        <v>5701</v>
      </c>
      <c r="D131" s="19">
        <v>110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5</v>
      </c>
      <c r="C5" s="13">
        <v>20</v>
      </c>
      <c r="D5" s="17">
        <v>45</v>
      </c>
    </row>
    <row r="6" spans="1:4" ht="18" customHeight="1" x14ac:dyDescent="0.15">
      <c r="A6" s="5">
        <v>1</v>
      </c>
      <c r="B6" s="22">
        <v>19</v>
      </c>
      <c r="C6" s="14">
        <v>12</v>
      </c>
      <c r="D6" s="18">
        <v>31</v>
      </c>
    </row>
    <row r="7" spans="1:4" ht="18" customHeight="1" x14ac:dyDescent="0.15">
      <c r="A7" s="5">
        <v>2</v>
      </c>
      <c r="B7" s="22">
        <v>23</v>
      </c>
      <c r="C7" s="14">
        <v>22</v>
      </c>
      <c r="D7" s="18">
        <v>45</v>
      </c>
    </row>
    <row r="8" spans="1:4" ht="18" customHeight="1" x14ac:dyDescent="0.15">
      <c r="A8" s="5">
        <v>3</v>
      </c>
      <c r="B8" s="22">
        <v>18</v>
      </c>
      <c r="C8" s="14">
        <v>17</v>
      </c>
      <c r="D8" s="18">
        <v>35</v>
      </c>
    </row>
    <row r="9" spans="1:4" ht="18" customHeight="1" x14ac:dyDescent="0.15">
      <c r="A9" s="5">
        <v>4</v>
      </c>
      <c r="B9" s="22">
        <v>21</v>
      </c>
      <c r="C9" s="14">
        <v>22</v>
      </c>
      <c r="D9" s="18">
        <v>43</v>
      </c>
    </row>
    <row r="10" spans="1:4" ht="18" customHeight="1" x14ac:dyDescent="0.15">
      <c r="A10" s="5" t="s">
        <v>7</v>
      </c>
      <c r="B10" s="22">
        <v>106</v>
      </c>
      <c r="C10" s="14">
        <v>93</v>
      </c>
      <c r="D10" s="18">
        <v>199</v>
      </c>
    </row>
    <row r="11" spans="1:4" ht="18" customHeight="1" x14ac:dyDescent="0.15">
      <c r="A11" s="5">
        <v>5</v>
      </c>
      <c r="B11" s="22">
        <v>14</v>
      </c>
      <c r="C11" s="14">
        <v>19</v>
      </c>
      <c r="D11" s="18">
        <v>33</v>
      </c>
    </row>
    <row r="12" spans="1:4" ht="18" customHeight="1" x14ac:dyDescent="0.15">
      <c r="A12" s="5">
        <v>6</v>
      </c>
      <c r="B12" s="22">
        <v>21</v>
      </c>
      <c r="C12" s="14">
        <v>19</v>
      </c>
      <c r="D12" s="18">
        <v>40</v>
      </c>
    </row>
    <row r="13" spans="1:4" ht="18" customHeight="1" x14ac:dyDescent="0.15">
      <c r="A13" s="5">
        <v>7</v>
      </c>
      <c r="B13" s="22">
        <v>22</v>
      </c>
      <c r="C13" s="14">
        <v>22</v>
      </c>
      <c r="D13" s="18">
        <v>44</v>
      </c>
    </row>
    <row r="14" spans="1:4" ht="18" customHeight="1" x14ac:dyDescent="0.15">
      <c r="A14" s="5">
        <v>8</v>
      </c>
      <c r="B14" s="22">
        <v>22</v>
      </c>
      <c r="C14" s="14">
        <v>16</v>
      </c>
      <c r="D14" s="18">
        <v>38</v>
      </c>
    </row>
    <row r="15" spans="1:4" ht="18" customHeight="1" x14ac:dyDescent="0.15">
      <c r="A15" s="5">
        <v>9</v>
      </c>
      <c r="B15" s="22">
        <v>25</v>
      </c>
      <c r="C15" s="14">
        <v>23</v>
      </c>
      <c r="D15" s="18">
        <v>48</v>
      </c>
    </row>
    <row r="16" spans="1:4" ht="18" customHeight="1" x14ac:dyDescent="0.15">
      <c r="A16" s="5" t="s">
        <v>11</v>
      </c>
      <c r="B16" s="22">
        <v>104</v>
      </c>
      <c r="C16" s="14">
        <v>99</v>
      </c>
      <c r="D16" s="18">
        <v>203</v>
      </c>
    </row>
    <row r="17" spans="1:4" ht="18" customHeight="1" x14ac:dyDescent="0.15">
      <c r="A17" s="5">
        <v>10</v>
      </c>
      <c r="B17" s="22">
        <v>22</v>
      </c>
      <c r="C17" s="14">
        <v>22</v>
      </c>
      <c r="D17" s="18">
        <v>44</v>
      </c>
    </row>
    <row r="18" spans="1:4" ht="18" customHeight="1" x14ac:dyDescent="0.15">
      <c r="A18" s="5">
        <v>11</v>
      </c>
      <c r="B18" s="22">
        <v>13</v>
      </c>
      <c r="C18" s="14">
        <v>29</v>
      </c>
      <c r="D18" s="18">
        <v>42</v>
      </c>
    </row>
    <row r="19" spans="1:4" ht="18" customHeight="1" x14ac:dyDescent="0.15">
      <c r="A19" s="5">
        <v>12</v>
      </c>
      <c r="B19" s="22">
        <v>22</v>
      </c>
      <c r="C19" s="14">
        <v>25</v>
      </c>
      <c r="D19" s="18">
        <v>47</v>
      </c>
    </row>
    <row r="20" spans="1:4" ht="18" customHeight="1" x14ac:dyDescent="0.15">
      <c r="A20" s="5">
        <v>13</v>
      </c>
      <c r="B20" s="22">
        <v>21</v>
      </c>
      <c r="C20" s="14">
        <v>15</v>
      </c>
      <c r="D20" s="18">
        <v>36</v>
      </c>
    </row>
    <row r="21" spans="1:4" ht="18" customHeight="1" x14ac:dyDescent="0.15">
      <c r="A21" s="5">
        <v>14</v>
      </c>
      <c r="B21" s="22">
        <v>29</v>
      </c>
      <c r="C21" s="14">
        <v>19</v>
      </c>
      <c r="D21" s="18">
        <v>48</v>
      </c>
    </row>
    <row r="22" spans="1:4" ht="18" customHeight="1" x14ac:dyDescent="0.15">
      <c r="A22" s="5" t="s">
        <v>12</v>
      </c>
      <c r="B22" s="22">
        <v>107</v>
      </c>
      <c r="C22" s="14">
        <v>110</v>
      </c>
      <c r="D22" s="18">
        <v>217</v>
      </c>
    </row>
    <row r="23" spans="1:4" ht="18" customHeight="1" x14ac:dyDescent="0.15">
      <c r="A23" s="5" t="s">
        <v>6</v>
      </c>
      <c r="B23" s="22">
        <v>317</v>
      </c>
      <c r="C23" s="14">
        <v>302</v>
      </c>
      <c r="D23" s="18">
        <v>619</v>
      </c>
    </row>
    <row r="24" spans="1:4" ht="18" customHeight="1" x14ac:dyDescent="0.15">
      <c r="A24" s="5">
        <v>15</v>
      </c>
      <c r="B24" s="22">
        <v>27</v>
      </c>
      <c r="C24" s="14">
        <v>22</v>
      </c>
      <c r="D24" s="18">
        <v>49</v>
      </c>
    </row>
    <row r="25" spans="1:4" ht="18" customHeight="1" x14ac:dyDescent="0.15">
      <c r="A25" s="5">
        <v>16</v>
      </c>
      <c r="B25" s="22">
        <v>20</v>
      </c>
      <c r="C25" s="14">
        <v>20</v>
      </c>
      <c r="D25" s="18">
        <v>40</v>
      </c>
    </row>
    <row r="26" spans="1:4" ht="18" customHeight="1" x14ac:dyDescent="0.15">
      <c r="A26" s="5">
        <v>17</v>
      </c>
      <c r="B26" s="22">
        <v>19</v>
      </c>
      <c r="C26" s="14">
        <v>19</v>
      </c>
      <c r="D26" s="18">
        <v>38</v>
      </c>
    </row>
    <row r="27" spans="1:4" ht="18" customHeight="1" x14ac:dyDescent="0.15">
      <c r="A27" s="5">
        <v>18</v>
      </c>
      <c r="B27" s="22">
        <v>12</v>
      </c>
      <c r="C27" s="14">
        <v>13</v>
      </c>
      <c r="D27" s="18">
        <v>25</v>
      </c>
    </row>
    <row r="28" spans="1:4" ht="18" customHeight="1" x14ac:dyDescent="0.15">
      <c r="A28" s="5">
        <v>19</v>
      </c>
      <c r="B28" s="22">
        <v>13</v>
      </c>
      <c r="C28" s="14">
        <v>25</v>
      </c>
      <c r="D28" s="18">
        <v>38</v>
      </c>
    </row>
    <row r="29" spans="1:4" ht="18" customHeight="1" x14ac:dyDescent="0.15">
      <c r="A29" s="5" t="s">
        <v>14</v>
      </c>
      <c r="B29" s="22">
        <v>91</v>
      </c>
      <c r="C29" s="14">
        <v>99</v>
      </c>
      <c r="D29" s="18">
        <v>190</v>
      </c>
    </row>
    <row r="30" spans="1:4" ht="18" customHeight="1" x14ac:dyDescent="0.15">
      <c r="A30" s="5">
        <v>20</v>
      </c>
      <c r="B30" s="22">
        <v>20</v>
      </c>
      <c r="C30" s="14">
        <v>28</v>
      </c>
      <c r="D30" s="18">
        <v>48</v>
      </c>
    </row>
    <row r="31" spans="1:4" ht="18" customHeight="1" x14ac:dyDescent="0.15">
      <c r="A31" s="5">
        <v>21</v>
      </c>
      <c r="B31" s="22">
        <v>23</v>
      </c>
      <c r="C31" s="14">
        <v>16</v>
      </c>
      <c r="D31" s="18">
        <v>39</v>
      </c>
    </row>
    <row r="32" spans="1:4" ht="18" customHeight="1" x14ac:dyDescent="0.15">
      <c r="A32" s="5">
        <v>22</v>
      </c>
      <c r="B32" s="22">
        <v>22</v>
      </c>
      <c r="C32" s="14">
        <v>21</v>
      </c>
      <c r="D32" s="18">
        <v>43</v>
      </c>
    </row>
    <row r="33" spans="1:4" ht="18" customHeight="1" x14ac:dyDescent="0.15">
      <c r="A33" s="5">
        <v>23</v>
      </c>
      <c r="B33" s="22">
        <v>33</v>
      </c>
      <c r="C33" s="14">
        <v>27</v>
      </c>
      <c r="D33" s="18">
        <v>60</v>
      </c>
    </row>
    <row r="34" spans="1:4" ht="18" customHeight="1" x14ac:dyDescent="0.15">
      <c r="A34" s="5">
        <v>24</v>
      </c>
      <c r="B34" s="22">
        <v>22</v>
      </c>
      <c r="C34" s="14">
        <v>20</v>
      </c>
      <c r="D34" s="18">
        <v>42</v>
      </c>
    </row>
    <row r="35" spans="1:4" ht="18" customHeight="1" x14ac:dyDescent="0.15">
      <c r="A35" s="5" t="s">
        <v>9</v>
      </c>
      <c r="B35" s="22">
        <v>120</v>
      </c>
      <c r="C35" s="14">
        <v>112</v>
      </c>
      <c r="D35" s="18">
        <v>232</v>
      </c>
    </row>
    <row r="36" spans="1:4" ht="18" customHeight="1" x14ac:dyDescent="0.15">
      <c r="A36" s="5">
        <v>25</v>
      </c>
      <c r="B36" s="22">
        <v>28</v>
      </c>
      <c r="C36" s="14">
        <v>21</v>
      </c>
      <c r="D36" s="18">
        <v>49</v>
      </c>
    </row>
    <row r="37" spans="1:4" ht="18" customHeight="1" x14ac:dyDescent="0.15">
      <c r="A37" s="5">
        <v>26</v>
      </c>
      <c r="B37" s="22">
        <v>36</v>
      </c>
      <c r="C37" s="14">
        <v>22</v>
      </c>
      <c r="D37" s="18">
        <v>58</v>
      </c>
    </row>
    <row r="38" spans="1:4" ht="18" customHeight="1" x14ac:dyDescent="0.15">
      <c r="A38" s="5">
        <v>27</v>
      </c>
      <c r="B38" s="22">
        <v>27</v>
      </c>
      <c r="C38" s="14">
        <v>18</v>
      </c>
      <c r="D38" s="18">
        <v>45</v>
      </c>
    </row>
    <row r="39" spans="1:4" ht="18" customHeight="1" x14ac:dyDescent="0.15">
      <c r="A39" s="5">
        <v>28</v>
      </c>
      <c r="B39" s="22">
        <v>38</v>
      </c>
      <c r="C39" s="14">
        <v>17</v>
      </c>
      <c r="D39" s="18">
        <v>55</v>
      </c>
    </row>
    <row r="40" spans="1:4" ht="18" customHeight="1" x14ac:dyDescent="0.15">
      <c r="A40" s="5">
        <v>29</v>
      </c>
      <c r="B40" s="22">
        <v>32</v>
      </c>
      <c r="C40" s="14">
        <v>28</v>
      </c>
      <c r="D40" s="18">
        <v>60</v>
      </c>
    </row>
    <row r="41" spans="1:4" ht="18" customHeight="1" x14ac:dyDescent="0.15">
      <c r="A41" s="5" t="s">
        <v>2</v>
      </c>
      <c r="B41" s="22">
        <v>161</v>
      </c>
      <c r="C41" s="14">
        <v>106</v>
      </c>
      <c r="D41" s="18">
        <v>267</v>
      </c>
    </row>
    <row r="42" spans="1:4" ht="18" customHeight="1" x14ac:dyDescent="0.15">
      <c r="A42" s="5">
        <v>30</v>
      </c>
      <c r="B42" s="22">
        <v>27</v>
      </c>
      <c r="C42" s="14">
        <v>21</v>
      </c>
      <c r="D42" s="18">
        <v>48</v>
      </c>
    </row>
    <row r="43" spans="1:4" ht="18" customHeight="1" x14ac:dyDescent="0.15">
      <c r="A43" s="5">
        <v>31</v>
      </c>
      <c r="B43" s="22">
        <v>33</v>
      </c>
      <c r="C43" s="14">
        <v>26</v>
      </c>
      <c r="D43" s="18">
        <v>59</v>
      </c>
    </row>
    <row r="44" spans="1:4" ht="18" customHeight="1" x14ac:dyDescent="0.15">
      <c r="A44" s="5">
        <v>32</v>
      </c>
      <c r="B44" s="22">
        <v>24</v>
      </c>
      <c r="C44" s="14">
        <v>20</v>
      </c>
      <c r="D44" s="18">
        <v>44</v>
      </c>
    </row>
    <row r="45" spans="1:4" ht="18" customHeight="1" x14ac:dyDescent="0.15">
      <c r="A45" s="5">
        <v>33</v>
      </c>
      <c r="B45" s="22">
        <v>32</v>
      </c>
      <c r="C45" s="14">
        <v>20</v>
      </c>
      <c r="D45" s="18">
        <v>52</v>
      </c>
    </row>
    <row r="46" spans="1:4" ht="18" customHeight="1" x14ac:dyDescent="0.15">
      <c r="A46" s="5">
        <v>34</v>
      </c>
      <c r="B46" s="22">
        <v>27</v>
      </c>
      <c r="C46" s="14">
        <v>26</v>
      </c>
      <c r="D46" s="18">
        <v>53</v>
      </c>
    </row>
    <row r="47" spans="1:4" ht="18" customHeight="1" x14ac:dyDescent="0.15">
      <c r="A47" s="5" t="s">
        <v>15</v>
      </c>
      <c r="B47" s="22">
        <v>143</v>
      </c>
      <c r="C47" s="14">
        <v>113</v>
      </c>
      <c r="D47" s="18">
        <v>256</v>
      </c>
    </row>
    <row r="48" spans="1:4" ht="18" customHeight="1" x14ac:dyDescent="0.15">
      <c r="A48" s="5">
        <v>35</v>
      </c>
      <c r="B48" s="22">
        <v>22</v>
      </c>
      <c r="C48" s="14">
        <v>29</v>
      </c>
      <c r="D48" s="18">
        <v>51</v>
      </c>
    </row>
    <row r="49" spans="1:4" ht="18" customHeight="1" x14ac:dyDescent="0.15">
      <c r="A49" s="5">
        <v>36</v>
      </c>
      <c r="B49" s="22">
        <v>24</v>
      </c>
      <c r="C49" s="14">
        <v>22</v>
      </c>
      <c r="D49" s="18">
        <v>46</v>
      </c>
    </row>
    <row r="50" spans="1:4" ht="18" customHeight="1" x14ac:dyDescent="0.15">
      <c r="A50" s="5">
        <v>37</v>
      </c>
      <c r="B50" s="22">
        <v>26</v>
      </c>
      <c r="C50" s="14">
        <v>22</v>
      </c>
      <c r="D50" s="18">
        <v>48</v>
      </c>
    </row>
    <row r="51" spans="1:4" ht="18" customHeight="1" x14ac:dyDescent="0.15">
      <c r="A51" s="5">
        <v>38</v>
      </c>
      <c r="B51" s="22">
        <v>26</v>
      </c>
      <c r="C51" s="14">
        <v>23</v>
      </c>
      <c r="D51" s="18">
        <v>49</v>
      </c>
    </row>
    <row r="52" spans="1:4" ht="18" customHeight="1" x14ac:dyDescent="0.15">
      <c r="A52" s="5">
        <v>39</v>
      </c>
      <c r="B52" s="22">
        <v>26</v>
      </c>
      <c r="C52" s="14">
        <v>28</v>
      </c>
      <c r="D52" s="18">
        <v>54</v>
      </c>
    </row>
    <row r="53" spans="1:4" ht="18" customHeight="1" x14ac:dyDescent="0.15">
      <c r="A53" s="5" t="s">
        <v>18</v>
      </c>
      <c r="B53" s="22">
        <v>124</v>
      </c>
      <c r="C53" s="14">
        <v>124</v>
      </c>
      <c r="D53" s="18">
        <v>248</v>
      </c>
    </row>
    <row r="54" spans="1:4" ht="18" customHeight="1" x14ac:dyDescent="0.15">
      <c r="A54" s="5">
        <v>40</v>
      </c>
      <c r="B54" s="22">
        <v>37</v>
      </c>
      <c r="C54" s="14">
        <v>38</v>
      </c>
      <c r="D54" s="18">
        <v>75</v>
      </c>
    </row>
    <row r="55" spans="1:4" ht="18" customHeight="1" x14ac:dyDescent="0.15">
      <c r="A55" s="5">
        <v>41</v>
      </c>
      <c r="B55" s="22">
        <v>22</v>
      </c>
      <c r="C55" s="14">
        <v>28</v>
      </c>
      <c r="D55" s="18">
        <v>50</v>
      </c>
    </row>
    <row r="56" spans="1:4" ht="18" customHeight="1" x14ac:dyDescent="0.15">
      <c r="A56" s="5">
        <v>42</v>
      </c>
      <c r="B56" s="22">
        <v>28</v>
      </c>
      <c r="C56" s="14">
        <v>32</v>
      </c>
      <c r="D56" s="18">
        <v>60</v>
      </c>
    </row>
    <row r="57" spans="1:4" ht="18" customHeight="1" x14ac:dyDescent="0.15">
      <c r="A57" s="5">
        <v>43</v>
      </c>
      <c r="B57" s="22">
        <v>31</v>
      </c>
      <c r="C57" s="14">
        <v>39</v>
      </c>
      <c r="D57" s="18">
        <v>70</v>
      </c>
    </row>
    <row r="58" spans="1:4" ht="18" customHeight="1" x14ac:dyDescent="0.15">
      <c r="A58" s="5">
        <v>44</v>
      </c>
      <c r="B58" s="22">
        <v>34</v>
      </c>
      <c r="C58" s="14">
        <v>34</v>
      </c>
      <c r="D58" s="18">
        <v>68</v>
      </c>
    </row>
    <row r="59" spans="1:4" ht="18" customHeight="1" x14ac:dyDescent="0.15">
      <c r="A59" s="5" t="s">
        <v>21</v>
      </c>
      <c r="B59" s="22">
        <v>152</v>
      </c>
      <c r="C59" s="14">
        <v>171</v>
      </c>
      <c r="D59" s="18">
        <v>323</v>
      </c>
    </row>
    <row r="60" spans="1:4" ht="18" customHeight="1" x14ac:dyDescent="0.15">
      <c r="A60" s="5">
        <v>45</v>
      </c>
      <c r="B60" s="22">
        <v>25</v>
      </c>
      <c r="C60" s="14">
        <v>32</v>
      </c>
      <c r="D60" s="18">
        <v>57</v>
      </c>
    </row>
    <row r="61" spans="1:4" ht="18" customHeight="1" x14ac:dyDescent="0.15">
      <c r="A61" s="5">
        <v>46</v>
      </c>
      <c r="B61" s="22">
        <v>41</v>
      </c>
      <c r="C61" s="14">
        <v>37</v>
      </c>
      <c r="D61" s="18">
        <v>78</v>
      </c>
    </row>
    <row r="62" spans="1:4" ht="18" customHeight="1" x14ac:dyDescent="0.15">
      <c r="A62" s="5">
        <v>47</v>
      </c>
      <c r="B62" s="22">
        <v>41</v>
      </c>
      <c r="C62" s="14">
        <v>31</v>
      </c>
      <c r="D62" s="18">
        <v>72</v>
      </c>
    </row>
    <row r="63" spans="1:4" ht="18" customHeight="1" x14ac:dyDescent="0.15">
      <c r="A63" s="5">
        <v>48</v>
      </c>
      <c r="B63" s="22">
        <v>38</v>
      </c>
      <c r="C63" s="14">
        <v>37</v>
      </c>
      <c r="D63" s="18">
        <v>75</v>
      </c>
    </row>
    <row r="64" spans="1:4" ht="18" customHeight="1" x14ac:dyDescent="0.15">
      <c r="A64" s="5">
        <v>49</v>
      </c>
      <c r="B64" s="22">
        <v>50</v>
      </c>
      <c r="C64" s="14">
        <v>32</v>
      </c>
      <c r="D64" s="18">
        <v>82</v>
      </c>
    </row>
    <row r="65" spans="1:4" ht="18" customHeight="1" x14ac:dyDescent="0.15">
      <c r="A65" s="5" t="s">
        <v>17</v>
      </c>
      <c r="B65" s="22">
        <v>195</v>
      </c>
      <c r="C65" s="14">
        <v>169</v>
      </c>
      <c r="D65" s="18">
        <v>364</v>
      </c>
    </row>
    <row r="66" spans="1:4" ht="18" customHeight="1" x14ac:dyDescent="0.15">
      <c r="A66" s="5">
        <v>50</v>
      </c>
      <c r="B66" s="22">
        <v>40</v>
      </c>
      <c r="C66" s="14">
        <v>37</v>
      </c>
      <c r="D66" s="18">
        <v>77</v>
      </c>
    </row>
    <row r="67" spans="1:4" ht="18" customHeight="1" x14ac:dyDescent="0.15">
      <c r="A67" s="5">
        <v>51</v>
      </c>
      <c r="B67" s="22">
        <v>35</v>
      </c>
      <c r="C67" s="14">
        <v>43</v>
      </c>
      <c r="D67" s="18">
        <v>78</v>
      </c>
    </row>
    <row r="68" spans="1:4" ht="18" customHeight="1" x14ac:dyDescent="0.15">
      <c r="A68" s="5">
        <v>52</v>
      </c>
      <c r="B68" s="22">
        <v>41</v>
      </c>
      <c r="C68" s="14">
        <v>43</v>
      </c>
      <c r="D68" s="18">
        <v>84</v>
      </c>
    </row>
    <row r="69" spans="1:4" ht="18" customHeight="1" x14ac:dyDescent="0.15">
      <c r="A69" s="5">
        <v>53</v>
      </c>
      <c r="B69" s="22">
        <v>50</v>
      </c>
      <c r="C69" s="14">
        <v>40</v>
      </c>
      <c r="D69" s="18">
        <v>90</v>
      </c>
    </row>
    <row r="70" spans="1:4" ht="18" customHeight="1" x14ac:dyDescent="0.15">
      <c r="A70" s="5">
        <v>54</v>
      </c>
      <c r="B70" s="22">
        <v>52</v>
      </c>
      <c r="C70" s="14">
        <v>34</v>
      </c>
      <c r="D70" s="18">
        <v>86</v>
      </c>
    </row>
    <row r="71" spans="1:4" ht="18" customHeight="1" x14ac:dyDescent="0.15">
      <c r="A71" s="5" t="s">
        <v>22</v>
      </c>
      <c r="B71" s="22">
        <v>218</v>
      </c>
      <c r="C71" s="14">
        <v>197</v>
      </c>
      <c r="D71" s="18">
        <v>415</v>
      </c>
    </row>
    <row r="72" spans="1:4" ht="18" customHeight="1" x14ac:dyDescent="0.15">
      <c r="A72" s="5">
        <v>55</v>
      </c>
      <c r="B72" s="22">
        <v>35</v>
      </c>
      <c r="C72" s="14">
        <v>29</v>
      </c>
      <c r="D72" s="18">
        <v>64</v>
      </c>
    </row>
    <row r="73" spans="1:4" ht="18" customHeight="1" x14ac:dyDescent="0.15">
      <c r="A73" s="5">
        <v>56</v>
      </c>
      <c r="B73" s="22">
        <v>35</v>
      </c>
      <c r="C73" s="14">
        <v>34</v>
      </c>
      <c r="D73" s="18">
        <v>69</v>
      </c>
    </row>
    <row r="74" spans="1:4" ht="18" customHeight="1" x14ac:dyDescent="0.15">
      <c r="A74" s="5">
        <v>57</v>
      </c>
      <c r="B74" s="22">
        <v>42</v>
      </c>
      <c r="C74" s="14">
        <v>54</v>
      </c>
      <c r="D74" s="18">
        <v>96</v>
      </c>
    </row>
    <row r="75" spans="1:4" ht="18" customHeight="1" x14ac:dyDescent="0.15">
      <c r="A75" s="5">
        <v>58</v>
      </c>
      <c r="B75" s="22">
        <v>36</v>
      </c>
      <c r="C75" s="14">
        <v>31</v>
      </c>
      <c r="D75" s="18">
        <v>67</v>
      </c>
    </row>
    <row r="76" spans="1:4" ht="18" customHeight="1" x14ac:dyDescent="0.15">
      <c r="A76" s="5">
        <v>59</v>
      </c>
      <c r="B76" s="22">
        <v>26</v>
      </c>
      <c r="C76" s="14">
        <v>28</v>
      </c>
      <c r="D76" s="18">
        <v>54</v>
      </c>
    </row>
    <row r="77" spans="1:4" ht="18" customHeight="1" x14ac:dyDescent="0.15">
      <c r="A77" s="5" t="s">
        <v>27</v>
      </c>
      <c r="B77" s="22">
        <v>174</v>
      </c>
      <c r="C77" s="14">
        <v>176</v>
      </c>
      <c r="D77" s="18">
        <v>350</v>
      </c>
    </row>
    <row r="78" spans="1:4" ht="18" customHeight="1" x14ac:dyDescent="0.15">
      <c r="A78" s="5">
        <v>60</v>
      </c>
      <c r="B78" s="22">
        <v>28</v>
      </c>
      <c r="C78" s="14">
        <v>25</v>
      </c>
      <c r="D78" s="18">
        <v>53</v>
      </c>
    </row>
    <row r="79" spans="1:4" ht="18" customHeight="1" x14ac:dyDescent="0.15">
      <c r="A79" s="5">
        <v>61</v>
      </c>
      <c r="B79" s="22">
        <v>37</v>
      </c>
      <c r="C79" s="14">
        <v>33</v>
      </c>
      <c r="D79" s="18">
        <v>70</v>
      </c>
    </row>
    <row r="80" spans="1:4" ht="18" customHeight="1" x14ac:dyDescent="0.15">
      <c r="A80" s="5">
        <v>62</v>
      </c>
      <c r="B80" s="22">
        <v>35</v>
      </c>
      <c r="C80" s="14">
        <v>26</v>
      </c>
      <c r="D80" s="18">
        <v>61</v>
      </c>
    </row>
    <row r="81" spans="1:4" ht="18" customHeight="1" x14ac:dyDescent="0.15">
      <c r="A81" s="5">
        <v>63</v>
      </c>
      <c r="B81" s="22">
        <v>31</v>
      </c>
      <c r="C81" s="14">
        <v>27</v>
      </c>
      <c r="D81" s="18">
        <v>58</v>
      </c>
    </row>
    <row r="82" spans="1:4" ht="18" customHeight="1" x14ac:dyDescent="0.15">
      <c r="A82" s="5">
        <v>64</v>
      </c>
      <c r="B82" s="22">
        <v>31</v>
      </c>
      <c r="C82" s="14">
        <v>35</v>
      </c>
      <c r="D82" s="18">
        <v>66</v>
      </c>
    </row>
    <row r="83" spans="1:4" ht="18" customHeight="1" x14ac:dyDescent="0.15">
      <c r="A83" s="5" t="s">
        <v>28</v>
      </c>
      <c r="B83" s="22">
        <v>162</v>
      </c>
      <c r="C83" s="14">
        <v>146</v>
      </c>
      <c r="D83" s="18">
        <v>308</v>
      </c>
    </row>
    <row r="84" spans="1:4" ht="18" customHeight="1" x14ac:dyDescent="0.15">
      <c r="A84" s="5" t="s">
        <v>31</v>
      </c>
      <c r="B84" s="22">
        <v>1540</v>
      </c>
      <c r="C84" s="14">
        <v>1413</v>
      </c>
      <c r="D84" s="18">
        <v>2953</v>
      </c>
    </row>
    <row r="85" spans="1:4" ht="18" customHeight="1" x14ac:dyDescent="0.15">
      <c r="A85" s="5">
        <v>65</v>
      </c>
      <c r="B85" s="22">
        <v>25</v>
      </c>
      <c r="C85" s="14">
        <v>25</v>
      </c>
      <c r="D85" s="18">
        <v>50</v>
      </c>
    </row>
    <row r="86" spans="1:4" ht="18" customHeight="1" x14ac:dyDescent="0.15">
      <c r="A86" s="5">
        <v>66</v>
      </c>
      <c r="B86" s="22">
        <v>29</v>
      </c>
      <c r="C86" s="14">
        <v>39</v>
      </c>
      <c r="D86" s="18">
        <v>68</v>
      </c>
    </row>
    <row r="87" spans="1:4" ht="18" customHeight="1" x14ac:dyDescent="0.15">
      <c r="A87" s="5">
        <v>67</v>
      </c>
      <c r="B87" s="22">
        <v>25</v>
      </c>
      <c r="C87" s="14">
        <v>31</v>
      </c>
      <c r="D87" s="18">
        <v>56</v>
      </c>
    </row>
    <row r="88" spans="1:4" ht="18" customHeight="1" x14ac:dyDescent="0.15">
      <c r="A88" s="5">
        <v>68</v>
      </c>
      <c r="B88" s="22">
        <v>30</v>
      </c>
      <c r="C88" s="14">
        <v>33</v>
      </c>
      <c r="D88" s="18">
        <v>63</v>
      </c>
    </row>
    <row r="89" spans="1:4" ht="18" customHeight="1" x14ac:dyDescent="0.15">
      <c r="A89" s="5">
        <v>69</v>
      </c>
      <c r="B89" s="22">
        <v>27</v>
      </c>
      <c r="C89" s="14">
        <v>25</v>
      </c>
      <c r="D89" s="18">
        <v>52</v>
      </c>
    </row>
    <row r="90" spans="1:4" ht="18" customHeight="1" x14ac:dyDescent="0.15">
      <c r="A90" s="5" t="s">
        <v>20</v>
      </c>
      <c r="B90" s="22">
        <v>136</v>
      </c>
      <c r="C90" s="14">
        <v>153</v>
      </c>
      <c r="D90" s="18">
        <v>289</v>
      </c>
    </row>
    <row r="91" spans="1:4" ht="18" customHeight="1" x14ac:dyDescent="0.15">
      <c r="A91" s="5">
        <v>70</v>
      </c>
      <c r="B91" s="22">
        <v>28</v>
      </c>
      <c r="C91" s="14">
        <v>30</v>
      </c>
      <c r="D91" s="18">
        <v>58</v>
      </c>
    </row>
    <row r="92" spans="1:4" ht="18" customHeight="1" x14ac:dyDescent="0.15">
      <c r="A92" s="5">
        <v>71</v>
      </c>
      <c r="B92" s="22">
        <v>26</v>
      </c>
      <c r="C92" s="14">
        <v>25</v>
      </c>
      <c r="D92" s="18">
        <v>51</v>
      </c>
    </row>
    <row r="93" spans="1:4" ht="18" customHeight="1" x14ac:dyDescent="0.15">
      <c r="A93" s="5">
        <v>72</v>
      </c>
      <c r="B93" s="22">
        <v>19</v>
      </c>
      <c r="C93" s="14">
        <v>28</v>
      </c>
      <c r="D93" s="18">
        <v>47</v>
      </c>
    </row>
    <row r="94" spans="1:4" ht="18" customHeight="1" x14ac:dyDescent="0.15">
      <c r="A94" s="5">
        <v>73</v>
      </c>
      <c r="B94" s="22">
        <v>25</v>
      </c>
      <c r="C94" s="14">
        <v>30</v>
      </c>
      <c r="D94" s="18">
        <v>55</v>
      </c>
    </row>
    <row r="95" spans="1:4" ht="18" customHeight="1" x14ac:dyDescent="0.15">
      <c r="A95" s="5">
        <v>74</v>
      </c>
      <c r="B95" s="22">
        <v>16</v>
      </c>
      <c r="C95" s="14">
        <v>26</v>
      </c>
      <c r="D95" s="18">
        <v>42</v>
      </c>
    </row>
    <row r="96" spans="1:4" ht="18" customHeight="1" x14ac:dyDescent="0.15">
      <c r="A96" s="5" t="s">
        <v>33</v>
      </c>
      <c r="B96" s="22">
        <v>114</v>
      </c>
      <c r="C96" s="14">
        <v>139</v>
      </c>
      <c r="D96" s="18">
        <v>253</v>
      </c>
    </row>
    <row r="97" spans="1:4" ht="18" customHeight="1" x14ac:dyDescent="0.15">
      <c r="A97" s="5">
        <v>75</v>
      </c>
      <c r="B97" s="22">
        <v>23</v>
      </c>
      <c r="C97" s="14">
        <v>30</v>
      </c>
      <c r="D97" s="18">
        <v>53</v>
      </c>
    </row>
    <row r="98" spans="1:4" ht="18" customHeight="1" x14ac:dyDescent="0.15">
      <c r="A98" s="5">
        <v>76</v>
      </c>
      <c r="B98" s="22">
        <v>32</v>
      </c>
      <c r="C98" s="14">
        <v>28</v>
      </c>
      <c r="D98" s="18">
        <v>60</v>
      </c>
    </row>
    <row r="99" spans="1:4" ht="18" customHeight="1" x14ac:dyDescent="0.15">
      <c r="A99" s="5">
        <v>77</v>
      </c>
      <c r="B99" s="22">
        <v>34</v>
      </c>
      <c r="C99" s="14">
        <v>35</v>
      </c>
      <c r="D99" s="18">
        <v>69</v>
      </c>
    </row>
    <row r="100" spans="1:4" ht="18" customHeight="1" x14ac:dyDescent="0.15">
      <c r="A100" s="5">
        <v>78</v>
      </c>
      <c r="B100" s="22">
        <v>31</v>
      </c>
      <c r="C100" s="14">
        <v>32</v>
      </c>
      <c r="D100" s="18">
        <v>63</v>
      </c>
    </row>
    <row r="101" spans="1:4" ht="18" customHeight="1" x14ac:dyDescent="0.15">
      <c r="A101" s="5">
        <v>79</v>
      </c>
      <c r="B101" s="22">
        <v>17</v>
      </c>
      <c r="C101" s="14">
        <v>36</v>
      </c>
      <c r="D101" s="18">
        <v>53</v>
      </c>
    </row>
    <row r="102" spans="1:4" ht="18" customHeight="1" x14ac:dyDescent="0.15">
      <c r="A102" s="5" t="s">
        <v>0</v>
      </c>
      <c r="B102" s="22">
        <v>137</v>
      </c>
      <c r="C102" s="14">
        <v>161</v>
      </c>
      <c r="D102" s="18">
        <v>298</v>
      </c>
    </row>
    <row r="103" spans="1:4" ht="18" customHeight="1" x14ac:dyDescent="0.15">
      <c r="A103" s="5">
        <v>80</v>
      </c>
      <c r="B103" s="22">
        <v>13</v>
      </c>
      <c r="C103" s="14">
        <v>14</v>
      </c>
      <c r="D103" s="18">
        <v>27</v>
      </c>
    </row>
    <row r="104" spans="1:4" ht="18" customHeight="1" x14ac:dyDescent="0.15">
      <c r="A104" s="5">
        <v>81</v>
      </c>
      <c r="B104" s="22">
        <v>12</v>
      </c>
      <c r="C104" s="14">
        <v>28</v>
      </c>
      <c r="D104" s="18">
        <v>40</v>
      </c>
    </row>
    <row r="105" spans="1:4" ht="18" customHeight="1" x14ac:dyDescent="0.15">
      <c r="A105" s="5">
        <v>82</v>
      </c>
      <c r="B105" s="22">
        <v>16</v>
      </c>
      <c r="C105" s="14">
        <v>22</v>
      </c>
      <c r="D105" s="18">
        <v>38</v>
      </c>
    </row>
    <row r="106" spans="1:4" ht="18" customHeight="1" x14ac:dyDescent="0.15">
      <c r="A106" s="5">
        <v>83</v>
      </c>
      <c r="B106" s="22">
        <v>25</v>
      </c>
      <c r="C106" s="14">
        <v>25</v>
      </c>
      <c r="D106" s="18">
        <v>50</v>
      </c>
    </row>
    <row r="107" spans="1:4" ht="18" customHeight="1" x14ac:dyDescent="0.15">
      <c r="A107" s="5">
        <v>84</v>
      </c>
      <c r="B107" s="22">
        <v>19</v>
      </c>
      <c r="C107" s="14">
        <v>20</v>
      </c>
      <c r="D107" s="18">
        <v>39</v>
      </c>
    </row>
    <row r="108" spans="1:4" ht="18" customHeight="1" x14ac:dyDescent="0.15">
      <c r="A108" s="5" t="s">
        <v>35</v>
      </c>
      <c r="B108" s="22">
        <v>85</v>
      </c>
      <c r="C108" s="14">
        <v>109</v>
      </c>
      <c r="D108" s="18">
        <v>194</v>
      </c>
    </row>
    <row r="109" spans="1:4" ht="18" customHeight="1" x14ac:dyDescent="0.15">
      <c r="A109" s="5">
        <v>85</v>
      </c>
      <c r="B109" s="22">
        <v>13</v>
      </c>
      <c r="C109" s="14">
        <v>20</v>
      </c>
      <c r="D109" s="18">
        <v>33</v>
      </c>
    </row>
    <row r="110" spans="1:4" ht="18" customHeight="1" x14ac:dyDescent="0.15">
      <c r="A110" s="5">
        <v>86</v>
      </c>
      <c r="B110" s="22">
        <v>11</v>
      </c>
      <c r="C110" s="14">
        <v>23</v>
      </c>
      <c r="D110" s="18">
        <v>34</v>
      </c>
    </row>
    <row r="111" spans="1:4" ht="18" customHeight="1" x14ac:dyDescent="0.15">
      <c r="A111" s="5">
        <v>87</v>
      </c>
      <c r="B111" s="22">
        <v>5</v>
      </c>
      <c r="C111" s="14">
        <v>7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24</v>
      </c>
      <c r="D112" s="18">
        <v>30</v>
      </c>
    </row>
    <row r="113" spans="1:4" ht="18" customHeight="1" x14ac:dyDescent="0.15">
      <c r="A113" s="5">
        <v>89</v>
      </c>
      <c r="B113" s="22">
        <v>6</v>
      </c>
      <c r="C113" s="14">
        <v>18</v>
      </c>
      <c r="D113" s="18">
        <v>24</v>
      </c>
    </row>
    <row r="114" spans="1:4" ht="18" customHeight="1" x14ac:dyDescent="0.15">
      <c r="A114" s="5" t="s">
        <v>37</v>
      </c>
      <c r="B114" s="22">
        <v>41</v>
      </c>
      <c r="C114" s="14">
        <v>92</v>
      </c>
      <c r="D114" s="18">
        <v>133</v>
      </c>
    </row>
    <row r="115" spans="1:4" ht="18" customHeight="1" x14ac:dyDescent="0.15">
      <c r="A115" s="5">
        <v>90</v>
      </c>
      <c r="B115" s="22">
        <v>2</v>
      </c>
      <c r="C115" s="14">
        <v>21</v>
      </c>
      <c r="D115" s="18">
        <v>23</v>
      </c>
    </row>
    <row r="116" spans="1:4" ht="18" customHeight="1" x14ac:dyDescent="0.15">
      <c r="A116" s="5">
        <v>91</v>
      </c>
      <c r="B116" s="22">
        <v>8</v>
      </c>
      <c r="C116" s="14">
        <v>13</v>
      </c>
      <c r="D116" s="18">
        <v>21</v>
      </c>
    </row>
    <row r="117" spans="1:4" ht="18" customHeight="1" x14ac:dyDescent="0.15">
      <c r="A117" s="5">
        <v>92</v>
      </c>
      <c r="B117" s="22">
        <v>3</v>
      </c>
      <c r="C117" s="14">
        <v>11</v>
      </c>
      <c r="D117" s="18">
        <v>14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3</v>
      </c>
      <c r="C119" s="14">
        <v>4</v>
      </c>
      <c r="D119" s="18">
        <v>7</v>
      </c>
    </row>
    <row r="120" spans="1:4" ht="18" customHeight="1" x14ac:dyDescent="0.15">
      <c r="A120" s="5" t="s">
        <v>39</v>
      </c>
      <c r="B120" s="22">
        <v>20</v>
      </c>
      <c r="C120" s="14">
        <v>62</v>
      </c>
      <c r="D120" s="18">
        <v>82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24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537</v>
      </c>
      <c r="C130" s="14">
        <v>746</v>
      </c>
      <c r="D130" s="18">
        <v>1283</v>
      </c>
    </row>
    <row r="131" spans="1:4" ht="18" customHeight="1" x14ac:dyDescent="0.15">
      <c r="A131" s="7" t="s">
        <v>45</v>
      </c>
      <c r="B131" s="23">
        <v>2394</v>
      </c>
      <c r="C131" s="15">
        <v>2461</v>
      </c>
      <c r="D131" s="19">
        <v>48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13</v>
      </c>
      <c r="D5" s="17">
        <v>28</v>
      </c>
    </row>
    <row r="6" spans="1:4" ht="18" customHeight="1" x14ac:dyDescent="0.15">
      <c r="A6" s="5">
        <v>1</v>
      </c>
      <c r="B6" s="22">
        <v>12</v>
      </c>
      <c r="C6" s="14">
        <v>12</v>
      </c>
      <c r="D6" s="18">
        <v>24</v>
      </c>
    </row>
    <row r="7" spans="1:4" ht="18" customHeight="1" x14ac:dyDescent="0.15">
      <c r="A7" s="5">
        <v>2</v>
      </c>
      <c r="B7" s="22">
        <v>19</v>
      </c>
      <c r="C7" s="14">
        <v>16</v>
      </c>
      <c r="D7" s="18">
        <v>35</v>
      </c>
    </row>
    <row r="8" spans="1:4" ht="18" customHeight="1" x14ac:dyDescent="0.15">
      <c r="A8" s="5">
        <v>3</v>
      </c>
      <c r="B8" s="22">
        <v>9</v>
      </c>
      <c r="C8" s="14">
        <v>12</v>
      </c>
      <c r="D8" s="18">
        <v>21</v>
      </c>
    </row>
    <row r="9" spans="1:4" ht="18" customHeight="1" x14ac:dyDescent="0.15">
      <c r="A9" s="5">
        <v>4</v>
      </c>
      <c r="B9" s="22">
        <v>9</v>
      </c>
      <c r="C9" s="14">
        <v>12</v>
      </c>
      <c r="D9" s="18">
        <v>21</v>
      </c>
    </row>
    <row r="10" spans="1:4" ht="18" customHeight="1" x14ac:dyDescent="0.15">
      <c r="A10" s="5" t="s">
        <v>7</v>
      </c>
      <c r="B10" s="22">
        <v>64</v>
      </c>
      <c r="C10" s="14">
        <v>65</v>
      </c>
      <c r="D10" s="18">
        <v>129</v>
      </c>
    </row>
    <row r="11" spans="1:4" ht="18" customHeight="1" x14ac:dyDescent="0.15">
      <c r="A11" s="5">
        <v>5</v>
      </c>
      <c r="B11" s="22">
        <v>9</v>
      </c>
      <c r="C11" s="14">
        <v>15</v>
      </c>
      <c r="D11" s="18">
        <v>24</v>
      </c>
    </row>
    <row r="12" spans="1:4" ht="18" customHeight="1" x14ac:dyDescent="0.15">
      <c r="A12" s="5">
        <v>6</v>
      </c>
      <c r="B12" s="22">
        <v>15</v>
      </c>
      <c r="C12" s="14">
        <v>19</v>
      </c>
      <c r="D12" s="18">
        <v>34</v>
      </c>
    </row>
    <row r="13" spans="1:4" ht="18" customHeight="1" x14ac:dyDescent="0.15">
      <c r="A13" s="5">
        <v>7</v>
      </c>
      <c r="B13" s="22">
        <v>18</v>
      </c>
      <c r="C13" s="14">
        <v>18</v>
      </c>
      <c r="D13" s="18">
        <v>36</v>
      </c>
    </row>
    <row r="14" spans="1:4" ht="18" customHeight="1" x14ac:dyDescent="0.15">
      <c r="A14" s="5">
        <v>8</v>
      </c>
      <c r="B14" s="22">
        <v>14</v>
      </c>
      <c r="C14" s="14">
        <v>12</v>
      </c>
      <c r="D14" s="18">
        <v>26</v>
      </c>
    </row>
    <row r="15" spans="1:4" ht="18" customHeight="1" x14ac:dyDescent="0.15">
      <c r="A15" s="5">
        <v>9</v>
      </c>
      <c r="B15" s="22">
        <v>17</v>
      </c>
      <c r="C15" s="14">
        <v>19</v>
      </c>
      <c r="D15" s="18">
        <v>36</v>
      </c>
    </row>
    <row r="16" spans="1:4" ht="18" customHeight="1" x14ac:dyDescent="0.15">
      <c r="A16" s="5" t="s">
        <v>11</v>
      </c>
      <c r="B16" s="22">
        <v>73</v>
      </c>
      <c r="C16" s="14">
        <v>83</v>
      </c>
      <c r="D16" s="18">
        <v>156</v>
      </c>
    </row>
    <row r="17" spans="1:4" ht="18" customHeight="1" x14ac:dyDescent="0.15">
      <c r="A17" s="5">
        <v>10</v>
      </c>
      <c r="B17" s="22">
        <v>13</v>
      </c>
      <c r="C17" s="14">
        <v>9</v>
      </c>
      <c r="D17" s="18">
        <v>22</v>
      </c>
    </row>
    <row r="18" spans="1:4" ht="18" customHeight="1" x14ac:dyDescent="0.15">
      <c r="A18" s="5">
        <v>11</v>
      </c>
      <c r="B18" s="22">
        <v>19</v>
      </c>
      <c r="C18" s="14">
        <v>24</v>
      </c>
      <c r="D18" s="18">
        <v>43</v>
      </c>
    </row>
    <row r="19" spans="1:4" ht="18" customHeight="1" x14ac:dyDescent="0.15">
      <c r="A19" s="5">
        <v>12</v>
      </c>
      <c r="B19" s="22">
        <v>21</v>
      </c>
      <c r="C19" s="14">
        <v>14</v>
      </c>
      <c r="D19" s="18">
        <v>35</v>
      </c>
    </row>
    <row r="20" spans="1:4" ht="18" customHeight="1" x14ac:dyDescent="0.15">
      <c r="A20" s="5">
        <v>13</v>
      </c>
      <c r="B20" s="22">
        <v>27</v>
      </c>
      <c r="C20" s="14">
        <v>26</v>
      </c>
      <c r="D20" s="18">
        <v>53</v>
      </c>
    </row>
    <row r="21" spans="1:4" ht="18" customHeight="1" x14ac:dyDescent="0.15">
      <c r="A21" s="5">
        <v>14</v>
      </c>
      <c r="B21" s="22">
        <v>26</v>
      </c>
      <c r="C21" s="14">
        <v>23</v>
      </c>
      <c r="D21" s="18">
        <v>49</v>
      </c>
    </row>
    <row r="22" spans="1:4" ht="18" customHeight="1" x14ac:dyDescent="0.15">
      <c r="A22" s="5" t="s">
        <v>12</v>
      </c>
      <c r="B22" s="22">
        <v>106</v>
      </c>
      <c r="C22" s="14">
        <v>96</v>
      </c>
      <c r="D22" s="18">
        <v>202</v>
      </c>
    </row>
    <row r="23" spans="1:4" ht="18" customHeight="1" x14ac:dyDescent="0.15">
      <c r="A23" s="5" t="s">
        <v>6</v>
      </c>
      <c r="B23" s="22">
        <v>243</v>
      </c>
      <c r="C23" s="14">
        <v>244</v>
      </c>
      <c r="D23" s="18">
        <v>487</v>
      </c>
    </row>
    <row r="24" spans="1:4" ht="18" customHeight="1" x14ac:dyDescent="0.15">
      <c r="A24" s="5">
        <v>15</v>
      </c>
      <c r="B24" s="22">
        <v>29</v>
      </c>
      <c r="C24" s="14">
        <v>16</v>
      </c>
      <c r="D24" s="18">
        <v>45</v>
      </c>
    </row>
    <row r="25" spans="1:4" ht="18" customHeight="1" x14ac:dyDescent="0.15">
      <c r="A25" s="5">
        <v>16</v>
      </c>
      <c r="B25" s="22">
        <v>27</v>
      </c>
      <c r="C25" s="14">
        <v>22</v>
      </c>
      <c r="D25" s="18">
        <v>49</v>
      </c>
    </row>
    <row r="26" spans="1:4" ht="18" customHeight="1" x14ac:dyDescent="0.15">
      <c r="A26" s="5">
        <v>17</v>
      </c>
      <c r="B26" s="22">
        <v>27</v>
      </c>
      <c r="C26" s="14">
        <v>26</v>
      </c>
      <c r="D26" s="18">
        <v>53</v>
      </c>
    </row>
    <row r="27" spans="1:4" ht="18" customHeight="1" x14ac:dyDescent="0.15">
      <c r="A27" s="5">
        <v>18</v>
      </c>
      <c r="B27" s="22">
        <v>15</v>
      </c>
      <c r="C27" s="14">
        <v>24</v>
      </c>
      <c r="D27" s="18">
        <v>39</v>
      </c>
    </row>
    <row r="28" spans="1:4" ht="18" customHeight="1" x14ac:dyDescent="0.15">
      <c r="A28" s="5">
        <v>19</v>
      </c>
      <c r="B28" s="22">
        <v>23</v>
      </c>
      <c r="C28" s="14">
        <v>26</v>
      </c>
      <c r="D28" s="18">
        <v>49</v>
      </c>
    </row>
    <row r="29" spans="1:4" ht="18" customHeight="1" x14ac:dyDescent="0.15">
      <c r="A29" s="5" t="s">
        <v>14</v>
      </c>
      <c r="B29" s="22">
        <v>121</v>
      </c>
      <c r="C29" s="14">
        <v>114</v>
      </c>
      <c r="D29" s="18">
        <v>235</v>
      </c>
    </row>
    <row r="30" spans="1:4" ht="18" customHeight="1" x14ac:dyDescent="0.15">
      <c r="A30" s="5">
        <v>20</v>
      </c>
      <c r="B30" s="22">
        <v>21</v>
      </c>
      <c r="C30" s="14">
        <v>19</v>
      </c>
      <c r="D30" s="18">
        <v>40</v>
      </c>
    </row>
    <row r="31" spans="1:4" ht="18" customHeight="1" x14ac:dyDescent="0.15">
      <c r="A31" s="5">
        <v>21</v>
      </c>
      <c r="B31" s="22">
        <v>28</v>
      </c>
      <c r="C31" s="14">
        <v>14</v>
      </c>
      <c r="D31" s="18">
        <v>42</v>
      </c>
    </row>
    <row r="32" spans="1:4" ht="18" customHeight="1" x14ac:dyDescent="0.15">
      <c r="A32" s="5">
        <v>22</v>
      </c>
      <c r="B32" s="22">
        <v>25</v>
      </c>
      <c r="C32" s="14">
        <v>30</v>
      </c>
      <c r="D32" s="18">
        <v>55</v>
      </c>
    </row>
    <row r="33" spans="1:4" ht="18" customHeight="1" x14ac:dyDescent="0.15">
      <c r="A33" s="5">
        <v>23</v>
      </c>
      <c r="B33" s="22">
        <v>22</v>
      </c>
      <c r="C33" s="14">
        <v>17</v>
      </c>
      <c r="D33" s="18">
        <v>39</v>
      </c>
    </row>
    <row r="34" spans="1:4" ht="18" customHeight="1" x14ac:dyDescent="0.15">
      <c r="A34" s="5">
        <v>24</v>
      </c>
      <c r="B34" s="22">
        <v>20</v>
      </c>
      <c r="C34" s="14">
        <v>23</v>
      </c>
      <c r="D34" s="18">
        <v>43</v>
      </c>
    </row>
    <row r="35" spans="1:4" ht="18" customHeight="1" x14ac:dyDescent="0.15">
      <c r="A35" s="5" t="s">
        <v>9</v>
      </c>
      <c r="B35" s="22">
        <v>116</v>
      </c>
      <c r="C35" s="14">
        <v>103</v>
      </c>
      <c r="D35" s="18">
        <v>219</v>
      </c>
    </row>
    <row r="36" spans="1:4" ht="18" customHeight="1" x14ac:dyDescent="0.15">
      <c r="A36" s="5">
        <v>25</v>
      </c>
      <c r="B36" s="22">
        <v>27</v>
      </c>
      <c r="C36" s="14">
        <v>26</v>
      </c>
      <c r="D36" s="18">
        <v>53</v>
      </c>
    </row>
    <row r="37" spans="1:4" ht="18" customHeight="1" x14ac:dyDescent="0.15">
      <c r="A37" s="5">
        <v>26</v>
      </c>
      <c r="B37" s="22">
        <v>25</v>
      </c>
      <c r="C37" s="14">
        <v>26</v>
      </c>
      <c r="D37" s="18">
        <v>51</v>
      </c>
    </row>
    <row r="38" spans="1:4" ht="18" customHeight="1" x14ac:dyDescent="0.15">
      <c r="A38" s="5">
        <v>27</v>
      </c>
      <c r="B38" s="22">
        <v>29</v>
      </c>
      <c r="C38" s="14">
        <v>31</v>
      </c>
      <c r="D38" s="18">
        <v>60</v>
      </c>
    </row>
    <row r="39" spans="1:4" ht="18" customHeight="1" x14ac:dyDescent="0.15">
      <c r="A39" s="5">
        <v>28</v>
      </c>
      <c r="B39" s="22">
        <v>29</v>
      </c>
      <c r="C39" s="14">
        <v>27</v>
      </c>
      <c r="D39" s="18">
        <v>56</v>
      </c>
    </row>
    <row r="40" spans="1:4" ht="18" customHeight="1" x14ac:dyDescent="0.15">
      <c r="A40" s="5">
        <v>29</v>
      </c>
      <c r="B40" s="22">
        <v>29</v>
      </c>
      <c r="C40" s="14">
        <v>27</v>
      </c>
      <c r="D40" s="18">
        <v>56</v>
      </c>
    </row>
    <row r="41" spans="1:4" ht="18" customHeight="1" x14ac:dyDescent="0.15">
      <c r="A41" s="5" t="s">
        <v>2</v>
      </c>
      <c r="B41" s="22">
        <v>139</v>
      </c>
      <c r="C41" s="14">
        <v>137</v>
      </c>
      <c r="D41" s="18">
        <v>276</v>
      </c>
    </row>
    <row r="42" spans="1:4" ht="18" customHeight="1" x14ac:dyDescent="0.15">
      <c r="A42" s="5">
        <v>30</v>
      </c>
      <c r="B42" s="22">
        <v>31</v>
      </c>
      <c r="C42" s="14">
        <v>17</v>
      </c>
      <c r="D42" s="18">
        <v>48</v>
      </c>
    </row>
    <row r="43" spans="1:4" ht="18" customHeight="1" x14ac:dyDescent="0.15">
      <c r="A43" s="5">
        <v>31</v>
      </c>
      <c r="B43" s="22">
        <v>18</v>
      </c>
      <c r="C43" s="14">
        <v>15</v>
      </c>
      <c r="D43" s="18">
        <v>33</v>
      </c>
    </row>
    <row r="44" spans="1:4" ht="18" customHeight="1" x14ac:dyDescent="0.15">
      <c r="A44" s="5">
        <v>32</v>
      </c>
      <c r="B44" s="22">
        <v>34</v>
      </c>
      <c r="C44" s="14">
        <v>20</v>
      </c>
      <c r="D44" s="18">
        <v>54</v>
      </c>
    </row>
    <row r="45" spans="1:4" ht="18" customHeight="1" x14ac:dyDescent="0.15">
      <c r="A45" s="5">
        <v>33</v>
      </c>
      <c r="B45" s="22">
        <v>27</v>
      </c>
      <c r="C45" s="14">
        <v>19</v>
      </c>
      <c r="D45" s="18">
        <v>46</v>
      </c>
    </row>
    <row r="46" spans="1:4" ht="18" customHeight="1" x14ac:dyDescent="0.15">
      <c r="A46" s="5">
        <v>34</v>
      </c>
      <c r="B46" s="22">
        <v>27</v>
      </c>
      <c r="C46" s="14">
        <v>21</v>
      </c>
      <c r="D46" s="18">
        <v>48</v>
      </c>
    </row>
    <row r="47" spans="1:4" ht="18" customHeight="1" x14ac:dyDescent="0.15">
      <c r="A47" s="5" t="s">
        <v>15</v>
      </c>
      <c r="B47" s="22">
        <v>137</v>
      </c>
      <c r="C47" s="14">
        <v>92</v>
      </c>
      <c r="D47" s="18">
        <v>229</v>
      </c>
    </row>
    <row r="48" spans="1:4" ht="18" customHeight="1" x14ac:dyDescent="0.15">
      <c r="A48" s="5">
        <v>35</v>
      </c>
      <c r="B48" s="22">
        <v>19</v>
      </c>
      <c r="C48" s="14">
        <v>21</v>
      </c>
      <c r="D48" s="18">
        <v>40</v>
      </c>
    </row>
    <row r="49" spans="1:4" ht="18" customHeight="1" x14ac:dyDescent="0.15">
      <c r="A49" s="5">
        <v>36</v>
      </c>
      <c r="B49" s="22">
        <v>20</v>
      </c>
      <c r="C49" s="14">
        <v>19</v>
      </c>
      <c r="D49" s="18">
        <v>39</v>
      </c>
    </row>
    <row r="50" spans="1:4" ht="18" customHeight="1" x14ac:dyDescent="0.15">
      <c r="A50" s="5">
        <v>37</v>
      </c>
      <c r="B50" s="22">
        <v>20</v>
      </c>
      <c r="C50" s="14">
        <v>28</v>
      </c>
      <c r="D50" s="18">
        <v>48</v>
      </c>
    </row>
    <row r="51" spans="1:4" ht="18" customHeight="1" x14ac:dyDescent="0.15">
      <c r="A51" s="5">
        <v>38</v>
      </c>
      <c r="B51" s="22">
        <v>23</v>
      </c>
      <c r="C51" s="14">
        <v>22</v>
      </c>
      <c r="D51" s="18">
        <v>45</v>
      </c>
    </row>
    <row r="52" spans="1:4" ht="18" customHeight="1" x14ac:dyDescent="0.15">
      <c r="A52" s="5">
        <v>39</v>
      </c>
      <c r="B52" s="22">
        <v>25</v>
      </c>
      <c r="C52" s="14">
        <v>29</v>
      </c>
      <c r="D52" s="18">
        <v>54</v>
      </c>
    </row>
    <row r="53" spans="1:4" ht="18" customHeight="1" x14ac:dyDescent="0.15">
      <c r="A53" s="5" t="s">
        <v>18</v>
      </c>
      <c r="B53" s="22">
        <v>107</v>
      </c>
      <c r="C53" s="14">
        <v>119</v>
      </c>
      <c r="D53" s="18">
        <v>226</v>
      </c>
    </row>
    <row r="54" spans="1:4" ht="18" customHeight="1" x14ac:dyDescent="0.15">
      <c r="A54" s="5">
        <v>40</v>
      </c>
      <c r="B54" s="22">
        <v>29</v>
      </c>
      <c r="C54" s="14">
        <v>21</v>
      </c>
      <c r="D54" s="18">
        <v>50</v>
      </c>
    </row>
    <row r="55" spans="1:4" ht="18" customHeight="1" x14ac:dyDescent="0.15">
      <c r="A55" s="5">
        <v>41</v>
      </c>
      <c r="B55" s="22">
        <v>36</v>
      </c>
      <c r="C55" s="14">
        <v>32</v>
      </c>
      <c r="D55" s="18">
        <v>68</v>
      </c>
    </row>
    <row r="56" spans="1:4" ht="18" customHeight="1" x14ac:dyDescent="0.15">
      <c r="A56" s="5">
        <v>42</v>
      </c>
      <c r="B56" s="22">
        <v>36</v>
      </c>
      <c r="C56" s="14">
        <v>32</v>
      </c>
      <c r="D56" s="18">
        <v>68</v>
      </c>
    </row>
    <row r="57" spans="1:4" ht="18" customHeight="1" x14ac:dyDescent="0.15">
      <c r="A57" s="5">
        <v>43</v>
      </c>
      <c r="B57" s="22">
        <v>36</v>
      </c>
      <c r="C57" s="14">
        <v>27</v>
      </c>
      <c r="D57" s="18">
        <v>63</v>
      </c>
    </row>
    <row r="58" spans="1:4" ht="18" customHeight="1" x14ac:dyDescent="0.15">
      <c r="A58" s="5">
        <v>44</v>
      </c>
      <c r="B58" s="22">
        <v>35</v>
      </c>
      <c r="C58" s="14">
        <v>28</v>
      </c>
      <c r="D58" s="18">
        <v>63</v>
      </c>
    </row>
    <row r="59" spans="1:4" ht="18" customHeight="1" x14ac:dyDescent="0.15">
      <c r="A59" s="5" t="s">
        <v>21</v>
      </c>
      <c r="B59" s="22">
        <v>172</v>
      </c>
      <c r="C59" s="14">
        <v>140</v>
      </c>
      <c r="D59" s="18">
        <v>312</v>
      </c>
    </row>
    <row r="60" spans="1:4" ht="18" customHeight="1" x14ac:dyDescent="0.15">
      <c r="A60" s="5">
        <v>45</v>
      </c>
      <c r="B60" s="22">
        <v>34</v>
      </c>
      <c r="C60" s="14">
        <v>29</v>
      </c>
      <c r="D60" s="18">
        <v>63</v>
      </c>
    </row>
    <row r="61" spans="1:4" ht="18" customHeight="1" x14ac:dyDescent="0.15">
      <c r="A61" s="5">
        <v>46</v>
      </c>
      <c r="B61" s="22">
        <v>36</v>
      </c>
      <c r="C61" s="14">
        <v>25</v>
      </c>
      <c r="D61" s="18">
        <v>61</v>
      </c>
    </row>
    <row r="62" spans="1:4" ht="18" customHeight="1" x14ac:dyDescent="0.15">
      <c r="A62" s="5">
        <v>47</v>
      </c>
      <c r="B62" s="22">
        <v>33</v>
      </c>
      <c r="C62" s="14">
        <v>37</v>
      </c>
      <c r="D62" s="18">
        <v>70</v>
      </c>
    </row>
    <row r="63" spans="1:4" ht="18" customHeight="1" x14ac:dyDescent="0.15">
      <c r="A63" s="5">
        <v>48</v>
      </c>
      <c r="B63" s="22">
        <v>32</v>
      </c>
      <c r="C63" s="14">
        <v>34</v>
      </c>
      <c r="D63" s="18">
        <v>66</v>
      </c>
    </row>
    <row r="64" spans="1:4" ht="18" customHeight="1" x14ac:dyDescent="0.15">
      <c r="A64" s="5">
        <v>49</v>
      </c>
      <c r="B64" s="22">
        <v>45</v>
      </c>
      <c r="C64" s="14">
        <v>26</v>
      </c>
      <c r="D64" s="18">
        <v>71</v>
      </c>
    </row>
    <row r="65" spans="1:4" ht="18" customHeight="1" x14ac:dyDescent="0.15">
      <c r="A65" s="5" t="s">
        <v>17</v>
      </c>
      <c r="B65" s="22">
        <v>180</v>
      </c>
      <c r="C65" s="14">
        <v>151</v>
      </c>
      <c r="D65" s="18">
        <v>331</v>
      </c>
    </row>
    <row r="66" spans="1:4" ht="18" customHeight="1" x14ac:dyDescent="0.15">
      <c r="A66" s="5">
        <v>50</v>
      </c>
      <c r="B66" s="22">
        <v>39</v>
      </c>
      <c r="C66" s="14">
        <v>33</v>
      </c>
      <c r="D66" s="18">
        <v>72</v>
      </c>
    </row>
    <row r="67" spans="1:4" ht="18" customHeight="1" x14ac:dyDescent="0.15">
      <c r="A67" s="5">
        <v>51</v>
      </c>
      <c r="B67" s="22">
        <v>47</v>
      </c>
      <c r="C67" s="14">
        <v>44</v>
      </c>
      <c r="D67" s="18">
        <v>91</v>
      </c>
    </row>
    <row r="68" spans="1:4" ht="18" customHeight="1" x14ac:dyDescent="0.15">
      <c r="A68" s="5">
        <v>52</v>
      </c>
      <c r="B68" s="22">
        <v>41</v>
      </c>
      <c r="C68" s="14">
        <v>47</v>
      </c>
      <c r="D68" s="18">
        <v>88</v>
      </c>
    </row>
    <row r="69" spans="1:4" ht="18" customHeight="1" x14ac:dyDescent="0.15">
      <c r="A69" s="5">
        <v>53</v>
      </c>
      <c r="B69" s="22">
        <v>49</v>
      </c>
      <c r="C69" s="14">
        <v>40</v>
      </c>
      <c r="D69" s="18">
        <v>89</v>
      </c>
    </row>
    <row r="70" spans="1:4" ht="18" customHeight="1" x14ac:dyDescent="0.15">
      <c r="A70" s="5">
        <v>54</v>
      </c>
      <c r="B70" s="22">
        <v>49</v>
      </c>
      <c r="C70" s="14">
        <v>32</v>
      </c>
      <c r="D70" s="18">
        <v>81</v>
      </c>
    </row>
    <row r="71" spans="1:4" ht="18" customHeight="1" x14ac:dyDescent="0.15">
      <c r="A71" s="5" t="s">
        <v>22</v>
      </c>
      <c r="B71" s="22">
        <v>225</v>
      </c>
      <c r="C71" s="14">
        <v>196</v>
      </c>
      <c r="D71" s="18">
        <v>421</v>
      </c>
    </row>
    <row r="72" spans="1:4" ht="18" customHeight="1" x14ac:dyDescent="0.15">
      <c r="A72" s="5">
        <v>55</v>
      </c>
      <c r="B72" s="22">
        <v>44</v>
      </c>
      <c r="C72" s="14">
        <v>45</v>
      </c>
      <c r="D72" s="18">
        <v>89</v>
      </c>
    </row>
    <row r="73" spans="1:4" ht="18" customHeight="1" x14ac:dyDescent="0.15">
      <c r="A73" s="5">
        <v>56</v>
      </c>
      <c r="B73" s="22">
        <v>41</v>
      </c>
      <c r="C73" s="14">
        <v>40</v>
      </c>
      <c r="D73" s="18">
        <v>81</v>
      </c>
    </row>
    <row r="74" spans="1:4" ht="18" customHeight="1" x14ac:dyDescent="0.15">
      <c r="A74" s="5">
        <v>57</v>
      </c>
      <c r="B74" s="22">
        <v>44</v>
      </c>
      <c r="C74" s="14">
        <v>38</v>
      </c>
      <c r="D74" s="18">
        <v>82</v>
      </c>
    </row>
    <row r="75" spans="1:4" ht="18" customHeight="1" x14ac:dyDescent="0.15">
      <c r="A75" s="5">
        <v>58</v>
      </c>
      <c r="B75" s="22">
        <v>33</v>
      </c>
      <c r="C75" s="14">
        <v>31</v>
      </c>
      <c r="D75" s="18">
        <v>64</v>
      </c>
    </row>
    <row r="76" spans="1:4" ht="18" customHeight="1" x14ac:dyDescent="0.15">
      <c r="A76" s="5">
        <v>59</v>
      </c>
      <c r="B76" s="22">
        <v>21</v>
      </c>
      <c r="C76" s="14">
        <v>23</v>
      </c>
      <c r="D76" s="18">
        <v>44</v>
      </c>
    </row>
    <row r="77" spans="1:4" ht="18" customHeight="1" x14ac:dyDescent="0.15">
      <c r="A77" s="5" t="s">
        <v>27</v>
      </c>
      <c r="B77" s="22">
        <v>183</v>
      </c>
      <c r="C77" s="14">
        <v>177</v>
      </c>
      <c r="D77" s="18">
        <v>360</v>
      </c>
    </row>
    <row r="78" spans="1:4" ht="18" customHeight="1" x14ac:dyDescent="0.15">
      <c r="A78" s="5">
        <v>60</v>
      </c>
      <c r="B78" s="22">
        <v>30</v>
      </c>
      <c r="C78" s="14">
        <v>40</v>
      </c>
      <c r="D78" s="18">
        <v>70</v>
      </c>
    </row>
    <row r="79" spans="1:4" ht="18" customHeight="1" x14ac:dyDescent="0.15">
      <c r="A79" s="5">
        <v>61</v>
      </c>
      <c r="B79" s="22">
        <v>36</v>
      </c>
      <c r="C79" s="14">
        <v>28</v>
      </c>
      <c r="D79" s="18">
        <v>64</v>
      </c>
    </row>
    <row r="80" spans="1:4" ht="18" customHeight="1" x14ac:dyDescent="0.15">
      <c r="A80" s="5">
        <v>62</v>
      </c>
      <c r="B80" s="22">
        <v>38</v>
      </c>
      <c r="C80" s="14">
        <v>34</v>
      </c>
      <c r="D80" s="18">
        <v>72</v>
      </c>
    </row>
    <row r="81" spans="1:4" ht="18" customHeight="1" x14ac:dyDescent="0.15">
      <c r="A81" s="5">
        <v>63</v>
      </c>
      <c r="B81" s="22">
        <v>37</v>
      </c>
      <c r="C81" s="14">
        <v>30</v>
      </c>
      <c r="D81" s="18">
        <v>67</v>
      </c>
    </row>
    <row r="82" spans="1:4" ht="18" customHeight="1" x14ac:dyDescent="0.15">
      <c r="A82" s="5">
        <v>64</v>
      </c>
      <c r="B82" s="22">
        <v>28</v>
      </c>
      <c r="C82" s="14">
        <v>26</v>
      </c>
      <c r="D82" s="18">
        <v>54</v>
      </c>
    </row>
    <row r="83" spans="1:4" ht="18" customHeight="1" x14ac:dyDescent="0.15">
      <c r="A83" s="5" t="s">
        <v>28</v>
      </c>
      <c r="B83" s="22">
        <v>169</v>
      </c>
      <c r="C83" s="14">
        <v>158</v>
      </c>
      <c r="D83" s="18">
        <v>327</v>
      </c>
    </row>
    <row r="84" spans="1:4" ht="18" customHeight="1" x14ac:dyDescent="0.15">
      <c r="A84" s="5" t="s">
        <v>31</v>
      </c>
      <c r="B84" s="22">
        <v>1549</v>
      </c>
      <c r="C84" s="14">
        <v>1387</v>
      </c>
      <c r="D84" s="18">
        <v>2936</v>
      </c>
    </row>
    <row r="85" spans="1:4" ht="18" customHeight="1" x14ac:dyDescent="0.15">
      <c r="A85" s="5">
        <v>65</v>
      </c>
      <c r="B85" s="22">
        <v>23</v>
      </c>
      <c r="C85" s="14">
        <v>33</v>
      </c>
      <c r="D85" s="18">
        <v>56</v>
      </c>
    </row>
    <row r="86" spans="1:4" ht="18" customHeight="1" x14ac:dyDescent="0.15">
      <c r="A86" s="5">
        <v>66</v>
      </c>
      <c r="B86" s="22">
        <v>27</v>
      </c>
      <c r="C86" s="14">
        <v>27</v>
      </c>
      <c r="D86" s="18">
        <v>54</v>
      </c>
    </row>
    <row r="87" spans="1:4" ht="18" customHeight="1" x14ac:dyDescent="0.15">
      <c r="A87" s="5">
        <v>67</v>
      </c>
      <c r="B87" s="22">
        <v>21</v>
      </c>
      <c r="C87" s="14">
        <v>35</v>
      </c>
      <c r="D87" s="18">
        <v>56</v>
      </c>
    </row>
    <row r="88" spans="1:4" ht="18" customHeight="1" x14ac:dyDescent="0.15">
      <c r="A88" s="5">
        <v>68</v>
      </c>
      <c r="B88" s="22">
        <v>41</v>
      </c>
      <c r="C88" s="14">
        <v>32</v>
      </c>
      <c r="D88" s="18">
        <v>73</v>
      </c>
    </row>
    <row r="89" spans="1:4" ht="18" customHeight="1" x14ac:dyDescent="0.15">
      <c r="A89" s="5">
        <v>69</v>
      </c>
      <c r="B89" s="22">
        <v>31</v>
      </c>
      <c r="C89" s="14">
        <v>42</v>
      </c>
      <c r="D89" s="18">
        <v>73</v>
      </c>
    </row>
    <row r="90" spans="1:4" ht="18" customHeight="1" x14ac:dyDescent="0.15">
      <c r="A90" s="5" t="s">
        <v>20</v>
      </c>
      <c r="B90" s="22">
        <v>143</v>
      </c>
      <c r="C90" s="14">
        <v>169</v>
      </c>
      <c r="D90" s="18">
        <v>312</v>
      </c>
    </row>
    <row r="91" spans="1:4" ht="18" customHeight="1" x14ac:dyDescent="0.15">
      <c r="A91" s="5">
        <v>70</v>
      </c>
      <c r="B91" s="22">
        <v>37</v>
      </c>
      <c r="C91" s="14">
        <v>38</v>
      </c>
      <c r="D91" s="18">
        <v>75</v>
      </c>
    </row>
    <row r="92" spans="1:4" ht="18" customHeight="1" x14ac:dyDescent="0.15">
      <c r="A92" s="5">
        <v>71</v>
      </c>
      <c r="B92" s="22">
        <v>31</v>
      </c>
      <c r="C92" s="14">
        <v>42</v>
      </c>
      <c r="D92" s="18">
        <v>73</v>
      </c>
    </row>
    <row r="93" spans="1:4" ht="18" customHeight="1" x14ac:dyDescent="0.15">
      <c r="A93" s="5">
        <v>72</v>
      </c>
      <c r="B93" s="22">
        <v>32</v>
      </c>
      <c r="C93" s="14">
        <v>45</v>
      </c>
      <c r="D93" s="18">
        <v>77</v>
      </c>
    </row>
    <row r="94" spans="1:4" ht="18" customHeight="1" x14ac:dyDescent="0.15">
      <c r="A94" s="5">
        <v>73</v>
      </c>
      <c r="B94" s="22">
        <v>36</v>
      </c>
      <c r="C94" s="14">
        <v>43</v>
      </c>
      <c r="D94" s="18">
        <v>79</v>
      </c>
    </row>
    <row r="95" spans="1:4" ht="18" customHeight="1" x14ac:dyDescent="0.15">
      <c r="A95" s="5">
        <v>74</v>
      </c>
      <c r="B95" s="22">
        <v>38</v>
      </c>
      <c r="C95" s="14">
        <v>42</v>
      </c>
      <c r="D95" s="18">
        <v>80</v>
      </c>
    </row>
    <row r="96" spans="1:4" ht="18" customHeight="1" x14ac:dyDescent="0.15">
      <c r="A96" s="5" t="s">
        <v>33</v>
      </c>
      <c r="B96" s="22">
        <v>174</v>
      </c>
      <c r="C96" s="14">
        <v>210</v>
      </c>
      <c r="D96" s="18">
        <v>384</v>
      </c>
    </row>
    <row r="97" spans="1:4" ht="18" customHeight="1" x14ac:dyDescent="0.15">
      <c r="A97" s="5">
        <v>75</v>
      </c>
      <c r="B97" s="22">
        <v>51</v>
      </c>
      <c r="C97" s="14">
        <v>45</v>
      </c>
      <c r="D97" s="18">
        <v>96</v>
      </c>
    </row>
    <row r="98" spans="1:4" ht="18" customHeight="1" x14ac:dyDescent="0.15">
      <c r="A98" s="5">
        <v>76</v>
      </c>
      <c r="B98" s="22">
        <v>61</v>
      </c>
      <c r="C98" s="14">
        <v>61</v>
      </c>
      <c r="D98" s="18">
        <v>122</v>
      </c>
    </row>
    <row r="99" spans="1:4" ht="18" customHeight="1" x14ac:dyDescent="0.15">
      <c r="A99" s="5">
        <v>77</v>
      </c>
      <c r="B99" s="22">
        <v>56</v>
      </c>
      <c r="C99" s="14">
        <v>69</v>
      </c>
      <c r="D99" s="18">
        <v>125</v>
      </c>
    </row>
    <row r="100" spans="1:4" ht="18" customHeight="1" x14ac:dyDescent="0.15">
      <c r="A100" s="5">
        <v>78</v>
      </c>
      <c r="B100" s="22">
        <v>34</v>
      </c>
      <c r="C100" s="14">
        <v>68</v>
      </c>
      <c r="D100" s="18">
        <v>102</v>
      </c>
    </row>
    <row r="101" spans="1:4" ht="18" customHeight="1" x14ac:dyDescent="0.15">
      <c r="A101" s="5">
        <v>79</v>
      </c>
      <c r="B101" s="22">
        <v>51</v>
      </c>
      <c r="C101" s="14">
        <v>56</v>
      </c>
      <c r="D101" s="18">
        <v>107</v>
      </c>
    </row>
    <row r="102" spans="1:4" ht="18" customHeight="1" x14ac:dyDescent="0.15">
      <c r="A102" s="5" t="s">
        <v>0</v>
      </c>
      <c r="B102" s="22">
        <v>253</v>
      </c>
      <c r="C102" s="14">
        <v>299</v>
      </c>
      <c r="D102" s="18">
        <v>552</v>
      </c>
    </row>
    <row r="103" spans="1:4" ht="18" customHeight="1" x14ac:dyDescent="0.15">
      <c r="A103" s="5">
        <v>80</v>
      </c>
      <c r="B103" s="22">
        <v>23</v>
      </c>
      <c r="C103" s="14">
        <v>25</v>
      </c>
      <c r="D103" s="18">
        <v>48</v>
      </c>
    </row>
    <row r="104" spans="1:4" ht="18" customHeight="1" x14ac:dyDescent="0.15">
      <c r="A104" s="5">
        <v>81</v>
      </c>
      <c r="B104" s="22">
        <v>26</v>
      </c>
      <c r="C104" s="14">
        <v>56</v>
      </c>
      <c r="D104" s="18">
        <v>82</v>
      </c>
    </row>
    <row r="105" spans="1:4" ht="18" customHeight="1" x14ac:dyDescent="0.15">
      <c r="A105" s="5">
        <v>82</v>
      </c>
      <c r="B105" s="22">
        <v>40</v>
      </c>
      <c r="C105" s="14">
        <v>55</v>
      </c>
      <c r="D105" s="18">
        <v>95</v>
      </c>
    </row>
    <row r="106" spans="1:4" ht="18" customHeight="1" x14ac:dyDescent="0.15">
      <c r="A106" s="5">
        <v>83</v>
      </c>
      <c r="B106" s="22">
        <v>29</v>
      </c>
      <c r="C106" s="14">
        <v>49</v>
      </c>
      <c r="D106" s="18">
        <v>78</v>
      </c>
    </row>
    <row r="107" spans="1:4" ht="18" customHeight="1" x14ac:dyDescent="0.15">
      <c r="A107" s="5">
        <v>84</v>
      </c>
      <c r="B107" s="22">
        <v>31</v>
      </c>
      <c r="C107" s="14">
        <v>42</v>
      </c>
      <c r="D107" s="18">
        <v>73</v>
      </c>
    </row>
    <row r="108" spans="1:4" ht="18" customHeight="1" x14ac:dyDescent="0.15">
      <c r="A108" s="5" t="s">
        <v>35</v>
      </c>
      <c r="B108" s="22">
        <v>149</v>
      </c>
      <c r="C108" s="14">
        <v>227</v>
      </c>
      <c r="D108" s="18">
        <v>376</v>
      </c>
    </row>
    <row r="109" spans="1:4" ht="18" customHeight="1" x14ac:dyDescent="0.15">
      <c r="A109" s="5">
        <v>85</v>
      </c>
      <c r="B109" s="22">
        <v>24</v>
      </c>
      <c r="C109" s="14">
        <v>43</v>
      </c>
      <c r="D109" s="18">
        <v>67</v>
      </c>
    </row>
    <row r="110" spans="1:4" ht="18" customHeight="1" x14ac:dyDescent="0.15">
      <c r="A110" s="5">
        <v>86</v>
      </c>
      <c r="B110" s="22">
        <v>26</v>
      </c>
      <c r="C110" s="14">
        <v>26</v>
      </c>
      <c r="D110" s="18">
        <v>52</v>
      </c>
    </row>
    <row r="111" spans="1:4" ht="18" customHeight="1" x14ac:dyDescent="0.15">
      <c r="A111" s="5">
        <v>87</v>
      </c>
      <c r="B111" s="22">
        <v>13</v>
      </c>
      <c r="C111" s="14">
        <v>14</v>
      </c>
      <c r="D111" s="18">
        <v>27</v>
      </c>
    </row>
    <row r="112" spans="1:4" ht="18" customHeight="1" x14ac:dyDescent="0.15">
      <c r="A112" s="5">
        <v>88</v>
      </c>
      <c r="B112" s="22">
        <v>14</v>
      </c>
      <c r="C112" s="14">
        <v>31</v>
      </c>
      <c r="D112" s="18">
        <v>45</v>
      </c>
    </row>
    <row r="113" spans="1:4" ht="18" customHeight="1" x14ac:dyDescent="0.15">
      <c r="A113" s="5">
        <v>89</v>
      </c>
      <c r="B113" s="22">
        <v>19</v>
      </c>
      <c r="C113" s="14">
        <v>25</v>
      </c>
      <c r="D113" s="18">
        <v>44</v>
      </c>
    </row>
    <row r="114" spans="1:4" ht="18" customHeight="1" x14ac:dyDescent="0.15">
      <c r="A114" s="5" t="s">
        <v>37</v>
      </c>
      <c r="B114" s="22">
        <v>96</v>
      </c>
      <c r="C114" s="14">
        <v>139</v>
      </c>
      <c r="D114" s="18">
        <v>235</v>
      </c>
    </row>
    <row r="115" spans="1:4" ht="18" customHeight="1" x14ac:dyDescent="0.15">
      <c r="A115" s="5">
        <v>90</v>
      </c>
      <c r="B115" s="22">
        <v>10</v>
      </c>
      <c r="C115" s="14">
        <v>22</v>
      </c>
      <c r="D115" s="18">
        <v>32</v>
      </c>
    </row>
    <row r="116" spans="1:4" ht="18" customHeight="1" x14ac:dyDescent="0.15">
      <c r="A116" s="5">
        <v>91</v>
      </c>
      <c r="B116" s="22">
        <v>4</v>
      </c>
      <c r="C116" s="14">
        <v>16</v>
      </c>
      <c r="D116" s="18">
        <v>20</v>
      </c>
    </row>
    <row r="117" spans="1:4" ht="18" customHeight="1" x14ac:dyDescent="0.15">
      <c r="A117" s="5">
        <v>92</v>
      </c>
      <c r="B117" s="22">
        <v>14</v>
      </c>
      <c r="C117" s="14">
        <v>16</v>
      </c>
      <c r="D117" s="18">
        <v>30</v>
      </c>
    </row>
    <row r="118" spans="1:4" ht="18" customHeight="1" x14ac:dyDescent="0.15">
      <c r="A118" s="5">
        <v>93</v>
      </c>
      <c r="B118" s="22">
        <v>1</v>
      </c>
      <c r="C118" s="14">
        <v>17</v>
      </c>
      <c r="D118" s="18">
        <v>18</v>
      </c>
    </row>
    <row r="119" spans="1:4" ht="18" customHeight="1" x14ac:dyDescent="0.15">
      <c r="A119" s="5">
        <v>94</v>
      </c>
      <c r="B119" s="22">
        <v>4</v>
      </c>
      <c r="C119" s="14">
        <v>13</v>
      </c>
      <c r="D119" s="18">
        <v>17</v>
      </c>
    </row>
    <row r="120" spans="1:4" ht="18" customHeight="1" x14ac:dyDescent="0.15">
      <c r="A120" s="5" t="s">
        <v>39</v>
      </c>
      <c r="B120" s="22">
        <v>33</v>
      </c>
      <c r="C120" s="14">
        <v>84</v>
      </c>
      <c r="D120" s="18">
        <v>117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7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9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27</v>
      </c>
      <c r="D126" s="18">
        <v>3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854</v>
      </c>
      <c r="C130" s="14">
        <v>1159</v>
      </c>
      <c r="D130" s="18">
        <v>2013</v>
      </c>
    </row>
    <row r="131" spans="1:4" ht="18" customHeight="1" x14ac:dyDescent="0.15">
      <c r="A131" s="7" t="s">
        <v>45</v>
      </c>
      <c r="B131" s="23">
        <v>2646</v>
      </c>
      <c r="C131" s="15">
        <v>2790</v>
      </c>
      <c r="D131" s="19">
        <v>54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8</v>
      </c>
      <c r="C5" s="13">
        <v>57</v>
      </c>
      <c r="D5" s="17">
        <v>105</v>
      </c>
    </row>
    <row r="6" spans="1:4" ht="18" customHeight="1" x14ac:dyDescent="0.15">
      <c r="A6" s="5">
        <v>1</v>
      </c>
      <c r="B6" s="22">
        <v>49</v>
      </c>
      <c r="C6" s="14">
        <v>57</v>
      </c>
      <c r="D6" s="18">
        <v>106</v>
      </c>
    </row>
    <row r="7" spans="1:4" ht="18" customHeight="1" x14ac:dyDescent="0.15">
      <c r="A7" s="5">
        <v>2</v>
      </c>
      <c r="B7" s="22">
        <v>42</v>
      </c>
      <c r="C7" s="14">
        <v>54</v>
      </c>
      <c r="D7" s="18">
        <v>96</v>
      </c>
    </row>
    <row r="8" spans="1:4" ht="18" customHeight="1" x14ac:dyDescent="0.15">
      <c r="A8" s="5">
        <v>3</v>
      </c>
      <c r="B8" s="22">
        <v>45</v>
      </c>
      <c r="C8" s="14">
        <v>50</v>
      </c>
      <c r="D8" s="18">
        <v>95</v>
      </c>
    </row>
    <row r="9" spans="1:4" ht="18" customHeight="1" x14ac:dyDescent="0.15">
      <c r="A9" s="5">
        <v>4</v>
      </c>
      <c r="B9" s="22">
        <v>53</v>
      </c>
      <c r="C9" s="14">
        <v>47</v>
      </c>
      <c r="D9" s="18">
        <v>100</v>
      </c>
    </row>
    <row r="10" spans="1:4" ht="18" customHeight="1" x14ac:dyDescent="0.15">
      <c r="A10" s="5" t="s">
        <v>7</v>
      </c>
      <c r="B10" s="22">
        <v>237</v>
      </c>
      <c r="C10" s="14">
        <v>265</v>
      </c>
      <c r="D10" s="18">
        <v>502</v>
      </c>
    </row>
    <row r="11" spans="1:4" ht="18" customHeight="1" x14ac:dyDescent="0.15">
      <c r="A11" s="5">
        <v>5</v>
      </c>
      <c r="B11" s="22">
        <v>46</v>
      </c>
      <c r="C11" s="14">
        <v>41</v>
      </c>
      <c r="D11" s="18">
        <v>87</v>
      </c>
    </row>
    <row r="12" spans="1:4" ht="18" customHeight="1" x14ac:dyDescent="0.15">
      <c r="A12" s="5">
        <v>6</v>
      </c>
      <c r="B12" s="22">
        <v>39</v>
      </c>
      <c r="C12" s="14">
        <v>44</v>
      </c>
      <c r="D12" s="18">
        <v>83</v>
      </c>
    </row>
    <row r="13" spans="1:4" ht="18" customHeight="1" x14ac:dyDescent="0.15">
      <c r="A13" s="5">
        <v>7</v>
      </c>
      <c r="B13" s="22">
        <v>43</v>
      </c>
      <c r="C13" s="14">
        <v>49</v>
      </c>
      <c r="D13" s="18">
        <v>92</v>
      </c>
    </row>
    <row r="14" spans="1:4" ht="18" customHeight="1" x14ac:dyDescent="0.15">
      <c r="A14" s="5">
        <v>8</v>
      </c>
      <c r="B14" s="22">
        <v>46</v>
      </c>
      <c r="C14" s="14">
        <v>57</v>
      </c>
      <c r="D14" s="18">
        <v>103</v>
      </c>
    </row>
    <row r="15" spans="1:4" ht="18" customHeight="1" x14ac:dyDescent="0.15">
      <c r="A15" s="5">
        <v>9</v>
      </c>
      <c r="B15" s="22">
        <v>57</v>
      </c>
      <c r="C15" s="14">
        <v>58</v>
      </c>
      <c r="D15" s="18">
        <v>115</v>
      </c>
    </row>
    <row r="16" spans="1:4" ht="18" customHeight="1" x14ac:dyDescent="0.15">
      <c r="A16" s="5" t="s">
        <v>11</v>
      </c>
      <c r="B16" s="22">
        <v>231</v>
      </c>
      <c r="C16" s="14">
        <v>249</v>
      </c>
      <c r="D16" s="18">
        <v>480</v>
      </c>
    </row>
    <row r="17" spans="1:4" ht="18" customHeight="1" x14ac:dyDescent="0.15">
      <c r="A17" s="5">
        <v>10</v>
      </c>
      <c r="B17" s="22">
        <v>68</v>
      </c>
      <c r="C17" s="14">
        <v>47</v>
      </c>
      <c r="D17" s="18">
        <v>115</v>
      </c>
    </row>
    <row r="18" spans="1:4" ht="18" customHeight="1" x14ac:dyDescent="0.15">
      <c r="A18" s="5">
        <v>11</v>
      </c>
      <c r="B18" s="22">
        <v>63</v>
      </c>
      <c r="C18" s="14">
        <v>57</v>
      </c>
      <c r="D18" s="18">
        <v>120</v>
      </c>
    </row>
    <row r="19" spans="1:4" ht="18" customHeight="1" x14ac:dyDescent="0.15">
      <c r="A19" s="5">
        <v>12</v>
      </c>
      <c r="B19" s="22">
        <v>65</v>
      </c>
      <c r="C19" s="14">
        <v>57</v>
      </c>
      <c r="D19" s="18">
        <v>122</v>
      </c>
    </row>
    <row r="20" spans="1:4" ht="18" customHeight="1" x14ac:dyDescent="0.15">
      <c r="A20" s="5">
        <v>13</v>
      </c>
      <c r="B20" s="22">
        <v>57</v>
      </c>
      <c r="C20" s="14">
        <v>53</v>
      </c>
      <c r="D20" s="18">
        <v>110</v>
      </c>
    </row>
    <row r="21" spans="1:4" ht="18" customHeight="1" x14ac:dyDescent="0.15">
      <c r="A21" s="5">
        <v>14</v>
      </c>
      <c r="B21" s="22">
        <v>57</v>
      </c>
      <c r="C21" s="14">
        <v>55</v>
      </c>
      <c r="D21" s="18">
        <v>112</v>
      </c>
    </row>
    <row r="22" spans="1:4" ht="18" customHeight="1" x14ac:dyDescent="0.15">
      <c r="A22" s="5" t="s">
        <v>12</v>
      </c>
      <c r="B22" s="22">
        <v>310</v>
      </c>
      <c r="C22" s="14">
        <v>269</v>
      </c>
      <c r="D22" s="18">
        <v>579</v>
      </c>
    </row>
    <row r="23" spans="1:4" ht="18" customHeight="1" x14ac:dyDescent="0.15">
      <c r="A23" s="5" t="s">
        <v>6</v>
      </c>
      <c r="B23" s="22">
        <v>778</v>
      </c>
      <c r="C23" s="14">
        <v>783</v>
      </c>
      <c r="D23" s="18">
        <v>1561</v>
      </c>
    </row>
    <row r="24" spans="1:4" ht="18" customHeight="1" x14ac:dyDescent="0.15">
      <c r="A24" s="5">
        <v>15</v>
      </c>
      <c r="B24" s="22">
        <v>70</v>
      </c>
      <c r="C24" s="14">
        <v>65</v>
      </c>
      <c r="D24" s="18">
        <v>135</v>
      </c>
    </row>
    <row r="25" spans="1:4" ht="18" customHeight="1" x14ac:dyDescent="0.15">
      <c r="A25" s="5">
        <v>16</v>
      </c>
      <c r="B25" s="22">
        <v>62</v>
      </c>
      <c r="C25" s="14">
        <v>64</v>
      </c>
      <c r="D25" s="18">
        <v>126</v>
      </c>
    </row>
    <row r="26" spans="1:4" ht="18" customHeight="1" x14ac:dyDescent="0.15">
      <c r="A26" s="5">
        <v>17</v>
      </c>
      <c r="B26" s="22">
        <v>51</v>
      </c>
      <c r="C26" s="14">
        <v>56</v>
      </c>
      <c r="D26" s="18">
        <v>107</v>
      </c>
    </row>
    <row r="27" spans="1:4" ht="18" customHeight="1" x14ac:dyDescent="0.15">
      <c r="A27" s="5">
        <v>18</v>
      </c>
      <c r="B27" s="22">
        <v>52</v>
      </c>
      <c r="C27" s="14">
        <v>53</v>
      </c>
      <c r="D27" s="18">
        <v>105</v>
      </c>
    </row>
    <row r="28" spans="1:4" ht="18" customHeight="1" x14ac:dyDescent="0.15">
      <c r="A28" s="5">
        <v>19</v>
      </c>
      <c r="B28" s="22">
        <v>78</v>
      </c>
      <c r="C28" s="14">
        <v>55</v>
      </c>
      <c r="D28" s="18">
        <v>133</v>
      </c>
    </row>
    <row r="29" spans="1:4" ht="18" customHeight="1" x14ac:dyDescent="0.15">
      <c r="A29" s="5" t="s">
        <v>14</v>
      </c>
      <c r="B29" s="22">
        <v>313</v>
      </c>
      <c r="C29" s="14">
        <v>293</v>
      </c>
      <c r="D29" s="18">
        <v>606</v>
      </c>
    </row>
    <row r="30" spans="1:4" ht="18" customHeight="1" x14ac:dyDescent="0.15">
      <c r="A30" s="5">
        <v>20</v>
      </c>
      <c r="B30" s="22">
        <v>70</v>
      </c>
      <c r="C30" s="14">
        <v>56</v>
      </c>
      <c r="D30" s="18">
        <v>126</v>
      </c>
    </row>
    <row r="31" spans="1:4" ht="18" customHeight="1" x14ac:dyDescent="0.15">
      <c r="A31" s="5">
        <v>21</v>
      </c>
      <c r="B31" s="22">
        <v>52</v>
      </c>
      <c r="C31" s="14">
        <v>77</v>
      </c>
      <c r="D31" s="18">
        <v>129</v>
      </c>
    </row>
    <row r="32" spans="1:4" ht="18" customHeight="1" x14ac:dyDescent="0.15">
      <c r="A32" s="5">
        <v>22</v>
      </c>
      <c r="B32" s="22">
        <v>57</v>
      </c>
      <c r="C32" s="14">
        <v>64</v>
      </c>
      <c r="D32" s="18">
        <v>121</v>
      </c>
    </row>
    <row r="33" spans="1:4" ht="18" customHeight="1" x14ac:dyDescent="0.15">
      <c r="A33" s="5">
        <v>23</v>
      </c>
      <c r="B33" s="22">
        <v>73</v>
      </c>
      <c r="C33" s="14">
        <v>68</v>
      </c>
      <c r="D33" s="18">
        <v>141</v>
      </c>
    </row>
    <row r="34" spans="1:4" ht="18" customHeight="1" x14ac:dyDescent="0.15">
      <c r="A34" s="5">
        <v>24</v>
      </c>
      <c r="B34" s="22">
        <v>88</v>
      </c>
      <c r="C34" s="14">
        <v>79</v>
      </c>
      <c r="D34" s="18">
        <v>167</v>
      </c>
    </row>
    <row r="35" spans="1:4" ht="18" customHeight="1" x14ac:dyDescent="0.15">
      <c r="A35" s="5" t="s">
        <v>9</v>
      </c>
      <c r="B35" s="22">
        <v>340</v>
      </c>
      <c r="C35" s="14">
        <v>344</v>
      </c>
      <c r="D35" s="18">
        <v>684</v>
      </c>
    </row>
    <row r="36" spans="1:4" ht="18" customHeight="1" x14ac:dyDescent="0.15">
      <c r="A36" s="5">
        <v>25</v>
      </c>
      <c r="B36" s="22">
        <v>86</v>
      </c>
      <c r="C36" s="14">
        <v>82</v>
      </c>
      <c r="D36" s="18">
        <v>168</v>
      </c>
    </row>
    <row r="37" spans="1:4" ht="18" customHeight="1" x14ac:dyDescent="0.15">
      <c r="A37" s="5">
        <v>26</v>
      </c>
      <c r="B37" s="22">
        <v>92</v>
      </c>
      <c r="C37" s="14">
        <v>87</v>
      </c>
      <c r="D37" s="18">
        <v>179</v>
      </c>
    </row>
    <row r="38" spans="1:4" ht="18" customHeight="1" x14ac:dyDescent="0.15">
      <c r="A38" s="5">
        <v>27</v>
      </c>
      <c r="B38" s="22">
        <v>91</v>
      </c>
      <c r="C38" s="14">
        <v>74</v>
      </c>
      <c r="D38" s="18">
        <v>165</v>
      </c>
    </row>
    <row r="39" spans="1:4" ht="18" customHeight="1" x14ac:dyDescent="0.15">
      <c r="A39" s="5">
        <v>28</v>
      </c>
      <c r="B39" s="22">
        <v>88</v>
      </c>
      <c r="C39" s="14">
        <v>89</v>
      </c>
      <c r="D39" s="18">
        <v>177</v>
      </c>
    </row>
    <row r="40" spans="1:4" ht="18" customHeight="1" x14ac:dyDescent="0.15">
      <c r="A40" s="5">
        <v>29</v>
      </c>
      <c r="B40" s="22">
        <v>114</v>
      </c>
      <c r="C40" s="14">
        <v>78</v>
      </c>
      <c r="D40" s="18">
        <v>192</v>
      </c>
    </row>
    <row r="41" spans="1:4" ht="18" customHeight="1" x14ac:dyDescent="0.15">
      <c r="A41" s="5" t="s">
        <v>2</v>
      </c>
      <c r="B41" s="22">
        <v>471</v>
      </c>
      <c r="C41" s="14">
        <v>410</v>
      </c>
      <c r="D41" s="18">
        <v>881</v>
      </c>
    </row>
    <row r="42" spans="1:4" ht="18" customHeight="1" x14ac:dyDescent="0.15">
      <c r="A42" s="5">
        <v>30</v>
      </c>
      <c r="B42" s="22">
        <v>88</v>
      </c>
      <c r="C42" s="14">
        <v>85</v>
      </c>
      <c r="D42" s="18">
        <v>173</v>
      </c>
    </row>
    <row r="43" spans="1:4" ht="18" customHeight="1" x14ac:dyDescent="0.15">
      <c r="A43" s="5">
        <v>31</v>
      </c>
      <c r="B43" s="22">
        <v>110</v>
      </c>
      <c r="C43" s="14">
        <v>91</v>
      </c>
      <c r="D43" s="18">
        <v>201</v>
      </c>
    </row>
    <row r="44" spans="1:4" ht="18" customHeight="1" x14ac:dyDescent="0.15">
      <c r="A44" s="5">
        <v>32</v>
      </c>
      <c r="B44" s="22">
        <v>104</v>
      </c>
      <c r="C44" s="14">
        <v>77</v>
      </c>
      <c r="D44" s="18">
        <v>181</v>
      </c>
    </row>
    <row r="45" spans="1:4" ht="18" customHeight="1" x14ac:dyDescent="0.15">
      <c r="A45" s="5">
        <v>33</v>
      </c>
      <c r="B45" s="22">
        <v>76</v>
      </c>
      <c r="C45" s="14">
        <v>86</v>
      </c>
      <c r="D45" s="18">
        <v>162</v>
      </c>
    </row>
    <row r="46" spans="1:4" ht="18" customHeight="1" x14ac:dyDescent="0.15">
      <c r="A46" s="5">
        <v>34</v>
      </c>
      <c r="B46" s="22">
        <v>82</v>
      </c>
      <c r="C46" s="14">
        <v>87</v>
      </c>
      <c r="D46" s="18">
        <v>169</v>
      </c>
    </row>
    <row r="47" spans="1:4" ht="18" customHeight="1" x14ac:dyDescent="0.15">
      <c r="A47" s="5" t="s">
        <v>15</v>
      </c>
      <c r="B47" s="22">
        <v>460</v>
      </c>
      <c r="C47" s="14">
        <v>426</v>
      </c>
      <c r="D47" s="18">
        <v>886</v>
      </c>
    </row>
    <row r="48" spans="1:4" ht="18" customHeight="1" x14ac:dyDescent="0.15">
      <c r="A48" s="5">
        <v>35</v>
      </c>
      <c r="B48" s="22">
        <v>105</v>
      </c>
      <c r="C48" s="14">
        <v>83</v>
      </c>
      <c r="D48" s="18">
        <v>188</v>
      </c>
    </row>
    <row r="49" spans="1:4" ht="18" customHeight="1" x14ac:dyDescent="0.15">
      <c r="A49" s="5">
        <v>36</v>
      </c>
      <c r="B49" s="22">
        <v>89</v>
      </c>
      <c r="C49" s="14">
        <v>75</v>
      </c>
      <c r="D49" s="18">
        <v>164</v>
      </c>
    </row>
    <row r="50" spans="1:4" ht="18" customHeight="1" x14ac:dyDescent="0.15">
      <c r="A50" s="5">
        <v>37</v>
      </c>
      <c r="B50" s="22">
        <v>74</v>
      </c>
      <c r="C50" s="14">
        <v>72</v>
      </c>
      <c r="D50" s="18">
        <v>146</v>
      </c>
    </row>
    <row r="51" spans="1:4" ht="18" customHeight="1" x14ac:dyDescent="0.15">
      <c r="A51" s="5">
        <v>38</v>
      </c>
      <c r="B51" s="22">
        <v>76</v>
      </c>
      <c r="C51" s="14">
        <v>68</v>
      </c>
      <c r="D51" s="18">
        <v>144</v>
      </c>
    </row>
    <row r="52" spans="1:4" ht="18" customHeight="1" x14ac:dyDescent="0.15">
      <c r="A52" s="5">
        <v>39</v>
      </c>
      <c r="B52" s="22">
        <v>80</v>
      </c>
      <c r="C52" s="14">
        <v>77</v>
      </c>
      <c r="D52" s="18">
        <v>157</v>
      </c>
    </row>
    <row r="53" spans="1:4" ht="18" customHeight="1" x14ac:dyDescent="0.15">
      <c r="A53" s="5" t="s">
        <v>18</v>
      </c>
      <c r="B53" s="22">
        <v>424</v>
      </c>
      <c r="C53" s="14">
        <v>375</v>
      </c>
      <c r="D53" s="18">
        <v>799</v>
      </c>
    </row>
    <row r="54" spans="1:4" ht="18" customHeight="1" x14ac:dyDescent="0.15">
      <c r="A54" s="5">
        <v>40</v>
      </c>
      <c r="B54" s="22">
        <v>87</v>
      </c>
      <c r="C54" s="14">
        <v>79</v>
      </c>
      <c r="D54" s="18">
        <v>166</v>
      </c>
    </row>
    <row r="55" spans="1:4" ht="18" customHeight="1" x14ac:dyDescent="0.15">
      <c r="A55" s="5">
        <v>41</v>
      </c>
      <c r="B55" s="22">
        <v>97</v>
      </c>
      <c r="C55" s="14">
        <v>83</v>
      </c>
      <c r="D55" s="18">
        <v>180</v>
      </c>
    </row>
    <row r="56" spans="1:4" ht="18" customHeight="1" x14ac:dyDescent="0.15">
      <c r="A56" s="5">
        <v>42</v>
      </c>
      <c r="B56" s="22">
        <v>94</v>
      </c>
      <c r="C56" s="14">
        <v>80</v>
      </c>
      <c r="D56" s="18">
        <v>174</v>
      </c>
    </row>
    <row r="57" spans="1:4" ht="18" customHeight="1" x14ac:dyDescent="0.15">
      <c r="A57" s="5">
        <v>43</v>
      </c>
      <c r="B57" s="22">
        <v>102</v>
      </c>
      <c r="C57" s="14">
        <v>71</v>
      </c>
      <c r="D57" s="18">
        <v>173</v>
      </c>
    </row>
    <row r="58" spans="1:4" ht="18" customHeight="1" x14ac:dyDescent="0.15">
      <c r="A58" s="5">
        <v>44</v>
      </c>
      <c r="B58" s="22">
        <v>76</v>
      </c>
      <c r="C58" s="14">
        <v>87</v>
      </c>
      <c r="D58" s="18">
        <v>163</v>
      </c>
    </row>
    <row r="59" spans="1:4" ht="18" customHeight="1" x14ac:dyDescent="0.15">
      <c r="A59" s="5" t="s">
        <v>21</v>
      </c>
      <c r="B59" s="22">
        <v>456</v>
      </c>
      <c r="C59" s="14">
        <v>400</v>
      </c>
      <c r="D59" s="18">
        <v>856</v>
      </c>
    </row>
    <row r="60" spans="1:4" ht="18" customHeight="1" x14ac:dyDescent="0.15">
      <c r="A60" s="5">
        <v>45</v>
      </c>
      <c r="B60" s="22">
        <v>96</v>
      </c>
      <c r="C60" s="14">
        <v>90</v>
      </c>
      <c r="D60" s="18">
        <v>186</v>
      </c>
    </row>
    <row r="61" spans="1:4" ht="18" customHeight="1" x14ac:dyDescent="0.15">
      <c r="A61" s="5">
        <v>46</v>
      </c>
      <c r="B61" s="22">
        <v>99</v>
      </c>
      <c r="C61" s="14">
        <v>84</v>
      </c>
      <c r="D61" s="18">
        <v>183</v>
      </c>
    </row>
    <row r="62" spans="1:4" ht="18" customHeight="1" x14ac:dyDescent="0.15">
      <c r="A62" s="5">
        <v>47</v>
      </c>
      <c r="B62" s="22">
        <v>106</v>
      </c>
      <c r="C62" s="14">
        <v>100</v>
      </c>
      <c r="D62" s="18">
        <v>206</v>
      </c>
    </row>
    <row r="63" spans="1:4" ht="18" customHeight="1" x14ac:dyDescent="0.15">
      <c r="A63" s="5">
        <v>48</v>
      </c>
      <c r="B63" s="22">
        <v>107</v>
      </c>
      <c r="C63" s="14">
        <v>93</v>
      </c>
      <c r="D63" s="18">
        <v>200</v>
      </c>
    </row>
    <row r="64" spans="1:4" ht="18" customHeight="1" x14ac:dyDescent="0.15">
      <c r="A64" s="5">
        <v>49</v>
      </c>
      <c r="B64" s="22">
        <v>114</v>
      </c>
      <c r="C64" s="14">
        <v>97</v>
      </c>
      <c r="D64" s="18">
        <v>211</v>
      </c>
    </row>
    <row r="65" spans="1:4" ht="18" customHeight="1" x14ac:dyDescent="0.15">
      <c r="A65" s="5" t="s">
        <v>17</v>
      </c>
      <c r="B65" s="22">
        <v>522</v>
      </c>
      <c r="C65" s="14">
        <v>464</v>
      </c>
      <c r="D65" s="18">
        <v>986</v>
      </c>
    </row>
    <row r="66" spans="1:4" ht="18" customHeight="1" x14ac:dyDescent="0.15">
      <c r="A66" s="5">
        <v>50</v>
      </c>
      <c r="B66" s="22">
        <v>114</v>
      </c>
      <c r="C66" s="14">
        <v>108</v>
      </c>
      <c r="D66" s="18">
        <v>222</v>
      </c>
    </row>
    <row r="67" spans="1:4" ht="18" customHeight="1" x14ac:dyDescent="0.15">
      <c r="A67" s="5">
        <v>51</v>
      </c>
      <c r="B67" s="22">
        <v>120</v>
      </c>
      <c r="C67" s="14">
        <v>123</v>
      </c>
      <c r="D67" s="18">
        <v>243</v>
      </c>
    </row>
    <row r="68" spans="1:4" ht="18" customHeight="1" x14ac:dyDescent="0.15">
      <c r="A68" s="5">
        <v>52</v>
      </c>
      <c r="B68" s="22">
        <v>120</v>
      </c>
      <c r="C68" s="14">
        <v>114</v>
      </c>
      <c r="D68" s="18">
        <v>234</v>
      </c>
    </row>
    <row r="69" spans="1:4" ht="18" customHeight="1" x14ac:dyDescent="0.15">
      <c r="A69" s="5">
        <v>53</v>
      </c>
      <c r="B69" s="22">
        <v>124</v>
      </c>
      <c r="C69" s="14">
        <v>109</v>
      </c>
      <c r="D69" s="18">
        <v>233</v>
      </c>
    </row>
    <row r="70" spans="1:4" ht="18" customHeight="1" x14ac:dyDescent="0.15">
      <c r="A70" s="5">
        <v>54</v>
      </c>
      <c r="B70" s="22">
        <v>116</v>
      </c>
      <c r="C70" s="14">
        <v>101</v>
      </c>
      <c r="D70" s="18">
        <v>217</v>
      </c>
    </row>
    <row r="71" spans="1:4" ht="18" customHeight="1" x14ac:dyDescent="0.15">
      <c r="A71" s="5" t="s">
        <v>22</v>
      </c>
      <c r="B71" s="22">
        <v>594</v>
      </c>
      <c r="C71" s="14">
        <v>555</v>
      </c>
      <c r="D71" s="18">
        <v>1149</v>
      </c>
    </row>
    <row r="72" spans="1:4" ht="18" customHeight="1" x14ac:dyDescent="0.15">
      <c r="A72" s="5">
        <v>55</v>
      </c>
      <c r="B72" s="22">
        <v>107</v>
      </c>
      <c r="C72" s="14">
        <v>103</v>
      </c>
      <c r="D72" s="18">
        <v>210</v>
      </c>
    </row>
    <row r="73" spans="1:4" ht="18" customHeight="1" x14ac:dyDescent="0.15">
      <c r="A73" s="5">
        <v>56</v>
      </c>
      <c r="B73" s="22">
        <v>97</v>
      </c>
      <c r="C73" s="14">
        <v>93</v>
      </c>
      <c r="D73" s="18">
        <v>190</v>
      </c>
    </row>
    <row r="74" spans="1:4" ht="18" customHeight="1" x14ac:dyDescent="0.15">
      <c r="A74" s="5">
        <v>57</v>
      </c>
      <c r="B74" s="22">
        <v>93</v>
      </c>
      <c r="C74" s="14">
        <v>87</v>
      </c>
      <c r="D74" s="18">
        <v>180</v>
      </c>
    </row>
    <row r="75" spans="1:4" ht="18" customHeight="1" x14ac:dyDescent="0.15">
      <c r="A75" s="5">
        <v>58</v>
      </c>
      <c r="B75" s="22">
        <v>95</v>
      </c>
      <c r="C75" s="14">
        <v>88</v>
      </c>
      <c r="D75" s="18">
        <v>183</v>
      </c>
    </row>
    <row r="76" spans="1:4" ht="18" customHeight="1" x14ac:dyDescent="0.15">
      <c r="A76" s="5">
        <v>59</v>
      </c>
      <c r="B76" s="22">
        <v>73</v>
      </c>
      <c r="C76" s="14">
        <v>84</v>
      </c>
      <c r="D76" s="18">
        <v>157</v>
      </c>
    </row>
    <row r="77" spans="1:4" ht="18" customHeight="1" x14ac:dyDescent="0.15">
      <c r="A77" s="5" t="s">
        <v>27</v>
      </c>
      <c r="B77" s="22">
        <v>465</v>
      </c>
      <c r="C77" s="14">
        <v>455</v>
      </c>
      <c r="D77" s="18">
        <v>920</v>
      </c>
    </row>
    <row r="78" spans="1:4" ht="18" customHeight="1" x14ac:dyDescent="0.15">
      <c r="A78" s="5">
        <v>60</v>
      </c>
      <c r="B78" s="22">
        <v>75</v>
      </c>
      <c r="C78" s="14">
        <v>86</v>
      </c>
      <c r="D78" s="18">
        <v>161</v>
      </c>
    </row>
    <row r="79" spans="1:4" ht="18" customHeight="1" x14ac:dyDescent="0.15">
      <c r="A79" s="5">
        <v>61</v>
      </c>
      <c r="B79" s="22">
        <v>66</v>
      </c>
      <c r="C79" s="14">
        <v>87</v>
      </c>
      <c r="D79" s="18">
        <v>153</v>
      </c>
    </row>
    <row r="80" spans="1:4" ht="18" customHeight="1" x14ac:dyDescent="0.15">
      <c r="A80" s="5">
        <v>62</v>
      </c>
      <c r="B80" s="22">
        <v>84</v>
      </c>
      <c r="C80" s="14">
        <v>83</v>
      </c>
      <c r="D80" s="18">
        <v>167</v>
      </c>
    </row>
    <row r="81" spans="1:4" ht="18" customHeight="1" x14ac:dyDescent="0.15">
      <c r="A81" s="5">
        <v>63</v>
      </c>
      <c r="B81" s="22">
        <v>75</v>
      </c>
      <c r="C81" s="14">
        <v>85</v>
      </c>
      <c r="D81" s="18">
        <v>160</v>
      </c>
    </row>
    <row r="82" spans="1:4" ht="18" customHeight="1" x14ac:dyDescent="0.15">
      <c r="A82" s="5">
        <v>64</v>
      </c>
      <c r="B82" s="22">
        <v>63</v>
      </c>
      <c r="C82" s="14">
        <v>68</v>
      </c>
      <c r="D82" s="18">
        <v>131</v>
      </c>
    </row>
    <row r="83" spans="1:4" ht="18" customHeight="1" x14ac:dyDescent="0.15">
      <c r="A83" s="5" t="s">
        <v>28</v>
      </c>
      <c r="B83" s="22">
        <v>363</v>
      </c>
      <c r="C83" s="14">
        <v>409</v>
      </c>
      <c r="D83" s="18">
        <v>772</v>
      </c>
    </row>
    <row r="84" spans="1:4" ht="18" customHeight="1" x14ac:dyDescent="0.15">
      <c r="A84" s="5" t="s">
        <v>31</v>
      </c>
      <c r="B84" s="22">
        <v>4408</v>
      </c>
      <c r="C84" s="14">
        <v>4131</v>
      </c>
      <c r="D84" s="18">
        <v>8539</v>
      </c>
    </row>
    <row r="85" spans="1:4" ht="18" customHeight="1" x14ac:dyDescent="0.15">
      <c r="A85" s="5">
        <v>65</v>
      </c>
      <c r="B85" s="22">
        <v>64</v>
      </c>
      <c r="C85" s="14">
        <v>57</v>
      </c>
      <c r="D85" s="18">
        <v>121</v>
      </c>
    </row>
    <row r="86" spans="1:4" ht="18" customHeight="1" x14ac:dyDescent="0.15">
      <c r="A86" s="5">
        <v>66</v>
      </c>
      <c r="B86" s="22">
        <v>71</v>
      </c>
      <c r="C86" s="14">
        <v>85</v>
      </c>
      <c r="D86" s="18">
        <v>156</v>
      </c>
    </row>
    <row r="87" spans="1:4" ht="18" customHeight="1" x14ac:dyDescent="0.15">
      <c r="A87" s="5">
        <v>67</v>
      </c>
      <c r="B87" s="22">
        <v>57</v>
      </c>
      <c r="C87" s="14">
        <v>69</v>
      </c>
      <c r="D87" s="18">
        <v>126</v>
      </c>
    </row>
    <row r="88" spans="1:4" ht="18" customHeight="1" x14ac:dyDescent="0.15">
      <c r="A88" s="5">
        <v>68</v>
      </c>
      <c r="B88" s="22">
        <v>60</v>
      </c>
      <c r="C88" s="14">
        <v>64</v>
      </c>
      <c r="D88" s="18">
        <v>124</v>
      </c>
    </row>
    <row r="89" spans="1:4" ht="18" customHeight="1" x14ac:dyDescent="0.15">
      <c r="A89" s="5">
        <v>69</v>
      </c>
      <c r="B89" s="22">
        <v>61</v>
      </c>
      <c r="C89" s="14">
        <v>72</v>
      </c>
      <c r="D89" s="18">
        <v>133</v>
      </c>
    </row>
    <row r="90" spans="1:4" ht="18" customHeight="1" x14ac:dyDescent="0.15">
      <c r="A90" s="5" t="s">
        <v>20</v>
      </c>
      <c r="B90" s="22">
        <v>313</v>
      </c>
      <c r="C90" s="14">
        <v>347</v>
      </c>
      <c r="D90" s="18">
        <v>660</v>
      </c>
    </row>
    <row r="91" spans="1:4" ht="18" customHeight="1" x14ac:dyDescent="0.15">
      <c r="A91" s="5">
        <v>70</v>
      </c>
      <c r="B91" s="22">
        <v>65</v>
      </c>
      <c r="C91" s="14">
        <v>84</v>
      </c>
      <c r="D91" s="18">
        <v>149</v>
      </c>
    </row>
    <row r="92" spans="1:4" ht="18" customHeight="1" x14ac:dyDescent="0.15">
      <c r="A92" s="5">
        <v>71</v>
      </c>
      <c r="B92" s="22">
        <v>69</v>
      </c>
      <c r="C92" s="14">
        <v>87</v>
      </c>
      <c r="D92" s="18">
        <v>156</v>
      </c>
    </row>
    <row r="93" spans="1:4" ht="18" customHeight="1" x14ac:dyDescent="0.15">
      <c r="A93" s="5">
        <v>72</v>
      </c>
      <c r="B93" s="22">
        <v>60</v>
      </c>
      <c r="C93" s="14">
        <v>81</v>
      </c>
      <c r="D93" s="18">
        <v>141</v>
      </c>
    </row>
    <row r="94" spans="1:4" ht="18" customHeight="1" x14ac:dyDescent="0.15">
      <c r="A94" s="5">
        <v>73</v>
      </c>
      <c r="B94" s="22">
        <v>60</v>
      </c>
      <c r="C94" s="14">
        <v>77</v>
      </c>
      <c r="D94" s="18">
        <v>137</v>
      </c>
    </row>
    <row r="95" spans="1:4" ht="18" customHeight="1" x14ac:dyDescent="0.15">
      <c r="A95" s="5">
        <v>74</v>
      </c>
      <c r="B95" s="22">
        <v>79</v>
      </c>
      <c r="C95" s="14">
        <v>68</v>
      </c>
      <c r="D95" s="18">
        <v>147</v>
      </c>
    </row>
    <row r="96" spans="1:4" ht="18" customHeight="1" x14ac:dyDescent="0.15">
      <c r="A96" s="5" t="s">
        <v>33</v>
      </c>
      <c r="B96" s="22">
        <v>333</v>
      </c>
      <c r="C96" s="14">
        <v>397</v>
      </c>
      <c r="D96" s="18">
        <v>730</v>
      </c>
    </row>
    <row r="97" spans="1:4" ht="18" customHeight="1" x14ac:dyDescent="0.15">
      <c r="A97" s="5">
        <v>75</v>
      </c>
      <c r="B97" s="22">
        <v>75</v>
      </c>
      <c r="C97" s="14">
        <v>88</v>
      </c>
      <c r="D97" s="18">
        <v>163</v>
      </c>
    </row>
    <row r="98" spans="1:4" ht="18" customHeight="1" x14ac:dyDescent="0.15">
      <c r="A98" s="5">
        <v>76</v>
      </c>
      <c r="B98" s="22">
        <v>81</v>
      </c>
      <c r="C98" s="14">
        <v>89</v>
      </c>
      <c r="D98" s="18">
        <v>170</v>
      </c>
    </row>
    <row r="99" spans="1:4" ht="18" customHeight="1" x14ac:dyDescent="0.15">
      <c r="A99" s="5">
        <v>77</v>
      </c>
      <c r="B99" s="22">
        <v>83</v>
      </c>
      <c r="C99" s="14">
        <v>84</v>
      </c>
      <c r="D99" s="18">
        <v>167</v>
      </c>
    </row>
    <row r="100" spans="1:4" ht="18" customHeight="1" x14ac:dyDescent="0.15">
      <c r="A100" s="5">
        <v>78</v>
      </c>
      <c r="B100" s="22">
        <v>85</v>
      </c>
      <c r="C100" s="14">
        <v>94</v>
      </c>
      <c r="D100" s="18">
        <v>179</v>
      </c>
    </row>
    <row r="101" spans="1:4" ht="18" customHeight="1" x14ac:dyDescent="0.15">
      <c r="A101" s="5">
        <v>79</v>
      </c>
      <c r="B101" s="22">
        <v>65</v>
      </c>
      <c r="C101" s="14">
        <v>87</v>
      </c>
      <c r="D101" s="18">
        <v>152</v>
      </c>
    </row>
    <row r="102" spans="1:4" ht="18" customHeight="1" x14ac:dyDescent="0.15">
      <c r="A102" s="5" t="s">
        <v>0</v>
      </c>
      <c r="B102" s="22">
        <v>389</v>
      </c>
      <c r="C102" s="14">
        <v>442</v>
      </c>
      <c r="D102" s="18">
        <v>831</v>
      </c>
    </row>
    <row r="103" spans="1:4" ht="18" customHeight="1" x14ac:dyDescent="0.15">
      <c r="A103" s="5">
        <v>80</v>
      </c>
      <c r="B103" s="22">
        <v>46</v>
      </c>
      <c r="C103" s="14">
        <v>51</v>
      </c>
      <c r="D103" s="18">
        <v>97</v>
      </c>
    </row>
    <row r="104" spans="1:4" ht="18" customHeight="1" x14ac:dyDescent="0.15">
      <c r="A104" s="5">
        <v>81</v>
      </c>
      <c r="B104" s="22">
        <v>48</v>
      </c>
      <c r="C104" s="14">
        <v>75</v>
      </c>
      <c r="D104" s="18">
        <v>123</v>
      </c>
    </row>
    <row r="105" spans="1:4" ht="18" customHeight="1" x14ac:dyDescent="0.15">
      <c r="A105" s="5">
        <v>82</v>
      </c>
      <c r="B105" s="22">
        <v>53</v>
      </c>
      <c r="C105" s="14">
        <v>88</v>
      </c>
      <c r="D105" s="18">
        <v>141</v>
      </c>
    </row>
    <row r="106" spans="1:4" ht="18" customHeight="1" x14ac:dyDescent="0.15">
      <c r="A106" s="5">
        <v>83</v>
      </c>
      <c r="B106" s="22">
        <v>44</v>
      </c>
      <c r="C106" s="14">
        <v>70</v>
      </c>
      <c r="D106" s="18">
        <v>114</v>
      </c>
    </row>
    <row r="107" spans="1:4" ht="18" customHeight="1" x14ac:dyDescent="0.15">
      <c r="A107" s="5">
        <v>84</v>
      </c>
      <c r="B107" s="22">
        <v>38</v>
      </c>
      <c r="C107" s="14">
        <v>84</v>
      </c>
      <c r="D107" s="18">
        <v>122</v>
      </c>
    </row>
    <row r="108" spans="1:4" ht="18" customHeight="1" x14ac:dyDescent="0.15">
      <c r="A108" s="5" t="s">
        <v>35</v>
      </c>
      <c r="B108" s="22">
        <v>229</v>
      </c>
      <c r="C108" s="14">
        <v>368</v>
      </c>
      <c r="D108" s="18">
        <v>597</v>
      </c>
    </row>
    <row r="109" spans="1:4" ht="18" customHeight="1" x14ac:dyDescent="0.15">
      <c r="A109" s="5">
        <v>85</v>
      </c>
      <c r="B109" s="22">
        <v>40</v>
      </c>
      <c r="C109" s="14">
        <v>60</v>
      </c>
      <c r="D109" s="18">
        <v>100</v>
      </c>
    </row>
    <row r="110" spans="1:4" ht="18" customHeight="1" x14ac:dyDescent="0.15">
      <c r="A110" s="5">
        <v>86</v>
      </c>
      <c r="B110" s="22">
        <v>40</v>
      </c>
      <c r="C110" s="14">
        <v>63</v>
      </c>
      <c r="D110" s="18">
        <v>103</v>
      </c>
    </row>
    <row r="111" spans="1:4" ht="18" customHeight="1" x14ac:dyDescent="0.15">
      <c r="A111" s="5">
        <v>87</v>
      </c>
      <c r="B111" s="22">
        <v>28</v>
      </c>
      <c r="C111" s="14">
        <v>40</v>
      </c>
      <c r="D111" s="18">
        <v>68</v>
      </c>
    </row>
    <row r="112" spans="1:4" ht="18" customHeight="1" x14ac:dyDescent="0.15">
      <c r="A112" s="5">
        <v>88</v>
      </c>
      <c r="B112" s="22">
        <v>19</v>
      </c>
      <c r="C112" s="14">
        <v>54</v>
      </c>
      <c r="D112" s="18">
        <v>73</v>
      </c>
    </row>
    <row r="113" spans="1:4" ht="18" customHeight="1" x14ac:dyDescent="0.15">
      <c r="A113" s="5">
        <v>89</v>
      </c>
      <c r="B113" s="22">
        <v>31</v>
      </c>
      <c r="C113" s="14">
        <v>51</v>
      </c>
      <c r="D113" s="18">
        <v>82</v>
      </c>
    </row>
    <row r="114" spans="1:4" ht="18" customHeight="1" x14ac:dyDescent="0.15">
      <c r="A114" s="5" t="s">
        <v>37</v>
      </c>
      <c r="B114" s="22">
        <v>158</v>
      </c>
      <c r="C114" s="14">
        <v>268</v>
      </c>
      <c r="D114" s="18">
        <v>426</v>
      </c>
    </row>
    <row r="115" spans="1:4" ht="18" customHeight="1" x14ac:dyDescent="0.15">
      <c r="A115" s="5">
        <v>90</v>
      </c>
      <c r="B115" s="22">
        <v>21</v>
      </c>
      <c r="C115" s="14">
        <v>40</v>
      </c>
      <c r="D115" s="18">
        <v>61</v>
      </c>
    </row>
    <row r="116" spans="1:4" ht="18" customHeight="1" x14ac:dyDescent="0.15">
      <c r="A116" s="5">
        <v>91</v>
      </c>
      <c r="B116" s="22">
        <v>13</v>
      </c>
      <c r="C116" s="14">
        <v>30</v>
      </c>
      <c r="D116" s="18">
        <v>43</v>
      </c>
    </row>
    <row r="117" spans="1:4" ht="18" customHeight="1" x14ac:dyDescent="0.15">
      <c r="A117" s="5">
        <v>92</v>
      </c>
      <c r="B117" s="22">
        <v>11</v>
      </c>
      <c r="C117" s="14">
        <v>18</v>
      </c>
      <c r="D117" s="18">
        <v>29</v>
      </c>
    </row>
    <row r="118" spans="1:4" ht="18" customHeight="1" x14ac:dyDescent="0.15">
      <c r="A118" s="5">
        <v>93</v>
      </c>
      <c r="B118" s="22">
        <v>7</v>
      </c>
      <c r="C118" s="14">
        <v>31</v>
      </c>
      <c r="D118" s="18">
        <v>38</v>
      </c>
    </row>
    <row r="119" spans="1:4" ht="18" customHeight="1" x14ac:dyDescent="0.15">
      <c r="A119" s="5">
        <v>94</v>
      </c>
      <c r="B119" s="22">
        <v>8</v>
      </c>
      <c r="C119" s="14">
        <v>23</v>
      </c>
      <c r="D119" s="18">
        <v>31</v>
      </c>
    </row>
    <row r="120" spans="1:4" ht="18" customHeight="1" x14ac:dyDescent="0.15">
      <c r="A120" s="5" t="s">
        <v>39</v>
      </c>
      <c r="B120" s="22">
        <v>60</v>
      </c>
      <c r="C120" s="14">
        <v>142</v>
      </c>
      <c r="D120" s="18">
        <v>202</v>
      </c>
    </row>
    <row r="121" spans="1:4" ht="18" customHeight="1" x14ac:dyDescent="0.15">
      <c r="A121" s="5">
        <v>95</v>
      </c>
      <c r="B121" s="22">
        <v>8</v>
      </c>
      <c r="C121" s="14">
        <v>12</v>
      </c>
      <c r="D121" s="18">
        <v>20</v>
      </c>
    </row>
    <row r="122" spans="1:4" ht="18" customHeight="1" x14ac:dyDescent="0.15">
      <c r="A122" s="5">
        <v>96</v>
      </c>
      <c r="B122" s="22">
        <v>1</v>
      </c>
      <c r="C122" s="14">
        <v>12</v>
      </c>
      <c r="D122" s="18">
        <v>13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9</v>
      </c>
      <c r="D124" s="18">
        <v>9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1</v>
      </c>
      <c r="C126" s="14">
        <v>41</v>
      </c>
      <c r="D126" s="18">
        <v>52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8</v>
      </c>
      <c r="D129" s="18">
        <v>10</v>
      </c>
    </row>
    <row r="130" spans="1:4" ht="18" customHeight="1" x14ac:dyDescent="0.15">
      <c r="A130" s="5" t="s">
        <v>46</v>
      </c>
      <c r="B130" s="22">
        <v>1495</v>
      </c>
      <c r="C130" s="14">
        <v>2013</v>
      </c>
      <c r="D130" s="18">
        <v>3508</v>
      </c>
    </row>
    <row r="131" spans="1:4" ht="18" customHeight="1" x14ac:dyDescent="0.15">
      <c r="A131" s="7" t="s">
        <v>45</v>
      </c>
      <c r="B131" s="23">
        <v>6681</v>
      </c>
      <c r="C131" s="15">
        <v>6927</v>
      </c>
      <c r="D131" s="19">
        <v>136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0</v>
      </c>
      <c r="C5" s="13">
        <v>36</v>
      </c>
      <c r="D5" s="17">
        <v>66</v>
      </c>
    </row>
    <row r="6" spans="1:4" ht="18" customHeight="1" x14ac:dyDescent="0.15">
      <c r="A6" s="5">
        <v>1</v>
      </c>
      <c r="B6" s="22">
        <v>33</v>
      </c>
      <c r="C6" s="14">
        <v>35</v>
      </c>
      <c r="D6" s="18">
        <v>68</v>
      </c>
    </row>
    <row r="7" spans="1:4" ht="18" customHeight="1" x14ac:dyDescent="0.15">
      <c r="A7" s="5">
        <v>2</v>
      </c>
      <c r="B7" s="22">
        <v>30</v>
      </c>
      <c r="C7" s="14">
        <v>23</v>
      </c>
      <c r="D7" s="18">
        <v>53</v>
      </c>
    </row>
    <row r="8" spans="1:4" ht="18" customHeight="1" x14ac:dyDescent="0.15">
      <c r="A8" s="5">
        <v>3</v>
      </c>
      <c r="B8" s="22">
        <v>26</v>
      </c>
      <c r="C8" s="14">
        <v>34</v>
      </c>
      <c r="D8" s="18">
        <v>60</v>
      </c>
    </row>
    <row r="9" spans="1:4" ht="18" customHeight="1" x14ac:dyDescent="0.15">
      <c r="A9" s="5">
        <v>4</v>
      </c>
      <c r="B9" s="22">
        <v>31</v>
      </c>
      <c r="C9" s="14">
        <v>29</v>
      </c>
      <c r="D9" s="18">
        <v>60</v>
      </c>
    </row>
    <row r="10" spans="1:4" ht="18" customHeight="1" x14ac:dyDescent="0.15">
      <c r="A10" s="5" t="s">
        <v>7</v>
      </c>
      <c r="B10" s="22">
        <v>150</v>
      </c>
      <c r="C10" s="14">
        <v>157</v>
      </c>
      <c r="D10" s="18">
        <v>307</v>
      </c>
    </row>
    <row r="11" spans="1:4" ht="18" customHeight="1" x14ac:dyDescent="0.15">
      <c r="A11" s="5">
        <v>5</v>
      </c>
      <c r="B11" s="22">
        <v>27</v>
      </c>
      <c r="C11" s="14">
        <v>28</v>
      </c>
      <c r="D11" s="18">
        <v>55</v>
      </c>
    </row>
    <row r="12" spans="1:4" ht="18" customHeight="1" x14ac:dyDescent="0.15">
      <c r="A12" s="5">
        <v>6</v>
      </c>
      <c r="B12" s="22">
        <v>26</v>
      </c>
      <c r="C12" s="14">
        <v>30</v>
      </c>
      <c r="D12" s="18">
        <v>56</v>
      </c>
    </row>
    <row r="13" spans="1:4" ht="18" customHeight="1" x14ac:dyDescent="0.15">
      <c r="A13" s="5">
        <v>7</v>
      </c>
      <c r="B13" s="22">
        <v>26</v>
      </c>
      <c r="C13" s="14">
        <v>29</v>
      </c>
      <c r="D13" s="18">
        <v>55</v>
      </c>
    </row>
    <row r="14" spans="1:4" ht="18" customHeight="1" x14ac:dyDescent="0.15">
      <c r="A14" s="5">
        <v>8</v>
      </c>
      <c r="B14" s="22">
        <v>25</v>
      </c>
      <c r="C14" s="14">
        <v>33</v>
      </c>
      <c r="D14" s="18">
        <v>58</v>
      </c>
    </row>
    <row r="15" spans="1:4" ht="18" customHeight="1" x14ac:dyDescent="0.15">
      <c r="A15" s="5">
        <v>9</v>
      </c>
      <c r="B15" s="22">
        <v>35</v>
      </c>
      <c r="C15" s="14">
        <v>26</v>
      </c>
      <c r="D15" s="18">
        <v>61</v>
      </c>
    </row>
    <row r="16" spans="1:4" ht="18" customHeight="1" x14ac:dyDescent="0.15">
      <c r="A16" s="5" t="s">
        <v>11</v>
      </c>
      <c r="B16" s="22">
        <v>139</v>
      </c>
      <c r="C16" s="14">
        <v>146</v>
      </c>
      <c r="D16" s="18">
        <v>285</v>
      </c>
    </row>
    <row r="17" spans="1:4" ht="18" customHeight="1" x14ac:dyDescent="0.15">
      <c r="A17" s="5">
        <v>10</v>
      </c>
      <c r="B17" s="22">
        <v>37</v>
      </c>
      <c r="C17" s="14">
        <v>29</v>
      </c>
      <c r="D17" s="18">
        <v>66</v>
      </c>
    </row>
    <row r="18" spans="1:4" ht="18" customHeight="1" x14ac:dyDescent="0.15">
      <c r="A18" s="5">
        <v>11</v>
      </c>
      <c r="B18" s="22">
        <v>29</v>
      </c>
      <c r="C18" s="14">
        <v>27</v>
      </c>
      <c r="D18" s="18">
        <v>56</v>
      </c>
    </row>
    <row r="19" spans="1:4" ht="18" customHeight="1" x14ac:dyDescent="0.15">
      <c r="A19" s="5">
        <v>12</v>
      </c>
      <c r="B19" s="22">
        <v>36</v>
      </c>
      <c r="C19" s="14">
        <v>30</v>
      </c>
      <c r="D19" s="18">
        <v>66</v>
      </c>
    </row>
    <row r="20" spans="1:4" ht="18" customHeight="1" x14ac:dyDescent="0.15">
      <c r="A20" s="5">
        <v>13</v>
      </c>
      <c r="B20" s="22">
        <v>23</v>
      </c>
      <c r="C20" s="14">
        <v>30</v>
      </c>
      <c r="D20" s="18">
        <v>53</v>
      </c>
    </row>
    <row r="21" spans="1:4" ht="18" customHeight="1" x14ac:dyDescent="0.15">
      <c r="A21" s="5">
        <v>14</v>
      </c>
      <c r="B21" s="22">
        <v>20</v>
      </c>
      <c r="C21" s="14">
        <v>30</v>
      </c>
      <c r="D21" s="18">
        <v>50</v>
      </c>
    </row>
    <row r="22" spans="1:4" ht="18" customHeight="1" x14ac:dyDescent="0.15">
      <c r="A22" s="5" t="s">
        <v>12</v>
      </c>
      <c r="B22" s="22">
        <v>145</v>
      </c>
      <c r="C22" s="14">
        <v>146</v>
      </c>
      <c r="D22" s="18">
        <v>291</v>
      </c>
    </row>
    <row r="23" spans="1:4" ht="18" customHeight="1" x14ac:dyDescent="0.15">
      <c r="A23" s="5" t="s">
        <v>6</v>
      </c>
      <c r="B23" s="22">
        <v>434</v>
      </c>
      <c r="C23" s="14">
        <v>449</v>
      </c>
      <c r="D23" s="18">
        <v>883</v>
      </c>
    </row>
    <row r="24" spans="1:4" ht="18" customHeight="1" x14ac:dyDescent="0.15">
      <c r="A24" s="5">
        <v>15</v>
      </c>
      <c r="B24" s="22">
        <v>22</v>
      </c>
      <c r="C24" s="14">
        <v>20</v>
      </c>
      <c r="D24" s="18">
        <v>42</v>
      </c>
    </row>
    <row r="25" spans="1:4" ht="18" customHeight="1" x14ac:dyDescent="0.15">
      <c r="A25" s="5">
        <v>16</v>
      </c>
      <c r="B25" s="22">
        <v>18</v>
      </c>
      <c r="C25" s="14">
        <v>15</v>
      </c>
      <c r="D25" s="18">
        <v>33</v>
      </c>
    </row>
    <row r="26" spans="1:4" ht="18" customHeight="1" x14ac:dyDescent="0.15">
      <c r="A26" s="5">
        <v>17</v>
      </c>
      <c r="B26" s="22">
        <v>22</v>
      </c>
      <c r="C26" s="14">
        <v>19</v>
      </c>
      <c r="D26" s="18">
        <v>41</v>
      </c>
    </row>
    <row r="27" spans="1:4" ht="18" customHeight="1" x14ac:dyDescent="0.15">
      <c r="A27" s="5">
        <v>18</v>
      </c>
      <c r="B27" s="22">
        <v>26</v>
      </c>
      <c r="C27" s="14">
        <v>19</v>
      </c>
      <c r="D27" s="18">
        <v>45</v>
      </c>
    </row>
    <row r="28" spans="1:4" ht="18" customHeight="1" x14ac:dyDescent="0.15">
      <c r="A28" s="5">
        <v>19</v>
      </c>
      <c r="B28" s="22">
        <v>19</v>
      </c>
      <c r="C28" s="14">
        <v>22</v>
      </c>
      <c r="D28" s="18">
        <v>41</v>
      </c>
    </row>
    <row r="29" spans="1:4" ht="18" customHeight="1" x14ac:dyDescent="0.15">
      <c r="A29" s="5" t="s">
        <v>14</v>
      </c>
      <c r="B29" s="22">
        <v>107</v>
      </c>
      <c r="C29" s="14">
        <v>95</v>
      </c>
      <c r="D29" s="18">
        <v>202</v>
      </c>
    </row>
    <row r="30" spans="1:4" ht="18" customHeight="1" x14ac:dyDescent="0.15">
      <c r="A30" s="5">
        <v>20</v>
      </c>
      <c r="B30" s="22">
        <v>16</v>
      </c>
      <c r="C30" s="14">
        <v>27</v>
      </c>
      <c r="D30" s="18">
        <v>43</v>
      </c>
    </row>
    <row r="31" spans="1:4" ht="18" customHeight="1" x14ac:dyDescent="0.15">
      <c r="A31" s="5">
        <v>21</v>
      </c>
      <c r="B31" s="22">
        <v>25</v>
      </c>
      <c r="C31" s="14">
        <v>26</v>
      </c>
      <c r="D31" s="18">
        <v>51</v>
      </c>
    </row>
    <row r="32" spans="1:4" ht="18" customHeight="1" x14ac:dyDescent="0.15">
      <c r="A32" s="5">
        <v>22</v>
      </c>
      <c r="B32" s="22">
        <v>29</v>
      </c>
      <c r="C32" s="14">
        <v>26</v>
      </c>
      <c r="D32" s="18">
        <v>55</v>
      </c>
    </row>
    <row r="33" spans="1:4" ht="18" customHeight="1" x14ac:dyDescent="0.15">
      <c r="A33" s="5">
        <v>23</v>
      </c>
      <c r="B33" s="22">
        <v>36</v>
      </c>
      <c r="C33" s="14">
        <v>42</v>
      </c>
      <c r="D33" s="18">
        <v>78</v>
      </c>
    </row>
    <row r="34" spans="1:4" ht="18" customHeight="1" x14ac:dyDescent="0.15">
      <c r="A34" s="5">
        <v>24</v>
      </c>
      <c r="B34" s="22">
        <v>41</v>
      </c>
      <c r="C34" s="14">
        <v>36</v>
      </c>
      <c r="D34" s="18">
        <v>77</v>
      </c>
    </row>
    <row r="35" spans="1:4" ht="18" customHeight="1" x14ac:dyDescent="0.15">
      <c r="A35" s="5" t="s">
        <v>9</v>
      </c>
      <c r="B35" s="22">
        <v>147</v>
      </c>
      <c r="C35" s="14">
        <v>157</v>
      </c>
      <c r="D35" s="18">
        <v>304</v>
      </c>
    </row>
    <row r="36" spans="1:4" ht="18" customHeight="1" x14ac:dyDescent="0.15">
      <c r="A36" s="5">
        <v>25</v>
      </c>
      <c r="B36" s="22">
        <v>39</v>
      </c>
      <c r="C36" s="14">
        <v>35</v>
      </c>
      <c r="D36" s="18">
        <v>74</v>
      </c>
    </row>
    <row r="37" spans="1:4" ht="18" customHeight="1" x14ac:dyDescent="0.15">
      <c r="A37" s="5">
        <v>26</v>
      </c>
      <c r="B37" s="22">
        <v>44</v>
      </c>
      <c r="C37" s="14">
        <v>50</v>
      </c>
      <c r="D37" s="18">
        <v>94</v>
      </c>
    </row>
    <row r="38" spans="1:4" ht="18" customHeight="1" x14ac:dyDescent="0.15">
      <c r="A38" s="5">
        <v>27</v>
      </c>
      <c r="B38" s="22">
        <v>52</v>
      </c>
      <c r="C38" s="14">
        <v>52</v>
      </c>
      <c r="D38" s="18">
        <v>104</v>
      </c>
    </row>
    <row r="39" spans="1:4" ht="18" customHeight="1" x14ac:dyDescent="0.15">
      <c r="A39" s="5">
        <v>28</v>
      </c>
      <c r="B39" s="22">
        <v>53</v>
      </c>
      <c r="C39" s="14">
        <v>44</v>
      </c>
      <c r="D39" s="18">
        <v>97</v>
      </c>
    </row>
    <row r="40" spans="1:4" ht="18" customHeight="1" x14ac:dyDescent="0.15">
      <c r="A40" s="5">
        <v>29</v>
      </c>
      <c r="B40" s="22">
        <v>50</v>
      </c>
      <c r="C40" s="14">
        <v>37</v>
      </c>
      <c r="D40" s="18">
        <v>87</v>
      </c>
    </row>
    <row r="41" spans="1:4" ht="18" customHeight="1" x14ac:dyDescent="0.15">
      <c r="A41" s="5" t="s">
        <v>2</v>
      </c>
      <c r="B41" s="22">
        <v>238</v>
      </c>
      <c r="C41" s="14">
        <v>218</v>
      </c>
      <c r="D41" s="18">
        <v>456</v>
      </c>
    </row>
    <row r="42" spans="1:4" ht="18" customHeight="1" x14ac:dyDescent="0.15">
      <c r="A42" s="5">
        <v>30</v>
      </c>
      <c r="B42" s="22">
        <v>49</v>
      </c>
      <c r="C42" s="14">
        <v>47</v>
      </c>
      <c r="D42" s="18">
        <v>96</v>
      </c>
    </row>
    <row r="43" spans="1:4" ht="18" customHeight="1" x14ac:dyDescent="0.15">
      <c r="A43" s="5">
        <v>31</v>
      </c>
      <c r="B43" s="22">
        <v>50</v>
      </c>
      <c r="C43" s="14">
        <v>33</v>
      </c>
      <c r="D43" s="18">
        <v>83</v>
      </c>
    </row>
    <row r="44" spans="1:4" ht="18" customHeight="1" x14ac:dyDescent="0.15">
      <c r="A44" s="5">
        <v>32</v>
      </c>
      <c r="B44" s="22">
        <v>43</v>
      </c>
      <c r="C44" s="14">
        <v>54</v>
      </c>
      <c r="D44" s="18">
        <v>97</v>
      </c>
    </row>
    <row r="45" spans="1:4" ht="18" customHeight="1" x14ac:dyDescent="0.15">
      <c r="A45" s="5">
        <v>33</v>
      </c>
      <c r="B45" s="22">
        <v>44</v>
      </c>
      <c r="C45" s="14">
        <v>50</v>
      </c>
      <c r="D45" s="18">
        <v>94</v>
      </c>
    </row>
    <row r="46" spans="1:4" ht="18" customHeight="1" x14ac:dyDescent="0.15">
      <c r="A46" s="5">
        <v>34</v>
      </c>
      <c r="B46" s="22">
        <v>59</v>
      </c>
      <c r="C46" s="14">
        <v>42</v>
      </c>
      <c r="D46" s="18">
        <v>101</v>
      </c>
    </row>
    <row r="47" spans="1:4" ht="18" customHeight="1" x14ac:dyDescent="0.15">
      <c r="A47" s="5" t="s">
        <v>15</v>
      </c>
      <c r="B47" s="22">
        <v>245</v>
      </c>
      <c r="C47" s="14">
        <v>226</v>
      </c>
      <c r="D47" s="18">
        <v>471</v>
      </c>
    </row>
    <row r="48" spans="1:4" ht="18" customHeight="1" x14ac:dyDescent="0.15">
      <c r="A48" s="5">
        <v>35</v>
      </c>
      <c r="B48" s="22">
        <v>45</v>
      </c>
      <c r="C48" s="14">
        <v>44</v>
      </c>
      <c r="D48" s="18">
        <v>89</v>
      </c>
    </row>
    <row r="49" spans="1:4" ht="18" customHeight="1" x14ac:dyDescent="0.15">
      <c r="A49" s="5">
        <v>36</v>
      </c>
      <c r="B49" s="22">
        <v>44</v>
      </c>
      <c r="C49" s="14">
        <v>32</v>
      </c>
      <c r="D49" s="18">
        <v>76</v>
      </c>
    </row>
    <row r="50" spans="1:4" ht="18" customHeight="1" x14ac:dyDescent="0.15">
      <c r="A50" s="5">
        <v>37</v>
      </c>
      <c r="B50" s="22">
        <v>38</v>
      </c>
      <c r="C50" s="14">
        <v>40</v>
      </c>
      <c r="D50" s="18">
        <v>78</v>
      </c>
    </row>
    <row r="51" spans="1:4" ht="18" customHeight="1" x14ac:dyDescent="0.15">
      <c r="A51" s="5">
        <v>38</v>
      </c>
      <c r="B51" s="22">
        <v>52</v>
      </c>
      <c r="C51" s="14">
        <v>43</v>
      </c>
      <c r="D51" s="18">
        <v>95</v>
      </c>
    </row>
    <row r="52" spans="1:4" ht="18" customHeight="1" x14ac:dyDescent="0.15">
      <c r="A52" s="5">
        <v>39</v>
      </c>
      <c r="B52" s="22">
        <v>43</v>
      </c>
      <c r="C52" s="14">
        <v>45</v>
      </c>
      <c r="D52" s="18">
        <v>88</v>
      </c>
    </row>
    <row r="53" spans="1:4" ht="18" customHeight="1" x14ac:dyDescent="0.15">
      <c r="A53" s="5" t="s">
        <v>18</v>
      </c>
      <c r="B53" s="22">
        <v>222</v>
      </c>
      <c r="C53" s="14">
        <v>204</v>
      </c>
      <c r="D53" s="18">
        <v>426</v>
      </c>
    </row>
    <row r="54" spans="1:4" ht="18" customHeight="1" x14ac:dyDescent="0.15">
      <c r="A54" s="5">
        <v>40</v>
      </c>
      <c r="B54" s="22">
        <v>58</v>
      </c>
      <c r="C54" s="14">
        <v>47</v>
      </c>
      <c r="D54" s="18">
        <v>105</v>
      </c>
    </row>
    <row r="55" spans="1:4" ht="18" customHeight="1" x14ac:dyDescent="0.15">
      <c r="A55" s="5">
        <v>41</v>
      </c>
      <c r="B55" s="22">
        <v>48</v>
      </c>
      <c r="C55" s="14">
        <v>33</v>
      </c>
      <c r="D55" s="18">
        <v>81</v>
      </c>
    </row>
    <row r="56" spans="1:4" ht="18" customHeight="1" x14ac:dyDescent="0.15">
      <c r="A56" s="5">
        <v>42</v>
      </c>
      <c r="B56" s="22">
        <v>43</v>
      </c>
      <c r="C56" s="14">
        <v>29</v>
      </c>
      <c r="D56" s="18">
        <v>72</v>
      </c>
    </row>
    <row r="57" spans="1:4" ht="18" customHeight="1" x14ac:dyDescent="0.15">
      <c r="A57" s="5">
        <v>43</v>
      </c>
      <c r="B57" s="22">
        <v>43</v>
      </c>
      <c r="C57" s="14">
        <v>37</v>
      </c>
      <c r="D57" s="18">
        <v>80</v>
      </c>
    </row>
    <row r="58" spans="1:4" ht="18" customHeight="1" x14ac:dyDescent="0.15">
      <c r="A58" s="5">
        <v>44</v>
      </c>
      <c r="B58" s="22">
        <v>43</v>
      </c>
      <c r="C58" s="14">
        <v>38</v>
      </c>
      <c r="D58" s="18">
        <v>81</v>
      </c>
    </row>
    <row r="59" spans="1:4" ht="18" customHeight="1" x14ac:dyDescent="0.15">
      <c r="A59" s="5" t="s">
        <v>21</v>
      </c>
      <c r="B59" s="22">
        <v>235</v>
      </c>
      <c r="C59" s="14">
        <v>184</v>
      </c>
      <c r="D59" s="18">
        <v>419</v>
      </c>
    </row>
    <row r="60" spans="1:4" ht="18" customHeight="1" x14ac:dyDescent="0.15">
      <c r="A60" s="5">
        <v>45</v>
      </c>
      <c r="B60" s="22">
        <v>41</v>
      </c>
      <c r="C60" s="14">
        <v>42</v>
      </c>
      <c r="D60" s="18">
        <v>83</v>
      </c>
    </row>
    <row r="61" spans="1:4" ht="18" customHeight="1" x14ac:dyDescent="0.15">
      <c r="A61" s="5">
        <v>46</v>
      </c>
      <c r="B61" s="22">
        <v>41</v>
      </c>
      <c r="C61" s="14">
        <v>45</v>
      </c>
      <c r="D61" s="18">
        <v>86</v>
      </c>
    </row>
    <row r="62" spans="1:4" ht="18" customHeight="1" x14ac:dyDescent="0.15">
      <c r="A62" s="5">
        <v>47</v>
      </c>
      <c r="B62" s="22">
        <v>56</v>
      </c>
      <c r="C62" s="14">
        <v>38</v>
      </c>
      <c r="D62" s="18">
        <v>94</v>
      </c>
    </row>
    <row r="63" spans="1:4" ht="18" customHeight="1" x14ac:dyDescent="0.15">
      <c r="A63" s="5">
        <v>48</v>
      </c>
      <c r="B63" s="22">
        <v>40</v>
      </c>
      <c r="C63" s="14">
        <v>45</v>
      </c>
      <c r="D63" s="18">
        <v>85</v>
      </c>
    </row>
    <row r="64" spans="1:4" ht="18" customHeight="1" x14ac:dyDescent="0.15">
      <c r="A64" s="5">
        <v>49</v>
      </c>
      <c r="B64" s="22">
        <v>54</v>
      </c>
      <c r="C64" s="14">
        <v>32</v>
      </c>
      <c r="D64" s="18">
        <v>86</v>
      </c>
    </row>
    <row r="65" spans="1:4" ht="18" customHeight="1" x14ac:dyDescent="0.15">
      <c r="A65" s="5" t="s">
        <v>17</v>
      </c>
      <c r="B65" s="22">
        <v>232</v>
      </c>
      <c r="C65" s="14">
        <v>202</v>
      </c>
      <c r="D65" s="18">
        <v>434</v>
      </c>
    </row>
    <row r="66" spans="1:4" ht="18" customHeight="1" x14ac:dyDescent="0.15">
      <c r="A66" s="5">
        <v>50</v>
      </c>
      <c r="B66" s="22">
        <v>49</v>
      </c>
      <c r="C66" s="14">
        <v>38</v>
      </c>
      <c r="D66" s="18">
        <v>87</v>
      </c>
    </row>
    <row r="67" spans="1:4" ht="18" customHeight="1" x14ac:dyDescent="0.15">
      <c r="A67" s="5">
        <v>51</v>
      </c>
      <c r="B67" s="22">
        <v>48</v>
      </c>
      <c r="C67" s="14">
        <v>45</v>
      </c>
      <c r="D67" s="18">
        <v>93</v>
      </c>
    </row>
    <row r="68" spans="1:4" ht="18" customHeight="1" x14ac:dyDescent="0.15">
      <c r="A68" s="5">
        <v>52</v>
      </c>
      <c r="B68" s="22">
        <v>55</v>
      </c>
      <c r="C68" s="14">
        <v>48</v>
      </c>
      <c r="D68" s="18">
        <v>103</v>
      </c>
    </row>
    <row r="69" spans="1:4" ht="18" customHeight="1" x14ac:dyDescent="0.15">
      <c r="A69" s="5">
        <v>53</v>
      </c>
      <c r="B69" s="22">
        <v>37</v>
      </c>
      <c r="C69" s="14">
        <v>44</v>
      </c>
      <c r="D69" s="18">
        <v>81</v>
      </c>
    </row>
    <row r="70" spans="1:4" ht="18" customHeight="1" x14ac:dyDescent="0.15">
      <c r="A70" s="5">
        <v>54</v>
      </c>
      <c r="B70" s="22">
        <v>41</v>
      </c>
      <c r="C70" s="14">
        <v>40</v>
      </c>
      <c r="D70" s="18">
        <v>81</v>
      </c>
    </row>
    <row r="71" spans="1:4" ht="18" customHeight="1" x14ac:dyDescent="0.15">
      <c r="A71" s="5" t="s">
        <v>22</v>
      </c>
      <c r="B71" s="22">
        <v>230</v>
      </c>
      <c r="C71" s="14">
        <v>215</v>
      </c>
      <c r="D71" s="18">
        <v>445</v>
      </c>
    </row>
    <row r="72" spans="1:4" ht="18" customHeight="1" x14ac:dyDescent="0.15">
      <c r="A72" s="5">
        <v>55</v>
      </c>
      <c r="B72" s="22">
        <v>32</v>
      </c>
      <c r="C72" s="14">
        <v>38</v>
      </c>
      <c r="D72" s="18">
        <v>70</v>
      </c>
    </row>
    <row r="73" spans="1:4" ht="18" customHeight="1" x14ac:dyDescent="0.15">
      <c r="A73" s="5">
        <v>56</v>
      </c>
      <c r="B73" s="22">
        <v>33</v>
      </c>
      <c r="C73" s="14">
        <v>23</v>
      </c>
      <c r="D73" s="18">
        <v>56</v>
      </c>
    </row>
    <row r="74" spans="1:4" ht="18" customHeight="1" x14ac:dyDescent="0.15">
      <c r="A74" s="5">
        <v>57</v>
      </c>
      <c r="B74" s="22">
        <v>45</v>
      </c>
      <c r="C74" s="14">
        <v>33</v>
      </c>
      <c r="D74" s="18">
        <v>78</v>
      </c>
    </row>
    <row r="75" spans="1:4" ht="18" customHeight="1" x14ac:dyDescent="0.15">
      <c r="A75" s="5">
        <v>58</v>
      </c>
      <c r="B75" s="22">
        <v>28</v>
      </c>
      <c r="C75" s="14">
        <v>35</v>
      </c>
      <c r="D75" s="18">
        <v>63</v>
      </c>
    </row>
    <row r="76" spans="1:4" ht="18" customHeight="1" x14ac:dyDescent="0.15">
      <c r="A76" s="5">
        <v>59</v>
      </c>
      <c r="B76" s="22">
        <v>25</v>
      </c>
      <c r="C76" s="14">
        <v>24</v>
      </c>
      <c r="D76" s="18">
        <v>49</v>
      </c>
    </row>
    <row r="77" spans="1:4" ht="18" customHeight="1" x14ac:dyDescent="0.15">
      <c r="A77" s="5" t="s">
        <v>27</v>
      </c>
      <c r="B77" s="22">
        <v>163</v>
      </c>
      <c r="C77" s="14">
        <v>153</v>
      </c>
      <c r="D77" s="18">
        <v>316</v>
      </c>
    </row>
    <row r="78" spans="1:4" ht="18" customHeight="1" x14ac:dyDescent="0.15">
      <c r="A78" s="5">
        <v>60</v>
      </c>
      <c r="B78" s="22">
        <v>28</v>
      </c>
      <c r="C78" s="14">
        <v>14</v>
      </c>
      <c r="D78" s="18">
        <v>42</v>
      </c>
    </row>
    <row r="79" spans="1:4" ht="18" customHeight="1" x14ac:dyDescent="0.15">
      <c r="A79" s="5">
        <v>61</v>
      </c>
      <c r="B79" s="22">
        <v>31</v>
      </c>
      <c r="C79" s="14">
        <v>31</v>
      </c>
      <c r="D79" s="18">
        <v>62</v>
      </c>
    </row>
    <row r="80" spans="1:4" ht="18" customHeight="1" x14ac:dyDescent="0.15">
      <c r="A80" s="5">
        <v>62</v>
      </c>
      <c r="B80" s="22">
        <v>26</v>
      </c>
      <c r="C80" s="14">
        <v>31</v>
      </c>
      <c r="D80" s="18">
        <v>57</v>
      </c>
    </row>
    <row r="81" spans="1:4" ht="18" customHeight="1" x14ac:dyDescent="0.15">
      <c r="A81" s="5">
        <v>63</v>
      </c>
      <c r="B81" s="22">
        <v>19</v>
      </c>
      <c r="C81" s="14">
        <v>22</v>
      </c>
      <c r="D81" s="18">
        <v>41</v>
      </c>
    </row>
    <row r="82" spans="1:4" ht="18" customHeight="1" x14ac:dyDescent="0.15">
      <c r="A82" s="5">
        <v>64</v>
      </c>
      <c r="B82" s="22">
        <v>22</v>
      </c>
      <c r="C82" s="14">
        <v>18</v>
      </c>
      <c r="D82" s="18">
        <v>40</v>
      </c>
    </row>
    <row r="83" spans="1:4" ht="18" customHeight="1" x14ac:dyDescent="0.15">
      <c r="A83" s="5" t="s">
        <v>28</v>
      </c>
      <c r="B83" s="22">
        <v>126</v>
      </c>
      <c r="C83" s="14">
        <v>116</v>
      </c>
      <c r="D83" s="18">
        <v>242</v>
      </c>
    </row>
    <row r="84" spans="1:4" ht="18" customHeight="1" x14ac:dyDescent="0.15">
      <c r="A84" s="5" t="s">
        <v>31</v>
      </c>
      <c r="B84" s="22">
        <v>1945</v>
      </c>
      <c r="C84" s="14">
        <v>1770</v>
      </c>
      <c r="D84" s="18">
        <v>3715</v>
      </c>
    </row>
    <row r="85" spans="1:4" ht="18" customHeight="1" x14ac:dyDescent="0.15">
      <c r="A85" s="5">
        <v>65</v>
      </c>
      <c r="B85" s="22">
        <v>14</v>
      </c>
      <c r="C85" s="14">
        <v>34</v>
      </c>
      <c r="D85" s="18">
        <v>48</v>
      </c>
    </row>
    <row r="86" spans="1:4" ht="18" customHeight="1" x14ac:dyDescent="0.15">
      <c r="A86" s="5">
        <v>66</v>
      </c>
      <c r="B86" s="22">
        <v>14</v>
      </c>
      <c r="C86" s="14">
        <v>19</v>
      </c>
      <c r="D86" s="18">
        <v>33</v>
      </c>
    </row>
    <row r="87" spans="1:4" ht="18" customHeight="1" x14ac:dyDescent="0.15">
      <c r="A87" s="5">
        <v>67</v>
      </c>
      <c r="B87" s="22">
        <v>23</v>
      </c>
      <c r="C87" s="14">
        <v>26</v>
      </c>
      <c r="D87" s="18">
        <v>49</v>
      </c>
    </row>
    <row r="88" spans="1:4" ht="18" customHeight="1" x14ac:dyDescent="0.15">
      <c r="A88" s="5">
        <v>68</v>
      </c>
      <c r="B88" s="22">
        <v>24</v>
      </c>
      <c r="C88" s="14">
        <v>18</v>
      </c>
      <c r="D88" s="18">
        <v>42</v>
      </c>
    </row>
    <row r="89" spans="1:4" ht="18" customHeight="1" x14ac:dyDescent="0.15">
      <c r="A89" s="5">
        <v>69</v>
      </c>
      <c r="B89" s="22">
        <v>17</v>
      </c>
      <c r="C89" s="14">
        <v>17</v>
      </c>
      <c r="D89" s="18">
        <v>34</v>
      </c>
    </row>
    <row r="90" spans="1:4" ht="18" customHeight="1" x14ac:dyDescent="0.15">
      <c r="A90" s="5" t="s">
        <v>20</v>
      </c>
      <c r="B90" s="22">
        <v>92</v>
      </c>
      <c r="C90" s="14">
        <v>114</v>
      </c>
      <c r="D90" s="18">
        <v>206</v>
      </c>
    </row>
    <row r="91" spans="1:4" ht="18" customHeight="1" x14ac:dyDescent="0.15">
      <c r="A91" s="5">
        <v>70</v>
      </c>
      <c r="B91" s="22">
        <v>26</v>
      </c>
      <c r="C91" s="14">
        <v>16</v>
      </c>
      <c r="D91" s="18">
        <v>42</v>
      </c>
    </row>
    <row r="92" spans="1:4" ht="18" customHeight="1" x14ac:dyDescent="0.15">
      <c r="A92" s="5">
        <v>71</v>
      </c>
      <c r="B92" s="22">
        <v>27</v>
      </c>
      <c r="C92" s="14">
        <v>21</v>
      </c>
      <c r="D92" s="18">
        <v>48</v>
      </c>
    </row>
    <row r="93" spans="1:4" ht="18" customHeight="1" x14ac:dyDescent="0.15">
      <c r="A93" s="5">
        <v>72</v>
      </c>
      <c r="B93" s="22">
        <v>22</v>
      </c>
      <c r="C93" s="14">
        <v>24</v>
      </c>
      <c r="D93" s="18">
        <v>46</v>
      </c>
    </row>
    <row r="94" spans="1:4" ht="18" customHeight="1" x14ac:dyDescent="0.15">
      <c r="A94" s="5">
        <v>73</v>
      </c>
      <c r="B94" s="22">
        <v>25</v>
      </c>
      <c r="C94" s="14">
        <v>31</v>
      </c>
      <c r="D94" s="18">
        <v>56</v>
      </c>
    </row>
    <row r="95" spans="1:4" ht="18" customHeight="1" x14ac:dyDescent="0.15">
      <c r="A95" s="5">
        <v>74</v>
      </c>
      <c r="B95" s="22">
        <v>30</v>
      </c>
      <c r="C95" s="14">
        <v>22</v>
      </c>
      <c r="D95" s="18">
        <v>52</v>
      </c>
    </row>
    <row r="96" spans="1:4" ht="18" customHeight="1" x14ac:dyDescent="0.15">
      <c r="A96" s="5" t="s">
        <v>33</v>
      </c>
      <c r="B96" s="22">
        <v>130</v>
      </c>
      <c r="C96" s="14">
        <v>114</v>
      </c>
      <c r="D96" s="18">
        <v>244</v>
      </c>
    </row>
    <row r="97" spans="1:4" ht="18" customHeight="1" x14ac:dyDescent="0.15">
      <c r="A97" s="5">
        <v>75</v>
      </c>
      <c r="B97" s="22">
        <v>26</v>
      </c>
      <c r="C97" s="14">
        <v>33</v>
      </c>
      <c r="D97" s="18">
        <v>59</v>
      </c>
    </row>
    <row r="98" spans="1:4" ht="18" customHeight="1" x14ac:dyDescent="0.15">
      <c r="A98" s="5">
        <v>76</v>
      </c>
      <c r="B98" s="22">
        <v>28</v>
      </c>
      <c r="C98" s="14">
        <v>28</v>
      </c>
      <c r="D98" s="18">
        <v>56</v>
      </c>
    </row>
    <row r="99" spans="1:4" ht="18" customHeight="1" x14ac:dyDescent="0.15">
      <c r="A99" s="5">
        <v>77</v>
      </c>
      <c r="B99" s="22">
        <v>25</v>
      </c>
      <c r="C99" s="14">
        <v>27</v>
      </c>
      <c r="D99" s="18">
        <v>52</v>
      </c>
    </row>
    <row r="100" spans="1:4" ht="18" customHeight="1" x14ac:dyDescent="0.15">
      <c r="A100" s="5">
        <v>78</v>
      </c>
      <c r="B100" s="22">
        <v>32</v>
      </c>
      <c r="C100" s="14">
        <v>29</v>
      </c>
      <c r="D100" s="18">
        <v>61</v>
      </c>
    </row>
    <row r="101" spans="1:4" ht="18" customHeight="1" x14ac:dyDescent="0.15">
      <c r="A101" s="5">
        <v>79</v>
      </c>
      <c r="B101" s="22">
        <v>22</v>
      </c>
      <c r="C101" s="14">
        <v>22</v>
      </c>
      <c r="D101" s="18">
        <v>44</v>
      </c>
    </row>
    <row r="102" spans="1:4" ht="18" customHeight="1" x14ac:dyDescent="0.15">
      <c r="A102" s="5" t="s">
        <v>0</v>
      </c>
      <c r="B102" s="22">
        <v>133</v>
      </c>
      <c r="C102" s="14">
        <v>139</v>
      </c>
      <c r="D102" s="18">
        <v>272</v>
      </c>
    </row>
    <row r="103" spans="1:4" ht="18" customHeight="1" x14ac:dyDescent="0.15">
      <c r="A103" s="5">
        <v>80</v>
      </c>
      <c r="B103" s="22">
        <v>10</v>
      </c>
      <c r="C103" s="14">
        <v>9</v>
      </c>
      <c r="D103" s="18">
        <v>19</v>
      </c>
    </row>
    <row r="104" spans="1:4" ht="18" customHeight="1" x14ac:dyDescent="0.15">
      <c r="A104" s="5">
        <v>81</v>
      </c>
      <c r="B104" s="22">
        <v>6</v>
      </c>
      <c r="C104" s="14">
        <v>21</v>
      </c>
      <c r="D104" s="18">
        <v>27</v>
      </c>
    </row>
    <row r="105" spans="1:4" ht="18" customHeight="1" x14ac:dyDescent="0.15">
      <c r="A105" s="5">
        <v>82</v>
      </c>
      <c r="B105" s="22">
        <v>13</v>
      </c>
      <c r="C105" s="14">
        <v>24</v>
      </c>
      <c r="D105" s="18">
        <v>37</v>
      </c>
    </row>
    <row r="106" spans="1:4" ht="18" customHeight="1" x14ac:dyDescent="0.15">
      <c r="A106" s="5">
        <v>83</v>
      </c>
      <c r="B106" s="22">
        <v>9</v>
      </c>
      <c r="C106" s="14">
        <v>23</v>
      </c>
      <c r="D106" s="18">
        <v>32</v>
      </c>
    </row>
    <row r="107" spans="1:4" ht="18" customHeight="1" x14ac:dyDescent="0.15">
      <c r="A107" s="5">
        <v>84</v>
      </c>
      <c r="B107" s="22">
        <v>17</v>
      </c>
      <c r="C107" s="14">
        <v>25</v>
      </c>
      <c r="D107" s="18">
        <v>42</v>
      </c>
    </row>
    <row r="108" spans="1:4" ht="18" customHeight="1" x14ac:dyDescent="0.15">
      <c r="A108" s="5" t="s">
        <v>35</v>
      </c>
      <c r="B108" s="22">
        <v>55</v>
      </c>
      <c r="C108" s="14">
        <v>102</v>
      </c>
      <c r="D108" s="18">
        <v>157</v>
      </c>
    </row>
    <row r="109" spans="1:4" ht="18" customHeight="1" x14ac:dyDescent="0.15">
      <c r="A109" s="5">
        <v>85</v>
      </c>
      <c r="B109" s="22">
        <v>15</v>
      </c>
      <c r="C109" s="14">
        <v>17</v>
      </c>
      <c r="D109" s="18">
        <v>32</v>
      </c>
    </row>
    <row r="110" spans="1:4" ht="18" customHeight="1" x14ac:dyDescent="0.15">
      <c r="A110" s="5">
        <v>86</v>
      </c>
      <c r="B110" s="22">
        <v>6</v>
      </c>
      <c r="C110" s="14">
        <v>16</v>
      </c>
      <c r="D110" s="18">
        <v>22</v>
      </c>
    </row>
    <row r="111" spans="1:4" ht="18" customHeight="1" x14ac:dyDescent="0.15">
      <c r="A111" s="5">
        <v>87</v>
      </c>
      <c r="B111" s="22">
        <v>9</v>
      </c>
      <c r="C111" s="14">
        <v>9</v>
      </c>
      <c r="D111" s="18">
        <v>18</v>
      </c>
    </row>
    <row r="112" spans="1:4" ht="18" customHeight="1" x14ac:dyDescent="0.15">
      <c r="A112" s="5">
        <v>88</v>
      </c>
      <c r="B112" s="22">
        <v>6</v>
      </c>
      <c r="C112" s="14">
        <v>11</v>
      </c>
      <c r="D112" s="18">
        <v>17</v>
      </c>
    </row>
    <row r="113" spans="1:4" ht="18" customHeight="1" x14ac:dyDescent="0.15">
      <c r="A113" s="5">
        <v>89</v>
      </c>
      <c r="B113" s="22">
        <v>6</v>
      </c>
      <c r="C113" s="14">
        <v>16</v>
      </c>
      <c r="D113" s="18">
        <v>22</v>
      </c>
    </row>
    <row r="114" spans="1:4" ht="18" customHeight="1" x14ac:dyDescent="0.15">
      <c r="A114" s="5" t="s">
        <v>37</v>
      </c>
      <c r="B114" s="22">
        <v>42</v>
      </c>
      <c r="C114" s="14">
        <v>69</v>
      </c>
      <c r="D114" s="18">
        <v>111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0</v>
      </c>
      <c r="C118" s="14">
        <v>7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7</v>
      </c>
      <c r="D119" s="18">
        <v>9</v>
      </c>
    </row>
    <row r="120" spans="1:4" ht="18" customHeight="1" x14ac:dyDescent="0.15">
      <c r="A120" s="5" t="s">
        <v>39</v>
      </c>
      <c r="B120" s="22">
        <v>11</v>
      </c>
      <c r="C120" s="14">
        <v>46</v>
      </c>
      <c r="D120" s="18">
        <v>57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2</v>
      </c>
      <c r="C122" s="14">
        <v>1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6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7</v>
      </c>
      <c r="C130" s="14">
        <v>595</v>
      </c>
      <c r="D130" s="18">
        <v>1062</v>
      </c>
    </row>
    <row r="131" spans="1:4" ht="18" customHeight="1" x14ac:dyDescent="0.15">
      <c r="A131" s="7" t="s">
        <v>45</v>
      </c>
      <c r="B131" s="23">
        <v>2846</v>
      </c>
      <c r="C131" s="15">
        <v>2814</v>
      </c>
      <c r="D131" s="19">
        <v>56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8</v>
      </c>
      <c r="D5" s="17">
        <v>19</v>
      </c>
    </row>
    <row r="6" spans="1:4" ht="18" customHeight="1" x14ac:dyDescent="0.15">
      <c r="A6" s="5">
        <v>1</v>
      </c>
      <c r="B6" s="22">
        <v>10</v>
      </c>
      <c r="C6" s="14">
        <v>11</v>
      </c>
      <c r="D6" s="18">
        <v>21</v>
      </c>
    </row>
    <row r="7" spans="1:4" ht="18" customHeight="1" x14ac:dyDescent="0.15">
      <c r="A7" s="5">
        <v>2</v>
      </c>
      <c r="B7" s="22">
        <v>10</v>
      </c>
      <c r="C7" s="14">
        <v>15</v>
      </c>
      <c r="D7" s="18">
        <v>25</v>
      </c>
    </row>
    <row r="8" spans="1:4" ht="18" customHeight="1" x14ac:dyDescent="0.15">
      <c r="A8" s="5">
        <v>3</v>
      </c>
      <c r="B8" s="22">
        <v>16</v>
      </c>
      <c r="C8" s="14">
        <v>15</v>
      </c>
      <c r="D8" s="18">
        <v>31</v>
      </c>
    </row>
    <row r="9" spans="1:4" ht="18" customHeight="1" x14ac:dyDescent="0.15">
      <c r="A9" s="5">
        <v>4</v>
      </c>
      <c r="B9" s="22">
        <v>20</v>
      </c>
      <c r="C9" s="14">
        <v>14</v>
      </c>
      <c r="D9" s="18">
        <v>34</v>
      </c>
    </row>
    <row r="10" spans="1:4" ht="18" customHeight="1" x14ac:dyDescent="0.15">
      <c r="A10" s="5" t="s">
        <v>7</v>
      </c>
      <c r="B10" s="22">
        <v>67</v>
      </c>
      <c r="C10" s="14">
        <v>63</v>
      </c>
      <c r="D10" s="18">
        <v>130</v>
      </c>
    </row>
    <row r="11" spans="1:4" ht="18" customHeight="1" x14ac:dyDescent="0.15">
      <c r="A11" s="5">
        <v>5</v>
      </c>
      <c r="B11" s="22">
        <v>15</v>
      </c>
      <c r="C11" s="14">
        <v>17</v>
      </c>
      <c r="D11" s="18">
        <v>32</v>
      </c>
    </row>
    <row r="12" spans="1:4" ht="18" customHeight="1" x14ac:dyDescent="0.15">
      <c r="A12" s="5">
        <v>6</v>
      </c>
      <c r="B12" s="22">
        <v>20</v>
      </c>
      <c r="C12" s="14">
        <v>15</v>
      </c>
      <c r="D12" s="18">
        <v>35</v>
      </c>
    </row>
    <row r="13" spans="1:4" ht="18" customHeight="1" x14ac:dyDescent="0.15">
      <c r="A13" s="5">
        <v>7</v>
      </c>
      <c r="B13" s="22">
        <v>28</v>
      </c>
      <c r="C13" s="14">
        <v>17</v>
      </c>
      <c r="D13" s="18">
        <v>45</v>
      </c>
    </row>
    <row r="14" spans="1:4" ht="18" customHeight="1" x14ac:dyDescent="0.15">
      <c r="A14" s="5">
        <v>8</v>
      </c>
      <c r="B14" s="22">
        <v>30</v>
      </c>
      <c r="C14" s="14">
        <v>20</v>
      </c>
      <c r="D14" s="18">
        <v>50</v>
      </c>
    </row>
    <row r="15" spans="1:4" ht="18" customHeight="1" x14ac:dyDescent="0.15">
      <c r="A15" s="5">
        <v>9</v>
      </c>
      <c r="B15" s="22">
        <v>30</v>
      </c>
      <c r="C15" s="14">
        <v>19</v>
      </c>
      <c r="D15" s="18">
        <v>49</v>
      </c>
    </row>
    <row r="16" spans="1:4" ht="18" customHeight="1" x14ac:dyDescent="0.15">
      <c r="A16" s="5" t="s">
        <v>11</v>
      </c>
      <c r="B16" s="22">
        <v>123</v>
      </c>
      <c r="C16" s="14">
        <v>88</v>
      </c>
      <c r="D16" s="18">
        <v>211</v>
      </c>
    </row>
    <row r="17" spans="1:4" ht="18" customHeight="1" x14ac:dyDescent="0.15">
      <c r="A17" s="5">
        <v>10</v>
      </c>
      <c r="B17" s="22">
        <v>23</v>
      </c>
      <c r="C17" s="14">
        <v>22</v>
      </c>
      <c r="D17" s="18">
        <v>45</v>
      </c>
    </row>
    <row r="18" spans="1:4" ht="18" customHeight="1" x14ac:dyDescent="0.15">
      <c r="A18" s="5">
        <v>11</v>
      </c>
      <c r="B18" s="22">
        <v>34</v>
      </c>
      <c r="C18" s="14">
        <v>20</v>
      </c>
      <c r="D18" s="18">
        <v>54</v>
      </c>
    </row>
    <row r="19" spans="1:4" ht="18" customHeight="1" x14ac:dyDescent="0.15">
      <c r="A19" s="5">
        <v>12</v>
      </c>
      <c r="B19" s="22">
        <v>18</v>
      </c>
      <c r="C19" s="14">
        <v>20</v>
      </c>
      <c r="D19" s="18">
        <v>38</v>
      </c>
    </row>
    <row r="20" spans="1:4" ht="18" customHeight="1" x14ac:dyDescent="0.15">
      <c r="A20" s="5">
        <v>13</v>
      </c>
      <c r="B20" s="22">
        <v>36</v>
      </c>
      <c r="C20" s="14">
        <v>20</v>
      </c>
      <c r="D20" s="18">
        <v>56</v>
      </c>
    </row>
    <row r="21" spans="1:4" ht="18" customHeight="1" x14ac:dyDescent="0.15">
      <c r="A21" s="5">
        <v>14</v>
      </c>
      <c r="B21" s="22">
        <v>27</v>
      </c>
      <c r="C21" s="14">
        <v>33</v>
      </c>
      <c r="D21" s="18">
        <v>60</v>
      </c>
    </row>
    <row r="22" spans="1:4" ht="18" customHeight="1" x14ac:dyDescent="0.15">
      <c r="A22" s="5" t="s">
        <v>12</v>
      </c>
      <c r="B22" s="22">
        <v>138</v>
      </c>
      <c r="C22" s="14">
        <v>115</v>
      </c>
      <c r="D22" s="18">
        <v>253</v>
      </c>
    </row>
    <row r="23" spans="1:4" ht="18" customHeight="1" x14ac:dyDescent="0.15">
      <c r="A23" s="5" t="s">
        <v>6</v>
      </c>
      <c r="B23" s="22">
        <v>328</v>
      </c>
      <c r="C23" s="14">
        <v>266</v>
      </c>
      <c r="D23" s="18">
        <v>594</v>
      </c>
    </row>
    <row r="24" spans="1:4" ht="18" customHeight="1" x14ac:dyDescent="0.15">
      <c r="A24" s="5">
        <v>15</v>
      </c>
      <c r="B24" s="22">
        <v>36</v>
      </c>
      <c r="C24" s="14">
        <v>33</v>
      </c>
      <c r="D24" s="18">
        <v>69</v>
      </c>
    </row>
    <row r="25" spans="1:4" ht="18" customHeight="1" x14ac:dyDescent="0.15">
      <c r="A25" s="5">
        <v>16</v>
      </c>
      <c r="B25" s="22">
        <v>45</v>
      </c>
      <c r="C25" s="14">
        <v>44</v>
      </c>
      <c r="D25" s="18">
        <v>89</v>
      </c>
    </row>
    <row r="26" spans="1:4" ht="18" customHeight="1" x14ac:dyDescent="0.15">
      <c r="A26" s="5">
        <v>17</v>
      </c>
      <c r="B26" s="22">
        <v>37</v>
      </c>
      <c r="C26" s="14">
        <v>30</v>
      </c>
      <c r="D26" s="18">
        <v>67</v>
      </c>
    </row>
    <row r="27" spans="1:4" ht="18" customHeight="1" x14ac:dyDescent="0.15">
      <c r="A27" s="5">
        <v>18</v>
      </c>
      <c r="B27" s="22">
        <v>31</v>
      </c>
      <c r="C27" s="14">
        <v>46</v>
      </c>
      <c r="D27" s="18">
        <v>77</v>
      </c>
    </row>
    <row r="28" spans="1:4" ht="18" customHeight="1" x14ac:dyDescent="0.15">
      <c r="A28" s="5">
        <v>19</v>
      </c>
      <c r="B28" s="22">
        <v>34</v>
      </c>
      <c r="C28" s="14">
        <v>31</v>
      </c>
      <c r="D28" s="18">
        <v>65</v>
      </c>
    </row>
    <row r="29" spans="1:4" ht="18" customHeight="1" x14ac:dyDescent="0.15">
      <c r="A29" s="5" t="s">
        <v>14</v>
      </c>
      <c r="B29" s="22">
        <v>183</v>
      </c>
      <c r="C29" s="14">
        <v>184</v>
      </c>
      <c r="D29" s="18">
        <v>367</v>
      </c>
    </row>
    <row r="30" spans="1:4" ht="18" customHeight="1" x14ac:dyDescent="0.15">
      <c r="A30" s="5">
        <v>20</v>
      </c>
      <c r="B30" s="22">
        <v>44</v>
      </c>
      <c r="C30" s="14">
        <v>35</v>
      </c>
      <c r="D30" s="18">
        <v>79</v>
      </c>
    </row>
    <row r="31" spans="1:4" ht="18" customHeight="1" x14ac:dyDescent="0.15">
      <c r="A31" s="5">
        <v>21</v>
      </c>
      <c r="B31" s="22">
        <v>35</v>
      </c>
      <c r="C31" s="14">
        <v>50</v>
      </c>
      <c r="D31" s="18">
        <v>85</v>
      </c>
    </row>
    <row r="32" spans="1:4" ht="18" customHeight="1" x14ac:dyDescent="0.15">
      <c r="A32" s="5">
        <v>22</v>
      </c>
      <c r="B32" s="22">
        <v>39</v>
      </c>
      <c r="C32" s="14">
        <v>20</v>
      </c>
      <c r="D32" s="18">
        <v>59</v>
      </c>
    </row>
    <row r="33" spans="1:4" ht="18" customHeight="1" x14ac:dyDescent="0.15">
      <c r="A33" s="5">
        <v>23</v>
      </c>
      <c r="B33" s="22">
        <v>27</v>
      </c>
      <c r="C33" s="14">
        <v>21</v>
      </c>
      <c r="D33" s="18">
        <v>48</v>
      </c>
    </row>
    <row r="34" spans="1:4" ht="18" customHeight="1" x14ac:dyDescent="0.15">
      <c r="A34" s="5">
        <v>24</v>
      </c>
      <c r="B34" s="22">
        <v>35</v>
      </c>
      <c r="C34" s="14">
        <v>31</v>
      </c>
      <c r="D34" s="18">
        <v>66</v>
      </c>
    </row>
    <row r="35" spans="1:4" ht="18" customHeight="1" x14ac:dyDescent="0.15">
      <c r="A35" s="5" t="s">
        <v>9</v>
      </c>
      <c r="B35" s="22">
        <v>180</v>
      </c>
      <c r="C35" s="14">
        <v>157</v>
      </c>
      <c r="D35" s="18">
        <v>337</v>
      </c>
    </row>
    <row r="36" spans="1:4" ht="18" customHeight="1" x14ac:dyDescent="0.15">
      <c r="A36" s="5">
        <v>25</v>
      </c>
      <c r="B36" s="22">
        <v>38</v>
      </c>
      <c r="C36" s="14">
        <v>26</v>
      </c>
      <c r="D36" s="18">
        <v>64</v>
      </c>
    </row>
    <row r="37" spans="1:4" ht="18" customHeight="1" x14ac:dyDescent="0.15">
      <c r="A37" s="5">
        <v>26</v>
      </c>
      <c r="B37" s="22">
        <v>18</v>
      </c>
      <c r="C37" s="14">
        <v>23</v>
      </c>
      <c r="D37" s="18">
        <v>41</v>
      </c>
    </row>
    <row r="38" spans="1:4" ht="18" customHeight="1" x14ac:dyDescent="0.15">
      <c r="A38" s="5">
        <v>27</v>
      </c>
      <c r="B38" s="22">
        <v>21</v>
      </c>
      <c r="C38" s="14">
        <v>14</v>
      </c>
      <c r="D38" s="18">
        <v>35</v>
      </c>
    </row>
    <row r="39" spans="1:4" ht="18" customHeight="1" x14ac:dyDescent="0.15">
      <c r="A39" s="5">
        <v>28</v>
      </c>
      <c r="B39" s="22">
        <v>28</v>
      </c>
      <c r="C39" s="14">
        <v>22</v>
      </c>
      <c r="D39" s="18">
        <v>50</v>
      </c>
    </row>
    <row r="40" spans="1:4" ht="18" customHeight="1" x14ac:dyDescent="0.15">
      <c r="A40" s="5">
        <v>29</v>
      </c>
      <c r="B40" s="22">
        <v>20</v>
      </c>
      <c r="C40" s="14">
        <v>22</v>
      </c>
      <c r="D40" s="18">
        <v>42</v>
      </c>
    </row>
    <row r="41" spans="1:4" ht="18" customHeight="1" x14ac:dyDescent="0.15">
      <c r="A41" s="5" t="s">
        <v>2</v>
      </c>
      <c r="B41" s="22">
        <v>125</v>
      </c>
      <c r="C41" s="14">
        <v>107</v>
      </c>
      <c r="D41" s="18">
        <v>232</v>
      </c>
    </row>
    <row r="42" spans="1:4" ht="18" customHeight="1" x14ac:dyDescent="0.15">
      <c r="A42" s="5">
        <v>30</v>
      </c>
      <c r="B42" s="22">
        <v>24</v>
      </c>
      <c r="C42" s="14">
        <v>29</v>
      </c>
      <c r="D42" s="18">
        <v>53</v>
      </c>
    </row>
    <row r="43" spans="1:4" ht="18" customHeight="1" x14ac:dyDescent="0.15">
      <c r="A43" s="5">
        <v>31</v>
      </c>
      <c r="B43" s="22">
        <v>11</v>
      </c>
      <c r="C43" s="14">
        <v>15</v>
      </c>
      <c r="D43" s="18">
        <v>26</v>
      </c>
    </row>
    <row r="44" spans="1:4" ht="18" customHeight="1" x14ac:dyDescent="0.15">
      <c r="A44" s="5">
        <v>32</v>
      </c>
      <c r="B44" s="22">
        <v>24</v>
      </c>
      <c r="C44" s="14">
        <v>16</v>
      </c>
      <c r="D44" s="18">
        <v>40</v>
      </c>
    </row>
    <row r="45" spans="1:4" ht="18" customHeight="1" x14ac:dyDescent="0.15">
      <c r="A45" s="5">
        <v>33</v>
      </c>
      <c r="B45" s="22">
        <v>21</v>
      </c>
      <c r="C45" s="14">
        <v>20</v>
      </c>
      <c r="D45" s="18">
        <v>41</v>
      </c>
    </row>
    <row r="46" spans="1:4" ht="18" customHeight="1" x14ac:dyDescent="0.15">
      <c r="A46" s="5">
        <v>34</v>
      </c>
      <c r="B46" s="22">
        <v>31</v>
      </c>
      <c r="C46" s="14">
        <v>22</v>
      </c>
      <c r="D46" s="18">
        <v>53</v>
      </c>
    </row>
    <row r="47" spans="1:4" ht="18" customHeight="1" x14ac:dyDescent="0.15">
      <c r="A47" s="5" t="s">
        <v>15</v>
      </c>
      <c r="B47" s="22">
        <v>111</v>
      </c>
      <c r="C47" s="14">
        <v>102</v>
      </c>
      <c r="D47" s="18">
        <v>213</v>
      </c>
    </row>
    <row r="48" spans="1:4" ht="18" customHeight="1" x14ac:dyDescent="0.15">
      <c r="A48" s="5">
        <v>35</v>
      </c>
      <c r="B48" s="22">
        <v>21</v>
      </c>
      <c r="C48" s="14">
        <v>20</v>
      </c>
      <c r="D48" s="18">
        <v>41</v>
      </c>
    </row>
    <row r="49" spans="1:4" ht="18" customHeight="1" x14ac:dyDescent="0.15">
      <c r="A49" s="5">
        <v>36</v>
      </c>
      <c r="B49" s="22">
        <v>22</v>
      </c>
      <c r="C49" s="14">
        <v>32</v>
      </c>
      <c r="D49" s="18">
        <v>54</v>
      </c>
    </row>
    <row r="50" spans="1:4" ht="18" customHeight="1" x14ac:dyDescent="0.15">
      <c r="A50" s="5">
        <v>37</v>
      </c>
      <c r="B50" s="22">
        <v>26</v>
      </c>
      <c r="C50" s="14">
        <v>27</v>
      </c>
      <c r="D50" s="18">
        <v>53</v>
      </c>
    </row>
    <row r="51" spans="1:4" ht="18" customHeight="1" x14ac:dyDescent="0.15">
      <c r="A51" s="5">
        <v>38</v>
      </c>
      <c r="B51" s="22">
        <v>30</v>
      </c>
      <c r="C51" s="14">
        <v>22</v>
      </c>
      <c r="D51" s="18">
        <v>52</v>
      </c>
    </row>
    <row r="52" spans="1:4" ht="18" customHeight="1" x14ac:dyDescent="0.15">
      <c r="A52" s="5">
        <v>39</v>
      </c>
      <c r="B52" s="22">
        <v>29</v>
      </c>
      <c r="C52" s="14">
        <v>26</v>
      </c>
      <c r="D52" s="18">
        <v>55</v>
      </c>
    </row>
    <row r="53" spans="1:4" ht="18" customHeight="1" x14ac:dyDescent="0.15">
      <c r="A53" s="5" t="s">
        <v>18</v>
      </c>
      <c r="B53" s="22">
        <v>128</v>
      </c>
      <c r="C53" s="14">
        <v>127</v>
      </c>
      <c r="D53" s="18">
        <v>255</v>
      </c>
    </row>
    <row r="54" spans="1:4" ht="18" customHeight="1" x14ac:dyDescent="0.15">
      <c r="A54" s="5">
        <v>40</v>
      </c>
      <c r="B54" s="22">
        <v>33</v>
      </c>
      <c r="C54" s="14">
        <v>35</v>
      </c>
      <c r="D54" s="18">
        <v>68</v>
      </c>
    </row>
    <row r="55" spans="1:4" ht="18" customHeight="1" x14ac:dyDescent="0.15">
      <c r="A55" s="5">
        <v>41</v>
      </c>
      <c r="B55" s="22">
        <v>39</v>
      </c>
      <c r="C55" s="14">
        <v>44</v>
      </c>
      <c r="D55" s="18">
        <v>83</v>
      </c>
    </row>
    <row r="56" spans="1:4" ht="18" customHeight="1" x14ac:dyDescent="0.15">
      <c r="A56" s="5">
        <v>42</v>
      </c>
      <c r="B56" s="22">
        <v>35</v>
      </c>
      <c r="C56" s="14">
        <v>23</v>
      </c>
      <c r="D56" s="18">
        <v>58</v>
      </c>
    </row>
    <row r="57" spans="1:4" ht="18" customHeight="1" x14ac:dyDescent="0.15">
      <c r="A57" s="5">
        <v>43</v>
      </c>
      <c r="B57" s="22">
        <v>28</v>
      </c>
      <c r="C57" s="14">
        <v>35</v>
      </c>
      <c r="D57" s="18">
        <v>63</v>
      </c>
    </row>
    <row r="58" spans="1:4" ht="18" customHeight="1" x14ac:dyDescent="0.15">
      <c r="A58" s="5">
        <v>44</v>
      </c>
      <c r="B58" s="22">
        <v>44</v>
      </c>
      <c r="C58" s="14">
        <v>39</v>
      </c>
      <c r="D58" s="18">
        <v>83</v>
      </c>
    </row>
    <row r="59" spans="1:4" ht="18" customHeight="1" x14ac:dyDescent="0.15">
      <c r="A59" s="5" t="s">
        <v>21</v>
      </c>
      <c r="B59" s="22">
        <v>179</v>
      </c>
      <c r="C59" s="14">
        <v>176</v>
      </c>
      <c r="D59" s="18">
        <v>355</v>
      </c>
    </row>
    <row r="60" spans="1:4" ht="18" customHeight="1" x14ac:dyDescent="0.15">
      <c r="A60" s="5">
        <v>45</v>
      </c>
      <c r="B60" s="22">
        <v>40</v>
      </c>
      <c r="C60" s="14">
        <v>32</v>
      </c>
      <c r="D60" s="18">
        <v>72</v>
      </c>
    </row>
    <row r="61" spans="1:4" ht="18" customHeight="1" x14ac:dyDescent="0.15">
      <c r="A61" s="5">
        <v>46</v>
      </c>
      <c r="B61" s="22">
        <v>47</v>
      </c>
      <c r="C61" s="14">
        <v>30</v>
      </c>
      <c r="D61" s="18">
        <v>77</v>
      </c>
    </row>
    <row r="62" spans="1:4" ht="18" customHeight="1" x14ac:dyDescent="0.15">
      <c r="A62" s="5">
        <v>47</v>
      </c>
      <c r="B62" s="22">
        <v>44</v>
      </c>
      <c r="C62" s="14">
        <v>49</v>
      </c>
      <c r="D62" s="18">
        <v>93</v>
      </c>
    </row>
    <row r="63" spans="1:4" ht="18" customHeight="1" x14ac:dyDescent="0.15">
      <c r="A63" s="5">
        <v>48</v>
      </c>
      <c r="B63" s="22">
        <v>50</v>
      </c>
      <c r="C63" s="14">
        <v>44</v>
      </c>
      <c r="D63" s="18">
        <v>94</v>
      </c>
    </row>
    <row r="64" spans="1:4" ht="18" customHeight="1" x14ac:dyDescent="0.15">
      <c r="A64" s="5">
        <v>49</v>
      </c>
      <c r="B64" s="22">
        <v>58</v>
      </c>
      <c r="C64" s="14">
        <v>49</v>
      </c>
      <c r="D64" s="18">
        <v>107</v>
      </c>
    </row>
    <row r="65" spans="1:4" ht="18" customHeight="1" x14ac:dyDescent="0.15">
      <c r="A65" s="5" t="s">
        <v>17</v>
      </c>
      <c r="B65" s="22">
        <v>239</v>
      </c>
      <c r="C65" s="14">
        <v>204</v>
      </c>
      <c r="D65" s="18">
        <v>443</v>
      </c>
    </row>
    <row r="66" spans="1:4" ht="18" customHeight="1" x14ac:dyDescent="0.15">
      <c r="A66" s="5">
        <v>50</v>
      </c>
      <c r="B66" s="22">
        <v>43</v>
      </c>
      <c r="C66" s="14">
        <v>54</v>
      </c>
      <c r="D66" s="18">
        <v>97</v>
      </c>
    </row>
    <row r="67" spans="1:4" ht="18" customHeight="1" x14ac:dyDescent="0.15">
      <c r="A67" s="5">
        <v>51</v>
      </c>
      <c r="B67" s="22">
        <v>72</v>
      </c>
      <c r="C67" s="14">
        <v>54</v>
      </c>
      <c r="D67" s="18">
        <v>126</v>
      </c>
    </row>
    <row r="68" spans="1:4" ht="18" customHeight="1" x14ac:dyDescent="0.15">
      <c r="A68" s="5">
        <v>52</v>
      </c>
      <c r="B68" s="22">
        <v>69</v>
      </c>
      <c r="C68" s="14">
        <v>81</v>
      </c>
      <c r="D68" s="18">
        <v>150</v>
      </c>
    </row>
    <row r="69" spans="1:4" ht="18" customHeight="1" x14ac:dyDescent="0.15">
      <c r="A69" s="5">
        <v>53</v>
      </c>
      <c r="B69" s="22">
        <v>76</v>
      </c>
      <c r="C69" s="14">
        <v>77</v>
      </c>
      <c r="D69" s="18">
        <v>153</v>
      </c>
    </row>
    <row r="70" spans="1:4" ht="18" customHeight="1" x14ac:dyDescent="0.15">
      <c r="A70" s="5">
        <v>54</v>
      </c>
      <c r="B70" s="22">
        <v>61</v>
      </c>
      <c r="C70" s="14">
        <v>74</v>
      </c>
      <c r="D70" s="18">
        <v>135</v>
      </c>
    </row>
    <row r="71" spans="1:4" ht="18" customHeight="1" x14ac:dyDescent="0.15">
      <c r="A71" s="5" t="s">
        <v>22</v>
      </c>
      <c r="B71" s="22">
        <v>321</v>
      </c>
      <c r="C71" s="14">
        <v>340</v>
      </c>
      <c r="D71" s="18">
        <v>661</v>
      </c>
    </row>
    <row r="72" spans="1:4" ht="18" customHeight="1" x14ac:dyDescent="0.15">
      <c r="A72" s="5">
        <v>55</v>
      </c>
      <c r="B72" s="22">
        <v>50</v>
      </c>
      <c r="C72" s="14">
        <v>63</v>
      </c>
      <c r="D72" s="18">
        <v>113</v>
      </c>
    </row>
    <row r="73" spans="1:4" ht="18" customHeight="1" x14ac:dyDescent="0.15">
      <c r="A73" s="5">
        <v>56</v>
      </c>
      <c r="B73" s="22">
        <v>74</v>
      </c>
      <c r="C73" s="14">
        <v>45</v>
      </c>
      <c r="D73" s="18">
        <v>119</v>
      </c>
    </row>
    <row r="74" spans="1:4" ht="18" customHeight="1" x14ac:dyDescent="0.15">
      <c r="A74" s="5">
        <v>57</v>
      </c>
      <c r="B74" s="22">
        <v>53</v>
      </c>
      <c r="C74" s="14">
        <v>45</v>
      </c>
      <c r="D74" s="18">
        <v>98</v>
      </c>
    </row>
    <row r="75" spans="1:4" ht="18" customHeight="1" x14ac:dyDescent="0.15">
      <c r="A75" s="5">
        <v>58</v>
      </c>
      <c r="B75" s="22">
        <v>48</v>
      </c>
      <c r="C75" s="14">
        <v>42</v>
      </c>
      <c r="D75" s="18">
        <v>90</v>
      </c>
    </row>
    <row r="76" spans="1:4" ht="18" customHeight="1" x14ac:dyDescent="0.15">
      <c r="A76" s="5">
        <v>59</v>
      </c>
      <c r="B76" s="22">
        <v>53</v>
      </c>
      <c r="C76" s="14">
        <v>47</v>
      </c>
      <c r="D76" s="18">
        <v>100</v>
      </c>
    </row>
    <row r="77" spans="1:4" ht="18" customHeight="1" x14ac:dyDescent="0.15">
      <c r="A77" s="5" t="s">
        <v>27</v>
      </c>
      <c r="B77" s="22">
        <v>278</v>
      </c>
      <c r="C77" s="14">
        <v>242</v>
      </c>
      <c r="D77" s="18">
        <v>520</v>
      </c>
    </row>
    <row r="78" spans="1:4" ht="18" customHeight="1" x14ac:dyDescent="0.15">
      <c r="A78" s="5">
        <v>60</v>
      </c>
      <c r="B78" s="22">
        <v>39</v>
      </c>
      <c r="C78" s="14">
        <v>44</v>
      </c>
      <c r="D78" s="18">
        <v>83</v>
      </c>
    </row>
    <row r="79" spans="1:4" ht="18" customHeight="1" x14ac:dyDescent="0.15">
      <c r="A79" s="5">
        <v>61</v>
      </c>
      <c r="B79" s="22">
        <v>45</v>
      </c>
      <c r="C79" s="14">
        <v>43</v>
      </c>
      <c r="D79" s="18">
        <v>88</v>
      </c>
    </row>
    <row r="80" spans="1:4" ht="18" customHeight="1" x14ac:dyDescent="0.15">
      <c r="A80" s="5">
        <v>62</v>
      </c>
      <c r="B80" s="22">
        <v>41</v>
      </c>
      <c r="C80" s="14">
        <v>47</v>
      </c>
      <c r="D80" s="18">
        <v>88</v>
      </c>
    </row>
    <row r="81" spans="1:4" ht="18" customHeight="1" x14ac:dyDescent="0.15">
      <c r="A81" s="5">
        <v>63</v>
      </c>
      <c r="B81" s="22">
        <v>30</v>
      </c>
      <c r="C81" s="14">
        <v>38</v>
      </c>
      <c r="D81" s="18">
        <v>68</v>
      </c>
    </row>
    <row r="82" spans="1:4" ht="18" customHeight="1" x14ac:dyDescent="0.15">
      <c r="A82" s="5">
        <v>64</v>
      </c>
      <c r="B82" s="22">
        <v>43</v>
      </c>
      <c r="C82" s="14">
        <v>28</v>
      </c>
      <c r="D82" s="18">
        <v>71</v>
      </c>
    </row>
    <row r="83" spans="1:4" ht="18" customHeight="1" x14ac:dyDescent="0.15">
      <c r="A83" s="5" t="s">
        <v>28</v>
      </c>
      <c r="B83" s="22">
        <v>198</v>
      </c>
      <c r="C83" s="14">
        <v>200</v>
      </c>
      <c r="D83" s="18">
        <v>398</v>
      </c>
    </row>
    <row r="84" spans="1:4" ht="18" customHeight="1" x14ac:dyDescent="0.15">
      <c r="A84" s="5" t="s">
        <v>31</v>
      </c>
      <c r="B84" s="22">
        <v>1942</v>
      </c>
      <c r="C84" s="14">
        <v>1839</v>
      </c>
      <c r="D84" s="18">
        <v>3781</v>
      </c>
    </row>
    <row r="85" spans="1:4" ht="18" customHeight="1" x14ac:dyDescent="0.15">
      <c r="A85" s="5">
        <v>65</v>
      </c>
      <c r="B85" s="22">
        <v>43</v>
      </c>
      <c r="C85" s="14">
        <v>34</v>
      </c>
      <c r="D85" s="18">
        <v>77</v>
      </c>
    </row>
    <row r="86" spans="1:4" ht="18" customHeight="1" x14ac:dyDescent="0.15">
      <c r="A86" s="5">
        <v>66</v>
      </c>
      <c r="B86" s="22">
        <v>35</v>
      </c>
      <c r="C86" s="14">
        <v>50</v>
      </c>
      <c r="D86" s="18">
        <v>85</v>
      </c>
    </row>
    <row r="87" spans="1:4" ht="18" customHeight="1" x14ac:dyDescent="0.15">
      <c r="A87" s="5">
        <v>67</v>
      </c>
      <c r="B87" s="22">
        <v>38</v>
      </c>
      <c r="C87" s="14">
        <v>47</v>
      </c>
      <c r="D87" s="18">
        <v>85</v>
      </c>
    </row>
    <row r="88" spans="1:4" ht="18" customHeight="1" x14ac:dyDescent="0.15">
      <c r="A88" s="5">
        <v>68</v>
      </c>
      <c r="B88" s="22">
        <v>51</v>
      </c>
      <c r="C88" s="14">
        <v>40</v>
      </c>
      <c r="D88" s="18">
        <v>91</v>
      </c>
    </row>
    <row r="89" spans="1:4" ht="18" customHeight="1" x14ac:dyDescent="0.15">
      <c r="A89" s="5">
        <v>69</v>
      </c>
      <c r="B89" s="22">
        <v>35</v>
      </c>
      <c r="C89" s="14">
        <v>42</v>
      </c>
      <c r="D89" s="18">
        <v>77</v>
      </c>
    </row>
    <row r="90" spans="1:4" ht="18" customHeight="1" x14ac:dyDescent="0.15">
      <c r="A90" s="5" t="s">
        <v>20</v>
      </c>
      <c r="B90" s="22">
        <v>202</v>
      </c>
      <c r="C90" s="14">
        <v>213</v>
      </c>
      <c r="D90" s="18">
        <v>415</v>
      </c>
    </row>
    <row r="91" spans="1:4" ht="18" customHeight="1" x14ac:dyDescent="0.15">
      <c r="A91" s="5">
        <v>70</v>
      </c>
      <c r="B91" s="22">
        <v>35</v>
      </c>
      <c r="C91" s="14">
        <v>53</v>
      </c>
      <c r="D91" s="18">
        <v>88</v>
      </c>
    </row>
    <row r="92" spans="1:4" ht="18" customHeight="1" x14ac:dyDescent="0.15">
      <c r="A92" s="5">
        <v>71</v>
      </c>
      <c r="B92" s="22">
        <v>42</v>
      </c>
      <c r="C92" s="14">
        <v>42</v>
      </c>
      <c r="D92" s="18">
        <v>84</v>
      </c>
    </row>
    <row r="93" spans="1:4" ht="18" customHeight="1" x14ac:dyDescent="0.15">
      <c r="A93" s="5">
        <v>72</v>
      </c>
      <c r="B93" s="22">
        <v>36</v>
      </c>
      <c r="C93" s="14">
        <v>41</v>
      </c>
      <c r="D93" s="18">
        <v>77</v>
      </c>
    </row>
    <row r="94" spans="1:4" ht="18" customHeight="1" x14ac:dyDescent="0.15">
      <c r="A94" s="5">
        <v>73</v>
      </c>
      <c r="B94" s="22">
        <v>52</v>
      </c>
      <c r="C94" s="14">
        <v>44</v>
      </c>
      <c r="D94" s="18">
        <v>96</v>
      </c>
    </row>
    <row r="95" spans="1:4" ht="18" customHeight="1" x14ac:dyDescent="0.15">
      <c r="A95" s="5">
        <v>74</v>
      </c>
      <c r="B95" s="22">
        <v>38</v>
      </c>
      <c r="C95" s="14">
        <v>55</v>
      </c>
      <c r="D95" s="18">
        <v>93</v>
      </c>
    </row>
    <row r="96" spans="1:4" ht="18" customHeight="1" x14ac:dyDescent="0.15">
      <c r="A96" s="5" t="s">
        <v>33</v>
      </c>
      <c r="B96" s="22">
        <v>203</v>
      </c>
      <c r="C96" s="14">
        <v>235</v>
      </c>
      <c r="D96" s="18">
        <v>438</v>
      </c>
    </row>
    <row r="97" spans="1:4" ht="18" customHeight="1" x14ac:dyDescent="0.15">
      <c r="A97" s="5">
        <v>75</v>
      </c>
      <c r="B97" s="22">
        <v>48</v>
      </c>
      <c r="C97" s="14">
        <v>52</v>
      </c>
      <c r="D97" s="18">
        <v>100</v>
      </c>
    </row>
    <row r="98" spans="1:4" ht="18" customHeight="1" x14ac:dyDescent="0.15">
      <c r="A98" s="5">
        <v>76</v>
      </c>
      <c r="B98" s="22">
        <v>46</v>
      </c>
      <c r="C98" s="14">
        <v>73</v>
      </c>
      <c r="D98" s="18">
        <v>119</v>
      </c>
    </row>
    <row r="99" spans="1:4" ht="18" customHeight="1" x14ac:dyDescent="0.15">
      <c r="A99" s="5">
        <v>77</v>
      </c>
      <c r="B99" s="22">
        <v>60</v>
      </c>
      <c r="C99" s="14">
        <v>73</v>
      </c>
      <c r="D99" s="18">
        <v>133</v>
      </c>
    </row>
    <row r="100" spans="1:4" ht="18" customHeight="1" x14ac:dyDescent="0.15">
      <c r="A100" s="5">
        <v>78</v>
      </c>
      <c r="B100" s="22">
        <v>55</v>
      </c>
      <c r="C100" s="14">
        <v>60</v>
      </c>
      <c r="D100" s="18">
        <v>115</v>
      </c>
    </row>
    <row r="101" spans="1:4" ht="18" customHeight="1" x14ac:dyDescent="0.15">
      <c r="A101" s="5">
        <v>79</v>
      </c>
      <c r="B101" s="22">
        <v>44</v>
      </c>
      <c r="C101" s="14">
        <v>59</v>
      </c>
      <c r="D101" s="18">
        <v>103</v>
      </c>
    </row>
    <row r="102" spans="1:4" ht="18" customHeight="1" x14ac:dyDescent="0.15">
      <c r="A102" s="5" t="s">
        <v>0</v>
      </c>
      <c r="B102" s="22">
        <v>253</v>
      </c>
      <c r="C102" s="14">
        <v>317</v>
      </c>
      <c r="D102" s="18">
        <v>570</v>
      </c>
    </row>
    <row r="103" spans="1:4" ht="18" customHeight="1" x14ac:dyDescent="0.15">
      <c r="A103" s="5">
        <v>80</v>
      </c>
      <c r="B103" s="22">
        <v>19</v>
      </c>
      <c r="C103" s="14">
        <v>39</v>
      </c>
      <c r="D103" s="18">
        <v>58</v>
      </c>
    </row>
    <row r="104" spans="1:4" ht="18" customHeight="1" x14ac:dyDescent="0.15">
      <c r="A104" s="5">
        <v>81</v>
      </c>
      <c r="B104" s="22">
        <v>31</v>
      </c>
      <c r="C104" s="14">
        <v>50</v>
      </c>
      <c r="D104" s="18">
        <v>81</v>
      </c>
    </row>
    <row r="105" spans="1:4" ht="18" customHeight="1" x14ac:dyDescent="0.15">
      <c r="A105" s="5">
        <v>82</v>
      </c>
      <c r="B105" s="22">
        <v>39</v>
      </c>
      <c r="C105" s="14">
        <v>64</v>
      </c>
      <c r="D105" s="18">
        <v>103</v>
      </c>
    </row>
    <row r="106" spans="1:4" ht="18" customHeight="1" x14ac:dyDescent="0.15">
      <c r="A106" s="5">
        <v>83</v>
      </c>
      <c r="B106" s="22">
        <v>26</v>
      </c>
      <c r="C106" s="14">
        <v>49</v>
      </c>
      <c r="D106" s="18">
        <v>75</v>
      </c>
    </row>
    <row r="107" spans="1:4" ht="18" customHeight="1" x14ac:dyDescent="0.15">
      <c r="A107" s="5">
        <v>84</v>
      </c>
      <c r="B107" s="22">
        <v>38</v>
      </c>
      <c r="C107" s="14">
        <v>40</v>
      </c>
      <c r="D107" s="18">
        <v>78</v>
      </c>
    </row>
    <row r="108" spans="1:4" ht="18" customHeight="1" x14ac:dyDescent="0.15">
      <c r="A108" s="5" t="s">
        <v>35</v>
      </c>
      <c r="B108" s="22">
        <v>153</v>
      </c>
      <c r="C108" s="14">
        <v>242</v>
      </c>
      <c r="D108" s="18">
        <v>395</v>
      </c>
    </row>
    <row r="109" spans="1:4" ht="18" customHeight="1" x14ac:dyDescent="0.15">
      <c r="A109" s="5">
        <v>85</v>
      </c>
      <c r="B109" s="22">
        <v>21</v>
      </c>
      <c r="C109" s="14">
        <v>37</v>
      </c>
      <c r="D109" s="18">
        <v>58</v>
      </c>
    </row>
    <row r="110" spans="1:4" ht="18" customHeight="1" x14ac:dyDescent="0.15">
      <c r="A110" s="5">
        <v>86</v>
      </c>
      <c r="B110" s="22">
        <v>37</v>
      </c>
      <c r="C110" s="14">
        <v>28</v>
      </c>
      <c r="D110" s="18">
        <v>65</v>
      </c>
    </row>
    <row r="111" spans="1:4" ht="18" customHeight="1" x14ac:dyDescent="0.15">
      <c r="A111" s="5">
        <v>87</v>
      </c>
      <c r="B111" s="22">
        <v>17</v>
      </c>
      <c r="C111" s="14">
        <v>21</v>
      </c>
      <c r="D111" s="18">
        <v>38</v>
      </c>
    </row>
    <row r="112" spans="1:4" ht="18" customHeight="1" x14ac:dyDescent="0.15">
      <c r="A112" s="5">
        <v>88</v>
      </c>
      <c r="B112" s="22">
        <v>15</v>
      </c>
      <c r="C112" s="14">
        <v>28</v>
      </c>
      <c r="D112" s="18">
        <v>43</v>
      </c>
    </row>
    <row r="113" spans="1:4" ht="18" customHeight="1" x14ac:dyDescent="0.15">
      <c r="A113" s="5">
        <v>89</v>
      </c>
      <c r="B113" s="22">
        <v>17</v>
      </c>
      <c r="C113" s="14">
        <v>33</v>
      </c>
      <c r="D113" s="18">
        <v>50</v>
      </c>
    </row>
    <row r="114" spans="1:4" ht="18" customHeight="1" x14ac:dyDescent="0.15">
      <c r="A114" s="5" t="s">
        <v>37</v>
      </c>
      <c r="B114" s="22">
        <v>107</v>
      </c>
      <c r="C114" s="14">
        <v>147</v>
      </c>
      <c r="D114" s="18">
        <v>254</v>
      </c>
    </row>
    <row r="115" spans="1:4" ht="18" customHeight="1" x14ac:dyDescent="0.15">
      <c r="A115" s="5">
        <v>90</v>
      </c>
      <c r="B115" s="22">
        <v>13</v>
      </c>
      <c r="C115" s="14">
        <v>35</v>
      </c>
      <c r="D115" s="18">
        <v>48</v>
      </c>
    </row>
    <row r="116" spans="1:4" ht="18" customHeight="1" x14ac:dyDescent="0.15">
      <c r="A116" s="5">
        <v>91</v>
      </c>
      <c r="B116" s="22">
        <v>4</v>
      </c>
      <c r="C116" s="14">
        <v>20</v>
      </c>
      <c r="D116" s="18">
        <v>24</v>
      </c>
    </row>
    <row r="117" spans="1:4" ht="18" customHeight="1" x14ac:dyDescent="0.15">
      <c r="A117" s="5">
        <v>92</v>
      </c>
      <c r="B117" s="22">
        <v>7</v>
      </c>
      <c r="C117" s="14">
        <v>19</v>
      </c>
      <c r="D117" s="18">
        <v>26</v>
      </c>
    </row>
    <row r="118" spans="1:4" ht="18" customHeight="1" x14ac:dyDescent="0.15">
      <c r="A118" s="5">
        <v>93</v>
      </c>
      <c r="B118" s="22">
        <v>11</v>
      </c>
      <c r="C118" s="14">
        <v>22</v>
      </c>
      <c r="D118" s="18">
        <v>33</v>
      </c>
    </row>
    <row r="119" spans="1:4" ht="18" customHeight="1" x14ac:dyDescent="0.15">
      <c r="A119" s="5">
        <v>94</v>
      </c>
      <c r="B119" s="22">
        <v>3</v>
      </c>
      <c r="C119" s="14">
        <v>13</v>
      </c>
      <c r="D119" s="18">
        <v>16</v>
      </c>
    </row>
    <row r="120" spans="1:4" ht="18" customHeight="1" x14ac:dyDescent="0.15">
      <c r="A120" s="5" t="s">
        <v>39</v>
      </c>
      <c r="B120" s="22">
        <v>38</v>
      </c>
      <c r="C120" s="14">
        <v>109</v>
      </c>
      <c r="D120" s="18">
        <v>147</v>
      </c>
    </row>
    <row r="121" spans="1:4" ht="18" customHeight="1" x14ac:dyDescent="0.15">
      <c r="A121" s="5">
        <v>95</v>
      </c>
      <c r="B121" s="22">
        <v>5</v>
      </c>
      <c r="C121" s="14">
        <v>4</v>
      </c>
      <c r="D121" s="18">
        <v>9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0</v>
      </c>
      <c r="C126" s="14">
        <v>21</v>
      </c>
      <c r="D126" s="18">
        <v>3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966</v>
      </c>
      <c r="C130" s="14">
        <v>1290</v>
      </c>
      <c r="D130" s="18">
        <v>2256</v>
      </c>
    </row>
    <row r="131" spans="1:4" ht="18" customHeight="1" x14ac:dyDescent="0.15">
      <c r="A131" s="7" t="s">
        <v>45</v>
      </c>
      <c r="B131" s="23">
        <v>3236</v>
      </c>
      <c r="C131" s="15">
        <v>3395</v>
      </c>
      <c r="D131" s="19">
        <v>66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10</v>
      </c>
      <c r="D5" s="17">
        <v>18</v>
      </c>
    </row>
    <row r="6" spans="1:4" ht="18" customHeight="1" x14ac:dyDescent="0.15">
      <c r="A6" s="5">
        <v>1</v>
      </c>
      <c r="B6" s="22">
        <v>13</v>
      </c>
      <c r="C6" s="14">
        <v>7</v>
      </c>
      <c r="D6" s="18">
        <v>20</v>
      </c>
    </row>
    <row r="7" spans="1:4" ht="18" customHeight="1" x14ac:dyDescent="0.15">
      <c r="A7" s="5">
        <v>2</v>
      </c>
      <c r="B7" s="22">
        <v>12</v>
      </c>
      <c r="C7" s="14">
        <v>12</v>
      </c>
      <c r="D7" s="18">
        <v>24</v>
      </c>
    </row>
    <row r="8" spans="1:4" ht="18" customHeight="1" x14ac:dyDescent="0.15">
      <c r="A8" s="5">
        <v>3</v>
      </c>
      <c r="B8" s="22">
        <v>10</v>
      </c>
      <c r="C8" s="14">
        <v>12</v>
      </c>
      <c r="D8" s="18">
        <v>22</v>
      </c>
    </row>
    <row r="9" spans="1:4" ht="18" customHeight="1" x14ac:dyDescent="0.15">
      <c r="A9" s="5">
        <v>4</v>
      </c>
      <c r="B9" s="22">
        <v>18</v>
      </c>
      <c r="C9" s="14">
        <v>12</v>
      </c>
      <c r="D9" s="18">
        <v>30</v>
      </c>
    </row>
    <row r="10" spans="1:4" ht="18" customHeight="1" x14ac:dyDescent="0.15">
      <c r="A10" s="5" t="s">
        <v>7</v>
      </c>
      <c r="B10" s="22">
        <v>61</v>
      </c>
      <c r="C10" s="14">
        <v>53</v>
      </c>
      <c r="D10" s="18">
        <v>114</v>
      </c>
    </row>
    <row r="11" spans="1:4" ht="18" customHeight="1" x14ac:dyDescent="0.15">
      <c r="A11" s="5">
        <v>5</v>
      </c>
      <c r="B11" s="22">
        <v>11</v>
      </c>
      <c r="C11" s="14">
        <v>14</v>
      </c>
      <c r="D11" s="18">
        <v>25</v>
      </c>
    </row>
    <row r="12" spans="1:4" ht="18" customHeight="1" x14ac:dyDescent="0.15">
      <c r="A12" s="5">
        <v>6</v>
      </c>
      <c r="B12" s="22">
        <v>16</v>
      </c>
      <c r="C12" s="14">
        <v>16</v>
      </c>
      <c r="D12" s="18">
        <v>32</v>
      </c>
    </row>
    <row r="13" spans="1:4" ht="18" customHeight="1" x14ac:dyDescent="0.15">
      <c r="A13" s="5">
        <v>7</v>
      </c>
      <c r="B13" s="22">
        <v>14</v>
      </c>
      <c r="C13" s="14">
        <v>11</v>
      </c>
      <c r="D13" s="18">
        <v>25</v>
      </c>
    </row>
    <row r="14" spans="1:4" ht="18" customHeight="1" x14ac:dyDescent="0.15">
      <c r="A14" s="5">
        <v>8</v>
      </c>
      <c r="B14" s="22">
        <v>16</v>
      </c>
      <c r="C14" s="14">
        <v>14</v>
      </c>
      <c r="D14" s="18">
        <v>30</v>
      </c>
    </row>
    <row r="15" spans="1:4" ht="18" customHeight="1" x14ac:dyDescent="0.15">
      <c r="A15" s="5">
        <v>9</v>
      </c>
      <c r="B15" s="22">
        <v>20</v>
      </c>
      <c r="C15" s="14">
        <v>11</v>
      </c>
      <c r="D15" s="18">
        <v>31</v>
      </c>
    </row>
    <row r="16" spans="1:4" ht="18" customHeight="1" x14ac:dyDescent="0.15">
      <c r="A16" s="5" t="s">
        <v>11</v>
      </c>
      <c r="B16" s="22">
        <v>77</v>
      </c>
      <c r="C16" s="14">
        <v>66</v>
      </c>
      <c r="D16" s="18">
        <v>143</v>
      </c>
    </row>
    <row r="17" spans="1:4" ht="18" customHeight="1" x14ac:dyDescent="0.15">
      <c r="A17" s="5">
        <v>10</v>
      </c>
      <c r="B17" s="22">
        <v>24</v>
      </c>
      <c r="C17" s="14">
        <v>16</v>
      </c>
      <c r="D17" s="18">
        <v>40</v>
      </c>
    </row>
    <row r="18" spans="1:4" ht="18" customHeight="1" x14ac:dyDescent="0.15">
      <c r="A18" s="5">
        <v>11</v>
      </c>
      <c r="B18" s="22">
        <v>15</v>
      </c>
      <c r="C18" s="14">
        <v>33</v>
      </c>
      <c r="D18" s="18">
        <v>48</v>
      </c>
    </row>
    <row r="19" spans="1:4" ht="18" customHeight="1" x14ac:dyDescent="0.15">
      <c r="A19" s="5">
        <v>12</v>
      </c>
      <c r="B19" s="22">
        <v>20</v>
      </c>
      <c r="C19" s="14">
        <v>19</v>
      </c>
      <c r="D19" s="18">
        <v>39</v>
      </c>
    </row>
    <row r="20" spans="1:4" ht="18" customHeight="1" x14ac:dyDescent="0.15">
      <c r="A20" s="5">
        <v>13</v>
      </c>
      <c r="B20" s="22">
        <v>28</v>
      </c>
      <c r="C20" s="14">
        <v>13</v>
      </c>
      <c r="D20" s="18">
        <v>41</v>
      </c>
    </row>
    <row r="21" spans="1:4" ht="18" customHeight="1" x14ac:dyDescent="0.15">
      <c r="A21" s="5">
        <v>14</v>
      </c>
      <c r="B21" s="22">
        <v>21</v>
      </c>
      <c r="C21" s="14">
        <v>26</v>
      </c>
      <c r="D21" s="18">
        <v>47</v>
      </c>
    </row>
    <row r="22" spans="1:4" ht="18" customHeight="1" x14ac:dyDescent="0.15">
      <c r="A22" s="5" t="s">
        <v>12</v>
      </c>
      <c r="B22" s="22">
        <v>108</v>
      </c>
      <c r="C22" s="14">
        <v>107</v>
      </c>
      <c r="D22" s="18">
        <v>215</v>
      </c>
    </row>
    <row r="23" spans="1:4" ht="18" customHeight="1" x14ac:dyDescent="0.15">
      <c r="A23" s="5" t="s">
        <v>6</v>
      </c>
      <c r="B23" s="22">
        <v>246</v>
      </c>
      <c r="C23" s="14">
        <v>226</v>
      </c>
      <c r="D23" s="18">
        <v>472</v>
      </c>
    </row>
    <row r="24" spans="1:4" ht="18" customHeight="1" x14ac:dyDescent="0.15">
      <c r="A24" s="5">
        <v>15</v>
      </c>
      <c r="B24" s="22">
        <v>27</v>
      </c>
      <c r="C24" s="14">
        <v>32</v>
      </c>
      <c r="D24" s="18">
        <v>59</v>
      </c>
    </row>
    <row r="25" spans="1:4" ht="18" customHeight="1" x14ac:dyDescent="0.15">
      <c r="A25" s="5">
        <v>16</v>
      </c>
      <c r="B25" s="22">
        <v>22</v>
      </c>
      <c r="C25" s="14">
        <v>29</v>
      </c>
      <c r="D25" s="18">
        <v>51</v>
      </c>
    </row>
    <row r="26" spans="1:4" ht="18" customHeight="1" x14ac:dyDescent="0.15">
      <c r="A26" s="5">
        <v>17</v>
      </c>
      <c r="B26" s="22">
        <v>29</v>
      </c>
      <c r="C26" s="14">
        <v>23</v>
      </c>
      <c r="D26" s="18">
        <v>52</v>
      </c>
    </row>
    <row r="27" spans="1:4" ht="18" customHeight="1" x14ac:dyDescent="0.15">
      <c r="A27" s="5">
        <v>18</v>
      </c>
      <c r="B27" s="22">
        <v>23</v>
      </c>
      <c r="C27" s="14">
        <v>25</v>
      </c>
      <c r="D27" s="18">
        <v>48</v>
      </c>
    </row>
    <row r="28" spans="1:4" ht="18" customHeight="1" x14ac:dyDescent="0.15">
      <c r="A28" s="5">
        <v>19</v>
      </c>
      <c r="B28" s="22">
        <v>27</v>
      </c>
      <c r="C28" s="14">
        <v>31</v>
      </c>
      <c r="D28" s="18">
        <v>58</v>
      </c>
    </row>
    <row r="29" spans="1:4" ht="18" customHeight="1" x14ac:dyDescent="0.15">
      <c r="A29" s="5" t="s">
        <v>14</v>
      </c>
      <c r="B29" s="22">
        <v>128</v>
      </c>
      <c r="C29" s="14">
        <v>140</v>
      </c>
      <c r="D29" s="18">
        <v>268</v>
      </c>
    </row>
    <row r="30" spans="1:4" ht="18" customHeight="1" x14ac:dyDescent="0.15">
      <c r="A30" s="5">
        <v>20</v>
      </c>
      <c r="B30" s="22">
        <v>23</v>
      </c>
      <c r="C30" s="14">
        <v>26</v>
      </c>
      <c r="D30" s="18">
        <v>49</v>
      </c>
    </row>
    <row r="31" spans="1:4" ht="18" customHeight="1" x14ac:dyDescent="0.15">
      <c r="A31" s="5">
        <v>21</v>
      </c>
      <c r="B31" s="22">
        <v>30</v>
      </c>
      <c r="C31" s="14">
        <v>18</v>
      </c>
      <c r="D31" s="18">
        <v>48</v>
      </c>
    </row>
    <row r="32" spans="1:4" ht="18" customHeight="1" x14ac:dyDescent="0.15">
      <c r="A32" s="5">
        <v>22</v>
      </c>
      <c r="B32" s="22">
        <v>20</v>
      </c>
      <c r="C32" s="14">
        <v>27</v>
      </c>
      <c r="D32" s="18">
        <v>47</v>
      </c>
    </row>
    <row r="33" spans="1:4" ht="18" customHeight="1" x14ac:dyDescent="0.15">
      <c r="A33" s="5">
        <v>23</v>
      </c>
      <c r="B33" s="22">
        <v>31</v>
      </c>
      <c r="C33" s="14">
        <v>18</v>
      </c>
      <c r="D33" s="18">
        <v>49</v>
      </c>
    </row>
    <row r="34" spans="1:4" ht="18" customHeight="1" x14ac:dyDescent="0.15">
      <c r="A34" s="5">
        <v>24</v>
      </c>
      <c r="B34" s="22">
        <v>25</v>
      </c>
      <c r="C34" s="14">
        <v>11</v>
      </c>
      <c r="D34" s="18">
        <v>36</v>
      </c>
    </row>
    <row r="35" spans="1:4" ht="18" customHeight="1" x14ac:dyDescent="0.15">
      <c r="A35" s="5" t="s">
        <v>9</v>
      </c>
      <c r="B35" s="22">
        <v>129</v>
      </c>
      <c r="C35" s="14">
        <v>100</v>
      </c>
      <c r="D35" s="18">
        <v>229</v>
      </c>
    </row>
    <row r="36" spans="1:4" ht="18" customHeight="1" x14ac:dyDescent="0.15">
      <c r="A36" s="5">
        <v>25</v>
      </c>
      <c r="B36" s="22">
        <v>23</v>
      </c>
      <c r="C36" s="14">
        <v>22</v>
      </c>
      <c r="D36" s="18">
        <v>45</v>
      </c>
    </row>
    <row r="37" spans="1:4" ht="18" customHeight="1" x14ac:dyDescent="0.15">
      <c r="A37" s="5">
        <v>26</v>
      </c>
      <c r="B37" s="22">
        <v>17</v>
      </c>
      <c r="C37" s="14">
        <v>16</v>
      </c>
      <c r="D37" s="18">
        <v>33</v>
      </c>
    </row>
    <row r="38" spans="1:4" ht="18" customHeight="1" x14ac:dyDescent="0.15">
      <c r="A38" s="5">
        <v>27</v>
      </c>
      <c r="B38" s="22">
        <v>20</v>
      </c>
      <c r="C38" s="14">
        <v>13</v>
      </c>
      <c r="D38" s="18">
        <v>33</v>
      </c>
    </row>
    <row r="39" spans="1:4" ht="18" customHeight="1" x14ac:dyDescent="0.15">
      <c r="A39" s="5">
        <v>28</v>
      </c>
      <c r="B39" s="22">
        <v>18</v>
      </c>
      <c r="C39" s="14">
        <v>18</v>
      </c>
      <c r="D39" s="18">
        <v>36</v>
      </c>
    </row>
    <row r="40" spans="1:4" ht="18" customHeight="1" x14ac:dyDescent="0.15">
      <c r="A40" s="5">
        <v>29</v>
      </c>
      <c r="B40" s="22">
        <v>20</v>
      </c>
      <c r="C40" s="14">
        <v>18</v>
      </c>
      <c r="D40" s="18">
        <v>38</v>
      </c>
    </row>
    <row r="41" spans="1:4" ht="18" customHeight="1" x14ac:dyDescent="0.15">
      <c r="A41" s="5" t="s">
        <v>2</v>
      </c>
      <c r="B41" s="22">
        <v>98</v>
      </c>
      <c r="C41" s="14">
        <v>87</v>
      </c>
      <c r="D41" s="18">
        <v>185</v>
      </c>
    </row>
    <row r="42" spans="1:4" ht="18" customHeight="1" x14ac:dyDescent="0.15">
      <c r="A42" s="5">
        <v>30</v>
      </c>
      <c r="B42" s="22">
        <v>19</v>
      </c>
      <c r="C42" s="14">
        <v>12</v>
      </c>
      <c r="D42" s="18">
        <v>31</v>
      </c>
    </row>
    <row r="43" spans="1:4" ht="18" customHeight="1" x14ac:dyDescent="0.15">
      <c r="A43" s="5">
        <v>31</v>
      </c>
      <c r="B43" s="22">
        <v>18</v>
      </c>
      <c r="C43" s="14">
        <v>18</v>
      </c>
      <c r="D43" s="18">
        <v>36</v>
      </c>
    </row>
    <row r="44" spans="1:4" ht="18" customHeight="1" x14ac:dyDescent="0.15">
      <c r="A44" s="5">
        <v>32</v>
      </c>
      <c r="B44" s="22">
        <v>22</v>
      </c>
      <c r="C44" s="14">
        <v>12</v>
      </c>
      <c r="D44" s="18">
        <v>34</v>
      </c>
    </row>
    <row r="45" spans="1:4" ht="18" customHeight="1" x14ac:dyDescent="0.15">
      <c r="A45" s="5">
        <v>33</v>
      </c>
      <c r="B45" s="22">
        <v>16</v>
      </c>
      <c r="C45" s="14">
        <v>16</v>
      </c>
      <c r="D45" s="18">
        <v>32</v>
      </c>
    </row>
    <row r="46" spans="1:4" ht="18" customHeight="1" x14ac:dyDescent="0.15">
      <c r="A46" s="5">
        <v>34</v>
      </c>
      <c r="B46" s="22">
        <v>17</v>
      </c>
      <c r="C46" s="14">
        <v>15</v>
      </c>
      <c r="D46" s="18">
        <v>32</v>
      </c>
    </row>
    <row r="47" spans="1:4" ht="18" customHeight="1" x14ac:dyDescent="0.15">
      <c r="A47" s="5" t="s">
        <v>15</v>
      </c>
      <c r="B47" s="22">
        <v>92</v>
      </c>
      <c r="C47" s="14">
        <v>73</v>
      </c>
      <c r="D47" s="18">
        <v>165</v>
      </c>
    </row>
    <row r="48" spans="1:4" ht="18" customHeight="1" x14ac:dyDescent="0.15">
      <c r="A48" s="5">
        <v>35</v>
      </c>
      <c r="B48" s="22">
        <v>18</v>
      </c>
      <c r="C48" s="14">
        <v>15</v>
      </c>
      <c r="D48" s="18">
        <v>33</v>
      </c>
    </row>
    <row r="49" spans="1:4" ht="18" customHeight="1" x14ac:dyDescent="0.15">
      <c r="A49" s="5">
        <v>36</v>
      </c>
      <c r="B49" s="22">
        <v>12</v>
      </c>
      <c r="C49" s="14">
        <v>18</v>
      </c>
      <c r="D49" s="18">
        <v>30</v>
      </c>
    </row>
    <row r="50" spans="1:4" ht="18" customHeight="1" x14ac:dyDescent="0.15">
      <c r="A50" s="5">
        <v>37</v>
      </c>
      <c r="B50" s="22">
        <v>18</v>
      </c>
      <c r="C50" s="14">
        <v>22</v>
      </c>
      <c r="D50" s="18">
        <v>40</v>
      </c>
    </row>
    <row r="51" spans="1:4" ht="18" customHeight="1" x14ac:dyDescent="0.15">
      <c r="A51" s="5">
        <v>38</v>
      </c>
      <c r="B51" s="22">
        <v>23</v>
      </c>
      <c r="C51" s="14">
        <v>22</v>
      </c>
      <c r="D51" s="18">
        <v>45</v>
      </c>
    </row>
    <row r="52" spans="1:4" ht="18" customHeight="1" x14ac:dyDescent="0.15">
      <c r="A52" s="5">
        <v>39</v>
      </c>
      <c r="B52" s="22">
        <v>31</v>
      </c>
      <c r="C52" s="14">
        <v>22</v>
      </c>
      <c r="D52" s="18">
        <v>53</v>
      </c>
    </row>
    <row r="53" spans="1:4" ht="18" customHeight="1" x14ac:dyDescent="0.15">
      <c r="A53" s="5" t="s">
        <v>18</v>
      </c>
      <c r="B53" s="22">
        <v>102</v>
      </c>
      <c r="C53" s="14">
        <v>99</v>
      </c>
      <c r="D53" s="18">
        <v>201</v>
      </c>
    </row>
    <row r="54" spans="1:4" ht="18" customHeight="1" x14ac:dyDescent="0.15">
      <c r="A54" s="5">
        <v>40</v>
      </c>
      <c r="B54" s="22">
        <v>25</v>
      </c>
      <c r="C54" s="14">
        <v>26</v>
      </c>
      <c r="D54" s="18">
        <v>51</v>
      </c>
    </row>
    <row r="55" spans="1:4" ht="18" customHeight="1" x14ac:dyDescent="0.15">
      <c r="A55" s="5">
        <v>41</v>
      </c>
      <c r="B55" s="22">
        <v>24</v>
      </c>
      <c r="C55" s="14">
        <v>20</v>
      </c>
      <c r="D55" s="18">
        <v>44</v>
      </c>
    </row>
    <row r="56" spans="1:4" ht="18" customHeight="1" x14ac:dyDescent="0.15">
      <c r="A56" s="5">
        <v>42</v>
      </c>
      <c r="B56" s="22">
        <v>23</v>
      </c>
      <c r="C56" s="14">
        <v>31</v>
      </c>
      <c r="D56" s="18">
        <v>54</v>
      </c>
    </row>
    <row r="57" spans="1:4" ht="18" customHeight="1" x14ac:dyDescent="0.15">
      <c r="A57" s="5">
        <v>43</v>
      </c>
      <c r="B57" s="22">
        <v>30</v>
      </c>
      <c r="C57" s="14">
        <v>27</v>
      </c>
      <c r="D57" s="18">
        <v>57</v>
      </c>
    </row>
    <row r="58" spans="1:4" ht="18" customHeight="1" x14ac:dyDescent="0.15">
      <c r="A58" s="5">
        <v>44</v>
      </c>
      <c r="B58" s="22">
        <v>33</v>
      </c>
      <c r="C58" s="14">
        <v>31</v>
      </c>
      <c r="D58" s="18">
        <v>64</v>
      </c>
    </row>
    <row r="59" spans="1:4" ht="18" customHeight="1" x14ac:dyDescent="0.15">
      <c r="A59" s="5" t="s">
        <v>21</v>
      </c>
      <c r="B59" s="22">
        <v>135</v>
      </c>
      <c r="C59" s="14">
        <v>135</v>
      </c>
      <c r="D59" s="18">
        <v>270</v>
      </c>
    </row>
    <row r="60" spans="1:4" ht="18" customHeight="1" x14ac:dyDescent="0.15">
      <c r="A60" s="5">
        <v>45</v>
      </c>
      <c r="B60" s="22">
        <v>33</v>
      </c>
      <c r="C60" s="14">
        <v>30</v>
      </c>
      <c r="D60" s="18">
        <v>63</v>
      </c>
    </row>
    <row r="61" spans="1:4" ht="18" customHeight="1" x14ac:dyDescent="0.15">
      <c r="A61" s="5">
        <v>46</v>
      </c>
      <c r="B61" s="22">
        <v>37</v>
      </c>
      <c r="C61" s="14">
        <v>43</v>
      </c>
      <c r="D61" s="18">
        <v>80</v>
      </c>
    </row>
    <row r="62" spans="1:4" ht="18" customHeight="1" x14ac:dyDescent="0.15">
      <c r="A62" s="5">
        <v>47</v>
      </c>
      <c r="B62" s="22">
        <v>36</v>
      </c>
      <c r="C62" s="14">
        <v>45</v>
      </c>
      <c r="D62" s="18">
        <v>81</v>
      </c>
    </row>
    <row r="63" spans="1:4" ht="18" customHeight="1" x14ac:dyDescent="0.15">
      <c r="A63" s="5">
        <v>48</v>
      </c>
      <c r="B63" s="22">
        <v>52</v>
      </c>
      <c r="C63" s="14">
        <v>31</v>
      </c>
      <c r="D63" s="18">
        <v>83</v>
      </c>
    </row>
    <row r="64" spans="1:4" ht="18" customHeight="1" x14ac:dyDescent="0.15">
      <c r="A64" s="5">
        <v>49</v>
      </c>
      <c r="B64" s="22">
        <v>41</v>
      </c>
      <c r="C64" s="14">
        <v>30</v>
      </c>
      <c r="D64" s="18">
        <v>71</v>
      </c>
    </row>
    <row r="65" spans="1:4" ht="18" customHeight="1" x14ac:dyDescent="0.15">
      <c r="A65" s="5" t="s">
        <v>17</v>
      </c>
      <c r="B65" s="22">
        <v>199</v>
      </c>
      <c r="C65" s="14">
        <v>179</v>
      </c>
      <c r="D65" s="18">
        <v>378</v>
      </c>
    </row>
    <row r="66" spans="1:4" ht="18" customHeight="1" x14ac:dyDescent="0.15">
      <c r="A66" s="5">
        <v>50</v>
      </c>
      <c r="B66" s="22">
        <v>55</v>
      </c>
      <c r="C66" s="14">
        <v>41</v>
      </c>
      <c r="D66" s="18">
        <v>96</v>
      </c>
    </row>
    <row r="67" spans="1:4" ht="18" customHeight="1" x14ac:dyDescent="0.15">
      <c r="A67" s="5">
        <v>51</v>
      </c>
      <c r="B67" s="22">
        <v>45</v>
      </c>
      <c r="C67" s="14">
        <v>46</v>
      </c>
      <c r="D67" s="18">
        <v>91</v>
      </c>
    </row>
    <row r="68" spans="1:4" ht="18" customHeight="1" x14ac:dyDescent="0.15">
      <c r="A68" s="5">
        <v>52</v>
      </c>
      <c r="B68" s="22">
        <v>54</v>
      </c>
      <c r="C68" s="14">
        <v>49</v>
      </c>
      <c r="D68" s="18">
        <v>103</v>
      </c>
    </row>
    <row r="69" spans="1:4" ht="18" customHeight="1" x14ac:dyDescent="0.15">
      <c r="A69" s="5">
        <v>53</v>
      </c>
      <c r="B69" s="22">
        <v>48</v>
      </c>
      <c r="C69" s="14">
        <v>51</v>
      </c>
      <c r="D69" s="18">
        <v>99</v>
      </c>
    </row>
    <row r="70" spans="1:4" ht="18" customHeight="1" x14ac:dyDescent="0.15">
      <c r="A70" s="5">
        <v>54</v>
      </c>
      <c r="B70" s="22">
        <v>39</v>
      </c>
      <c r="C70" s="14">
        <v>54</v>
      </c>
      <c r="D70" s="18">
        <v>93</v>
      </c>
    </row>
    <row r="71" spans="1:4" ht="18" customHeight="1" x14ac:dyDescent="0.15">
      <c r="A71" s="5" t="s">
        <v>22</v>
      </c>
      <c r="B71" s="22">
        <v>241</v>
      </c>
      <c r="C71" s="14">
        <v>241</v>
      </c>
      <c r="D71" s="18">
        <v>482</v>
      </c>
    </row>
    <row r="72" spans="1:4" ht="18" customHeight="1" x14ac:dyDescent="0.15">
      <c r="A72" s="5">
        <v>55</v>
      </c>
      <c r="B72" s="22">
        <v>54</v>
      </c>
      <c r="C72" s="14">
        <v>45</v>
      </c>
      <c r="D72" s="18">
        <v>99</v>
      </c>
    </row>
    <row r="73" spans="1:4" ht="18" customHeight="1" x14ac:dyDescent="0.15">
      <c r="A73" s="5">
        <v>56</v>
      </c>
      <c r="B73" s="22">
        <v>49</v>
      </c>
      <c r="C73" s="14">
        <v>59</v>
      </c>
      <c r="D73" s="18">
        <v>108</v>
      </c>
    </row>
    <row r="74" spans="1:4" ht="18" customHeight="1" x14ac:dyDescent="0.15">
      <c r="A74" s="5">
        <v>57</v>
      </c>
      <c r="B74" s="22">
        <v>54</v>
      </c>
      <c r="C74" s="14">
        <v>38</v>
      </c>
      <c r="D74" s="18">
        <v>92</v>
      </c>
    </row>
    <row r="75" spans="1:4" ht="18" customHeight="1" x14ac:dyDescent="0.15">
      <c r="A75" s="5">
        <v>58</v>
      </c>
      <c r="B75" s="22">
        <v>40</v>
      </c>
      <c r="C75" s="14">
        <v>38</v>
      </c>
      <c r="D75" s="18">
        <v>78</v>
      </c>
    </row>
    <row r="76" spans="1:4" ht="18" customHeight="1" x14ac:dyDescent="0.15">
      <c r="A76" s="5">
        <v>59</v>
      </c>
      <c r="B76" s="22">
        <v>40</v>
      </c>
      <c r="C76" s="14">
        <v>46</v>
      </c>
      <c r="D76" s="18">
        <v>86</v>
      </c>
    </row>
    <row r="77" spans="1:4" ht="18" customHeight="1" x14ac:dyDescent="0.15">
      <c r="A77" s="5" t="s">
        <v>27</v>
      </c>
      <c r="B77" s="22">
        <v>237</v>
      </c>
      <c r="C77" s="14">
        <v>226</v>
      </c>
      <c r="D77" s="18">
        <v>463</v>
      </c>
    </row>
    <row r="78" spans="1:4" ht="18" customHeight="1" x14ac:dyDescent="0.15">
      <c r="A78" s="5">
        <v>60</v>
      </c>
      <c r="B78" s="22">
        <v>40</v>
      </c>
      <c r="C78" s="14">
        <v>38</v>
      </c>
      <c r="D78" s="18">
        <v>78</v>
      </c>
    </row>
    <row r="79" spans="1:4" ht="18" customHeight="1" x14ac:dyDescent="0.15">
      <c r="A79" s="5">
        <v>61</v>
      </c>
      <c r="B79" s="22">
        <v>36</v>
      </c>
      <c r="C79" s="14">
        <v>39</v>
      </c>
      <c r="D79" s="18">
        <v>75</v>
      </c>
    </row>
    <row r="80" spans="1:4" ht="18" customHeight="1" x14ac:dyDescent="0.15">
      <c r="A80" s="5">
        <v>62</v>
      </c>
      <c r="B80" s="22">
        <v>26</v>
      </c>
      <c r="C80" s="14">
        <v>40</v>
      </c>
      <c r="D80" s="18">
        <v>66</v>
      </c>
    </row>
    <row r="81" spans="1:4" ht="18" customHeight="1" x14ac:dyDescent="0.15">
      <c r="A81" s="5">
        <v>63</v>
      </c>
      <c r="B81" s="22">
        <v>40</v>
      </c>
      <c r="C81" s="14">
        <v>42</v>
      </c>
      <c r="D81" s="18">
        <v>82</v>
      </c>
    </row>
    <row r="82" spans="1:4" ht="18" customHeight="1" x14ac:dyDescent="0.15">
      <c r="A82" s="5">
        <v>64</v>
      </c>
      <c r="B82" s="22">
        <v>31</v>
      </c>
      <c r="C82" s="14">
        <v>37</v>
      </c>
      <c r="D82" s="18">
        <v>68</v>
      </c>
    </row>
    <row r="83" spans="1:4" ht="18" customHeight="1" x14ac:dyDescent="0.15">
      <c r="A83" s="5" t="s">
        <v>28</v>
      </c>
      <c r="B83" s="22">
        <v>173</v>
      </c>
      <c r="C83" s="14">
        <v>196</v>
      </c>
      <c r="D83" s="18">
        <v>369</v>
      </c>
    </row>
    <row r="84" spans="1:4" ht="18" customHeight="1" x14ac:dyDescent="0.15">
      <c r="A84" s="5" t="s">
        <v>31</v>
      </c>
      <c r="B84" s="22">
        <v>1534</v>
      </c>
      <c r="C84" s="14">
        <v>1476</v>
      </c>
      <c r="D84" s="18">
        <v>3010</v>
      </c>
    </row>
    <row r="85" spans="1:4" ht="18" customHeight="1" x14ac:dyDescent="0.15">
      <c r="A85" s="5">
        <v>65</v>
      </c>
      <c r="B85" s="22">
        <v>37</v>
      </c>
      <c r="C85" s="14">
        <v>45</v>
      </c>
      <c r="D85" s="18">
        <v>82</v>
      </c>
    </row>
    <row r="86" spans="1:4" ht="18" customHeight="1" x14ac:dyDescent="0.15">
      <c r="A86" s="5">
        <v>66</v>
      </c>
      <c r="B86" s="22">
        <v>34</v>
      </c>
      <c r="C86" s="14">
        <v>37</v>
      </c>
      <c r="D86" s="18">
        <v>71</v>
      </c>
    </row>
    <row r="87" spans="1:4" ht="18" customHeight="1" x14ac:dyDescent="0.15">
      <c r="A87" s="5">
        <v>67</v>
      </c>
      <c r="B87" s="22">
        <v>33</v>
      </c>
      <c r="C87" s="14">
        <v>39</v>
      </c>
      <c r="D87" s="18">
        <v>72</v>
      </c>
    </row>
    <row r="88" spans="1:4" ht="18" customHeight="1" x14ac:dyDescent="0.15">
      <c r="A88" s="5">
        <v>68</v>
      </c>
      <c r="B88" s="22">
        <v>46</v>
      </c>
      <c r="C88" s="14">
        <v>41</v>
      </c>
      <c r="D88" s="18">
        <v>87</v>
      </c>
    </row>
    <row r="89" spans="1:4" ht="18" customHeight="1" x14ac:dyDescent="0.15">
      <c r="A89" s="5">
        <v>69</v>
      </c>
      <c r="B89" s="22">
        <v>33</v>
      </c>
      <c r="C89" s="14">
        <v>39</v>
      </c>
      <c r="D89" s="18">
        <v>72</v>
      </c>
    </row>
    <row r="90" spans="1:4" ht="18" customHeight="1" x14ac:dyDescent="0.15">
      <c r="A90" s="5" t="s">
        <v>20</v>
      </c>
      <c r="B90" s="22">
        <v>183</v>
      </c>
      <c r="C90" s="14">
        <v>201</v>
      </c>
      <c r="D90" s="18">
        <v>384</v>
      </c>
    </row>
    <row r="91" spans="1:4" ht="18" customHeight="1" x14ac:dyDescent="0.15">
      <c r="A91" s="5">
        <v>70</v>
      </c>
      <c r="B91" s="22">
        <v>41</v>
      </c>
      <c r="C91" s="14">
        <v>39</v>
      </c>
      <c r="D91" s="18">
        <v>80</v>
      </c>
    </row>
    <row r="92" spans="1:4" ht="18" customHeight="1" x14ac:dyDescent="0.15">
      <c r="A92" s="5">
        <v>71</v>
      </c>
      <c r="B92" s="22">
        <v>31</v>
      </c>
      <c r="C92" s="14">
        <v>53</v>
      </c>
      <c r="D92" s="18">
        <v>84</v>
      </c>
    </row>
    <row r="93" spans="1:4" ht="18" customHeight="1" x14ac:dyDescent="0.15">
      <c r="A93" s="5">
        <v>72</v>
      </c>
      <c r="B93" s="22">
        <v>36</v>
      </c>
      <c r="C93" s="14">
        <v>56</v>
      </c>
      <c r="D93" s="18">
        <v>92</v>
      </c>
    </row>
    <row r="94" spans="1:4" ht="18" customHeight="1" x14ac:dyDescent="0.15">
      <c r="A94" s="5">
        <v>73</v>
      </c>
      <c r="B94" s="22">
        <v>49</v>
      </c>
      <c r="C94" s="14">
        <v>68</v>
      </c>
      <c r="D94" s="18">
        <v>117</v>
      </c>
    </row>
    <row r="95" spans="1:4" ht="18" customHeight="1" x14ac:dyDescent="0.15">
      <c r="A95" s="5">
        <v>74</v>
      </c>
      <c r="B95" s="22">
        <v>55</v>
      </c>
      <c r="C95" s="14">
        <v>68</v>
      </c>
      <c r="D95" s="18">
        <v>123</v>
      </c>
    </row>
    <row r="96" spans="1:4" ht="18" customHeight="1" x14ac:dyDescent="0.15">
      <c r="A96" s="5" t="s">
        <v>33</v>
      </c>
      <c r="B96" s="22">
        <v>212</v>
      </c>
      <c r="C96" s="14">
        <v>284</v>
      </c>
      <c r="D96" s="18">
        <v>496</v>
      </c>
    </row>
    <row r="97" spans="1:4" ht="18" customHeight="1" x14ac:dyDescent="0.15">
      <c r="A97" s="5">
        <v>75</v>
      </c>
      <c r="B97" s="22">
        <v>63</v>
      </c>
      <c r="C97" s="14">
        <v>71</v>
      </c>
      <c r="D97" s="18">
        <v>134</v>
      </c>
    </row>
    <row r="98" spans="1:4" ht="18" customHeight="1" x14ac:dyDescent="0.15">
      <c r="A98" s="5">
        <v>76</v>
      </c>
      <c r="B98" s="22">
        <v>67</v>
      </c>
      <c r="C98" s="14">
        <v>68</v>
      </c>
      <c r="D98" s="18">
        <v>135</v>
      </c>
    </row>
    <row r="99" spans="1:4" ht="18" customHeight="1" x14ac:dyDescent="0.15">
      <c r="A99" s="5">
        <v>77</v>
      </c>
      <c r="B99" s="22">
        <v>76</v>
      </c>
      <c r="C99" s="14">
        <v>74</v>
      </c>
      <c r="D99" s="18">
        <v>150</v>
      </c>
    </row>
    <row r="100" spans="1:4" ht="18" customHeight="1" x14ac:dyDescent="0.15">
      <c r="A100" s="5">
        <v>78</v>
      </c>
      <c r="B100" s="22">
        <v>63</v>
      </c>
      <c r="C100" s="14">
        <v>77</v>
      </c>
      <c r="D100" s="18">
        <v>140</v>
      </c>
    </row>
    <row r="101" spans="1:4" ht="18" customHeight="1" x14ac:dyDescent="0.15">
      <c r="A101" s="5">
        <v>79</v>
      </c>
      <c r="B101" s="22">
        <v>52</v>
      </c>
      <c r="C101" s="14">
        <v>73</v>
      </c>
      <c r="D101" s="18">
        <v>125</v>
      </c>
    </row>
    <row r="102" spans="1:4" ht="18" customHeight="1" x14ac:dyDescent="0.15">
      <c r="A102" s="5" t="s">
        <v>0</v>
      </c>
      <c r="B102" s="22">
        <v>321</v>
      </c>
      <c r="C102" s="14">
        <v>363</v>
      </c>
      <c r="D102" s="18">
        <v>684</v>
      </c>
    </row>
    <row r="103" spans="1:4" ht="18" customHeight="1" x14ac:dyDescent="0.15">
      <c r="A103" s="5">
        <v>80</v>
      </c>
      <c r="B103" s="22">
        <v>29</v>
      </c>
      <c r="C103" s="14">
        <v>48</v>
      </c>
      <c r="D103" s="18">
        <v>77</v>
      </c>
    </row>
    <row r="104" spans="1:4" ht="18" customHeight="1" x14ac:dyDescent="0.15">
      <c r="A104" s="5">
        <v>81</v>
      </c>
      <c r="B104" s="22">
        <v>48</v>
      </c>
      <c r="C104" s="14">
        <v>49</v>
      </c>
      <c r="D104" s="18">
        <v>97</v>
      </c>
    </row>
    <row r="105" spans="1:4" ht="18" customHeight="1" x14ac:dyDescent="0.15">
      <c r="A105" s="5">
        <v>82</v>
      </c>
      <c r="B105" s="22">
        <v>43</v>
      </c>
      <c r="C105" s="14">
        <v>48</v>
      </c>
      <c r="D105" s="18">
        <v>91</v>
      </c>
    </row>
    <row r="106" spans="1:4" ht="18" customHeight="1" x14ac:dyDescent="0.15">
      <c r="A106" s="5">
        <v>83</v>
      </c>
      <c r="B106" s="22">
        <v>40</v>
      </c>
      <c r="C106" s="14">
        <v>34</v>
      </c>
      <c r="D106" s="18">
        <v>74</v>
      </c>
    </row>
    <row r="107" spans="1:4" ht="18" customHeight="1" x14ac:dyDescent="0.15">
      <c r="A107" s="5">
        <v>84</v>
      </c>
      <c r="B107" s="22">
        <v>40</v>
      </c>
      <c r="C107" s="14">
        <v>52</v>
      </c>
      <c r="D107" s="18">
        <v>92</v>
      </c>
    </row>
    <row r="108" spans="1:4" ht="18" customHeight="1" x14ac:dyDescent="0.15">
      <c r="A108" s="5" t="s">
        <v>35</v>
      </c>
      <c r="B108" s="22">
        <v>200</v>
      </c>
      <c r="C108" s="14">
        <v>231</v>
      </c>
      <c r="D108" s="18">
        <v>431</v>
      </c>
    </row>
    <row r="109" spans="1:4" ht="18" customHeight="1" x14ac:dyDescent="0.15">
      <c r="A109" s="5">
        <v>85</v>
      </c>
      <c r="B109" s="22">
        <v>29</v>
      </c>
      <c r="C109" s="14">
        <v>46</v>
      </c>
      <c r="D109" s="18">
        <v>75</v>
      </c>
    </row>
    <row r="110" spans="1:4" ht="18" customHeight="1" x14ac:dyDescent="0.15">
      <c r="A110" s="5">
        <v>86</v>
      </c>
      <c r="B110" s="22">
        <v>24</v>
      </c>
      <c r="C110" s="14">
        <v>35</v>
      </c>
      <c r="D110" s="18">
        <v>59</v>
      </c>
    </row>
    <row r="111" spans="1:4" ht="18" customHeight="1" x14ac:dyDescent="0.15">
      <c r="A111" s="5">
        <v>87</v>
      </c>
      <c r="B111" s="22">
        <v>18</v>
      </c>
      <c r="C111" s="14">
        <v>31</v>
      </c>
      <c r="D111" s="18">
        <v>49</v>
      </c>
    </row>
    <row r="112" spans="1:4" ht="18" customHeight="1" x14ac:dyDescent="0.15">
      <c r="A112" s="5">
        <v>88</v>
      </c>
      <c r="B112" s="22">
        <v>20</v>
      </c>
      <c r="C112" s="14">
        <v>22</v>
      </c>
      <c r="D112" s="18">
        <v>42</v>
      </c>
    </row>
    <row r="113" spans="1:4" ht="18" customHeight="1" x14ac:dyDescent="0.15">
      <c r="A113" s="5">
        <v>89</v>
      </c>
      <c r="B113" s="22">
        <v>12</v>
      </c>
      <c r="C113" s="14">
        <v>29</v>
      </c>
      <c r="D113" s="18">
        <v>41</v>
      </c>
    </row>
    <row r="114" spans="1:4" ht="18" customHeight="1" x14ac:dyDescent="0.15">
      <c r="A114" s="5" t="s">
        <v>37</v>
      </c>
      <c r="B114" s="22">
        <v>103</v>
      </c>
      <c r="C114" s="14">
        <v>163</v>
      </c>
      <c r="D114" s="18">
        <v>266</v>
      </c>
    </row>
    <row r="115" spans="1:4" ht="18" customHeight="1" x14ac:dyDescent="0.15">
      <c r="A115" s="5">
        <v>90</v>
      </c>
      <c r="B115" s="22">
        <v>5</v>
      </c>
      <c r="C115" s="14">
        <v>23</v>
      </c>
      <c r="D115" s="18">
        <v>28</v>
      </c>
    </row>
    <row r="116" spans="1:4" ht="18" customHeight="1" x14ac:dyDescent="0.15">
      <c r="A116" s="5">
        <v>91</v>
      </c>
      <c r="B116" s="22">
        <v>14</v>
      </c>
      <c r="C116" s="14">
        <v>19</v>
      </c>
      <c r="D116" s="18">
        <v>33</v>
      </c>
    </row>
    <row r="117" spans="1:4" ht="18" customHeight="1" x14ac:dyDescent="0.15">
      <c r="A117" s="5">
        <v>92</v>
      </c>
      <c r="B117" s="22">
        <v>3</v>
      </c>
      <c r="C117" s="14">
        <v>11</v>
      </c>
      <c r="D117" s="18">
        <v>14</v>
      </c>
    </row>
    <row r="118" spans="1:4" ht="18" customHeight="1" x14ac:dyDescent="0.15">
      <c r="A118" s="5">
        <v>93</v>
      </c>
      <c r="B118" s="22">
        <v>5</v>
      </c>
      <c r="C118" s="14">
        <v>12</v>
      </c>
      <c r="D118" s="18">
        <v>17</v>
      </c>
    </row>
    <row r="119" spans="1:4" ht="18" customHeight="1" x14ac:dyDescent="0.15">
      <c r="A119" s="5">
        <v>94</v>
      </c>
      <c r="B119" s="22">
        <v>4</v>
      </c>
      <c r="C119" s="14">
        <v>8</v>
      </c>
      <c r="D119" s="18">
        <v>12</v>
      </c>
    </row>
    <row r="120" spans="1:4" ht="18" customHeight="1" x14ac:dyDescent="0.15">
      <c r="A120" s="5" t="s">
        <v>39</v>
      </c>
      <c r="B120" s="22">
        <v>31</v>
      </c>
      <c r="C120" s="14">
        <v>73</v>
      </c>
      <c r="D120" s="18">
        <v>104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9</v>
      </c>
      <c r="C126" s="14">
        <v>35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4</v>
      </c>
      <c r="D129" s="18">
        <v>5</v>
      </c>
    </row>
    <row r="130" spans="1:4" ht="18" customHeight="1" x14ac:dyDescent="0.15">
      <c r="A130" s="5" t="s">
        <v>46</v>
      </c>
      <c r="B130" s="22">
        <v>1060</v>
      </c>
      <c r="C130" s="14">
        <v>1354</v>
      </c>
      <c r="D130" s="18">
        <v>2414</v>
      </c>
    </row>
    <row r="131" spans="1:4" ht="18" customHeight="1" x14ac:dyDescent="0.15">
      <c r="A131" s="7" t="s">
        <v>45</v>
      </c>
      <c r="B131" s="23">
        <v>2840</v>
      </c>
      <c r="C131" s="15">
        <v>3056</v>
      </c>
      <c r="D131" s="19">
        <v>589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7</v>
      </c>
      <c r="D5" s="17">
        <v>17</v>
      </c>
    </row>
    <row r="6" spans="1:4" ht="18" customHeight="1" x14ac:dyDescent="0.15">
      <c r="A6" s="5">
        <v>1</v>
      </c>
      <c r="B6" s="22">
        <v>6</v>
      </c>
      <c r="C6" s="14">
        <v>8</v>
      </c>
      <c r="D6" s="18">
        <v>14</v>
      </c>
    </row>
    <row r="7" spans="1:4" ht="18" customHeight="1" x14ac:dyDescent="0.15">
      <c r="A7" s="5">
        <v>2</v>
      </c>
      <c r="B7" s="22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22">
        <v>8</v>
      </c>
      <c r="C8" s="14">
        <v>9</v>
      </c>
      <c r="D8" s="18">
        <v>17</v>
      </c>
    </row>
    <row r="9" spans="1:4" ht="18" customHeight="1" x14ac:dyDescent="0.15">
      <c r="A9" s="5">
        <v>4</v>
      </c>
      <c r="B9" s="22">
        <v>6</v>
      </c>
      <c r="C9" s="14">
        <v>6</v>
      </c>
      <c r="D9" s="18">
        <v>12</v>
      </c>
    </row>
    <row r="10" spans="1:4" ht="18" customHeight="1" x14ac:dyDescent="0.15">
      <c r="A10" s="5" t="s">
        <v>7</v>
      </c>
      <c r="B10" s="22">
        <v>38</v>
      </c>
      <c r="C10" s="14">
        <v>40</v>
      </c>
      <c r="D10" s="18">
        <v>78</v>
      </c>
    </row>
    <row r="11" spans="1:4" ht="18" customHeight="1" x14ac:dyDescent="0.15">
      <c r="A11" s="5">
        <v>5</v>
      </c>
      <c r="B11" s="22">
        <v>5</v>
      </c>
      <c r="C11" s="14">
        <v>5</v>
      </c>
      <c r="D11" s="18">
        <v>10</v>
      </c>
    </row>
    <row r="12" spans="1:4" ht="18" customHeight="1" x14ac:dyDescent="0.15">
      <c r="A12" s="5">
        <v>6</v>
      </c>
      <c r="B12" s="22">
        <v>6</v>
      </c>
      <c r="C12" s="14">
        <v>10</v>
      </c>
      <c r="D12" s="18">
        <v>16</v>
      </c>
    </row>
    <row r="13" spans="1:4" ht="18" customHeight="1" x14ac:dyDescent="0.15">
      <c r="A13" s="5">
        <v>7</v>
      </c>
      <c r="B13" s="22">
        <v>9</v>
      </c>
      <c r="C13" s="14">
        <v>3</v>
      </c>
      <c r="D13" s="18">
        <v>12</v>
      </c>
    </row>
    <row r="14" spans="1:4" ht="18" customHeight="1" x14ac:dyDescent="0.15">
      <c r="A14" s="5">
        <v>8</v>
      </c>
      <c r="B14" s="22">
        <v>6</v>
      </c>
      <c r="C14" s="14">
        <v>8</v>
      </c>
      <c r="D14" s="18">
        <v>14</v>
      </c>
    </row>
    <row r="15" spans="1:4" ht="18" customHeight="1" x14ac:dyDescent="0.15">
      <c r="A15" s="5">
        <v>9</v>
      </c>
      <c r="B15" s="22">
        <v>4</v>
      </c>
      <c r="C15" s="14">
        <v>5</v>
      </c>
      <c r="D15" s="18">
        <v>9</v>
      </c>
    </row>
    <row r="16" spans="1:4" ht="18" customHeight="1" x14ac:dyDescent="0.15">
      <c r="A16" s="5" t="s">
        <v>11</v>
      </c>
      <c r="B16" s="22">
        <v>30</v>
      </c>
      <c r="C16" s="14">
        <v>31</v>
      </c>
      <c r="D16" s="18">
        <v>61</v>
      </c>
    </row>
    <row r="17" spans="1:4" ht="18" customHeight="1" x14ac:dyDescent="0.15">
      <c r="A17" s="5">
        <v>10</v>
      </c>
      <c r="B17" s="22">
        <v>7</v>
      </c>
      <c r="C17" s="14">
        <v>4</v>
      </c>
      <c r="D17" s="18">
        <v>11</v>
      </c>
    </row>
    <row r="18" spans="1:4" ht="18" customHeight="1" x14ac:dyDescent="0.15">
      <c r="A18" s="5">
        <v>11</v>
      </c>
      <c r="B18" s="22">
        <v>12</v>
      </c>
      <c r="C18" s="14">
        <v>7</v>
      </c>
      <c r="D18" s="18">
        <v>19</v>
      </c>
    </row>
    <row r="19" spans="1:4" ht="18" customHeight="1" x14ac:dyDescent="0.15">
      <c r="A19" s="5">
        <v>12</v>
      </c>
      <c r="B19" s="22">
        <v>11</v>
      </c>
      <c r="C19" s="14">
        <v>6</v>
      </c>
      <c r="D19" s="18">
        <v>17</v>
      </c>
    </row>
    <row r="20" spans="1:4" ht="18" customHeight="1" x14ac:dyDescent="0.15">
      <c r="A20" s="5">
        <v>13</v>
      </c>
      <c r="B20" s="22">
        <v>16</v>
      </c>
      <c r="C20" s="14">
        <v>8</v>
      </c>
      <c r="D20" s="18">
        <v>24</v>
      </c>
    </row>
    <row r="21" spans="1:4" ht="18" customHeight="1" x14ac:dyDescent="0.15">
      <c r="A21" s="5">
        <v>14</v>
      </c>
      <c r="B21" s="22">
        <v>9</v>
      </c>
      <c r="C21" s="14">
        <v>10</v>
      </c>
      <c r="D21" s="18">
        <v>19</v>
      </c>
    </row>
    <row r="22" spans="1:4" ht="18" customHeight="1" x14ac:dyDescent="0.15">
      <c r="A22" s="5" t="s">
        <v>12</v>
      </c>
      <c r="B22" s="22">
        <v>55</v>
      </c>
      <c r="C22" s="14">
        <v>35</v>
      </c>
      <c r="D22" s="18">
        <v>90</v>
      </c>
    </row>
    <row r="23" spans="1:4" ht="18" customHeight="1" x14ac:dyDescent="0.15">
      <c r="A23" s="5" t="s">
        <v>6</v>
      </c>
      <c r="B23" s="22">
        <v>123</v>
      </c>
      <c r="C23" s="14">
        <v>106</v>
      </c>
      <c r="D23" s="18">
        <v>229</v>
      </c>
    </row>
    <row r="24" spans="1:4" ht="18" customHeight="1" x14ac:dyDescent="0.15">
      <c r="A24" s="5">
        <v>15</v>
      </c>
      <c r="B24" s="22">
        <v>17</v>
      </c>
      <c r="C24" s="14">
        <v>10</v>
      </c>
      <c r="D24" s="18">
        <v>27</v>
      </c>
    </row>
    <row r="25" spans="1:4" ht="18" customHeight="1" x14ac:dyDescent="0.15">
      <c r="A25" s="5">
        <v>16</v>
      </c>
      <c r="B25" s="22">
        <v>16</v>
      </c>
      <c r="C25" s="14">
        <v>14</v>
      </c>
      <c r="D25" s="18">
        <v>30</v>
      </c>
    </row>
    <row r="26" spans="1:4" ht="18" customHeight="1" x14ac:dyDescent="0.15">
      <c r="A26" s="5">
        <v>17</v>
      </c>
      <c r="B26" s="22">
        <v>15</v>
      </c>
      <c r="C26" s="14">
        <v>12</v>
      </c>
      <c r="D26" s="18">
        <v>27</v>
      </c>
    </row>
    <row r="27" spans="1:4" ht="18" customHeight="1" x14ac:dyDescent="0.15">
      <c r="A27" s="5">
        <v>18</v>
      </c>
      <c r="B27" s="22">
        <v>16</v>
      </c>
      <c r="C27" s="14">
        <v>18</v>
      </c>
      <c r="D27" s="18">
        <v>34</v>
      </c>
    </row>
    <row r="28" spans="1:4" ht="18" customHeight="1" x14ac:dyDescent="0.15">
      <c r="A28" s="5">
        <v>19</v>
      </c>
      <c r="B28" s="22">
        <v>11</v>
      </c>
      <c r="C28" s="14">
        <v>15</v>
      </c>
      <c r="D28" s="18">
        <v>26</v>
      </c>
    </row>
    <row r="29" spans="1:4" ht="18" customHeight="1" x14ac:dyDescent="0.15">
      <c r="A29" s="5" t="s">
        <v>14</v>
      </c>
      <c r="B29" s="22">
        <v>75</v>
      </c>
      <c r="C29" s="14">
        <v>69</v>
      </c>
      <c r="D29" s="18">
        <v>144</v>
      </c>
    </row>
    <row r="30" spans="1:4" ht="18" customHeight="1" x14ac:dyDescent="0.15">
      <c r="A30" s="5">
        <v>20</v>
      </c>
      <c r="B30" s="22">
        <v>24</v>
      </c>
      <c r="C30" s="14">
        <v>9</v>
      </c>
      <c r="D30" s="18">
        <v>33</v>
      </c>
    </row>
    <row r="31" spans="1:4" ht="18" customHeight="1" x14ac:dyDescent="0.15">
      <c r="A31" s="5">
        <v>21</v>
      </c>
      <c r="B31" s="22">
        <v>20</v>
      </c>
      <c r="C31" s="14">
        <v>17</v>
      </c>
      <c r="D31" s="18">
        <v>37</v>
      </c>
    </row>
    <row r="32" spans="1:4" ht="18" customHeight="1" x14ac:dyDescent="0.15">
      <c r="A32" s="5">
        <v>22</v>
      </c>
      <c r="B32" s="22">
        <v>15</v>
      </c>
      <c r="C32" s="14">
        <v>16</v>
      </c>
      <c r="D32" s="18">
        <v>31</v>
      </c>
    </row>
    <row r="33" spans="1:4" ht="18" customHeight="1" x14ac:dyDescent="0.15">
      <c r="A33" s="5">
        <v>23</v>
      </c>
      <c r="B33" s="22">
        <v>24</v>
      </c>
      <c r="C33" s="14">
        <v>13</v>
      </c>
      <c r="D33" s="18">
        <v>37</v>
      </c>
    </row>
    <row r="34" spans="1:4" ht="18" customHeight="1" x14ac:dyDescent="0.15">
      <c r="A34" s="5">
        <v>24</v>
      </c>
      <c r="B34" s="22">
        <v>21</v>
      </c>
      <c r="C34" s="14">
        <v>13</v>
      </c>
      <c r="D34" s="18">
        <v>34</v>
      </c>
    </row>
    <row r="35" spans="1:4" ht="18" customHeight="1" x14ac:dyDescent="0.15">
      <c r="A35" s="5" t="s">
        <v>9</v>
      </c>
      <c r="B35" s="22">
        <v>104</v>
      </c>
      <c r="C35" s="14">
        <v>68</v>
      </c>
      <c r="D35" s="18">
        <v>172</v>
      </c>
    </row>
    <row r="36" spans="1:4" ht="18" customHeight="1" x14ac:dyDescent="0.15">
      <c r="A36" s="5">
        <v>25</v>
      </c>
      <c r="B36" s="22">
        <v>22</v>
      </c>
      <c r="C36" s="14">
        <v>23</v>
      </c>
      <c r="D36" s="18">
        <v>45</v>
      </c>
    </row>
    <row r="37" spans="1:4" ht="18" customHeight="1" x14ac:dyDescent="0.15">
      <c r="A37" s="5">
        <v>26</v>
      </c>
      <c r="B37" s="22">
        <v>16</v>
      </c>
      <c r="C37" s="14">
        <v>21</v>
      </c>
      <c r="D37" s="18">
        <v>37</v>
      </c>
    </row>
    <row r="38" spans="1:4" ht="18" customHeight="1" x14ac:dyDescent="0.15">
      <c r="A38" s="5">
        <v>27</v>
      </c>
      <c r="B38" s="22">
        <v>11</v>
      </c>
      <c r="C38" s="14">
        <v>23</v>
      </c>
      <c r="D38" s="18">
        <v>34</v>
      </c>
    </row>
    <row r="39" spans="1:4" ht="18" customHeight="1" x14ac:dyDescent="0.15">
      <c r="A39" s="5">
        <v>28</v>
      </c>
      <c r="B39" s="22">
        <v>19</v>
      </c>
      <c r="C39" s="14">
        <v>14</v>
      </c>
      <c r="D39" s="18">
        <v>33</v>
      </c>
    </row>
    <row r="40" spans="1:4" ht="18" customHeight="1" x14ac:dyDescent="0.15">
      <c r="A40" s="5">
        <v>29</v>
      </c>
      <c r="B40" s="22">
        <v>19</v>
      </c>
      <c r="C40" s="14">
        <v>12</v>
      </c>
      <c r="D40" s="18">
        <v>31</v>
      </c>
    </row>
    <row r="41" spans="1:4" ht="18" customHeight="1" x14ac:dyDescent="0.15">
      <c r="A41" s="5" t="s">
        <v>2</v>
      </c>
      <c r="B41" s="22">
        <v>87</v>
      </c>
      <c r="C41" s="14">
        <v>93</v>
      </c>
      <c r="D41" s="18">
        <v>180</v>
      </c>
    </row>
    <row r="42" spans="1:4" ht="18" customHeight="1" x14ac:dyDescent="0.15">
      <c r="A42" s="5">
        <v>30</v>
      </c>
      <c r="B42" s="22">
        <v>22</v>
      </c>
      <c r="C42" s="14">
        <v>12</v>
      </c>
      <c r="D42" s="18">
        <v>34</v>
      </c>
    </row>
    <row r="43" spans="1:4" ht="18" customHeight="1" x14ac:dyDescent="0.15">
      <c r="A43" s="5">
        <v>31</v>
      </c>
      <c r="B43" s="22">
        <v>13</v>
      </c>
      <c r="C43" s="14">
        <v>7</v>
      </c>
      <c r="D43" s="18">
        <v>20</v>
      </c>
    </row>
    <row r="44" spans="1:4" ht="18" customHeight="1" x14ac:dyDescent="0.15">
      <c r="A44" s="5">
        <v>32</v>
      </c>
      <c r="B44" s="22">
        <v>16</v>
      </c>
      <c r="C44" s="14">
        <v>22</v>
      </c>
      <c r="D44" s="18">
        <v>38</v>
      </c>
    </row>
    <row r="45" spans="1:4" ht="18" customHeight="1" x14ac:dyDescent="0.15">
      <c r="A45" s="5">
        <v>33</v>
      </c>
      <c r="B45" s="22">
        <v>20</v>
      </c>
      <c r="C45" s="14">
        <v>12</v>
      </c>
      <c r="D45" s="18">
        <v>32</v>
      </c>
    </row>
    <row r="46" spans="1:4" ht="18" customHeight="1" x14ac:dyDescent="0.15">
      <c r="A46" s="5">
        <v>34</v>
      </c>
      <c r="B46" s="22">
        <v>16</v>
      </c>
      <c r="C46" s="14">
        <v>12</v>
      </c>
      <c r="D46" s="18">
        <v>28</v>
      </c>
    </row>
    <row r="47" spans="1:4" ht="18" customHeight="1" x14ac:dyDescent="0.15">
      <c r="A47" s="5" t="s">
        <v>15</v>
      </c>
      <c r="B47" s="22">
        <v>87</v>
      </c>
      <c r="C47" s="14">
        <v>65</v>
      </c>
      <c r="D47" s="18">
        <v>152</v>
      </c>
    </row>
    <row r="48" spans="1:4" ht="18" customHeight="1" x14ac:dyDescent="0.15">
      <c r="A48" s="5">
        <v>35</v>
      </c>
      <c r="B48" s="22">
        <v>18</v>
      </c>
      <c r="C48" s="14">
        <v>13</v>
      </c>
      <c r="D48" s="18">
        <v>31</v>
      </c>
    </row>
    <row r="49" spans="1:4" ht="18" customHeight="1" x14ac:dyDescent="0.15">
      <c r="A49" s="5">
        <v>36</v>
      </c>
      <c r="B49" s="22">
        <v>16</v>
      </c>
      <c r="C49" s="14">
        <v>8</v>
      </c>
      <c r="D49" s="18">
        <v>24</v>
      </c>
    </row>
    <row r="50" spans="1:4" ht="18" customHeight="1" x14ac:dyDescent="0.15">
      <c r="A50" s="5">
        <v>37</v>
      </c>
      <c r="B50" s="22">
        <v>14</v>
      </c>
      <c r="C50" s="14">
        <v>11</v>
      </c>
      <c r="D50" s="18">
        <v>25</v>
      </c>
    </row>
    <row r="51" spans="1:4" ht="18" customHeight="1" x14ac:dyDescent="0.15">
      <c r="A51" s="5">
        <v>38</v>
      </c>
      <c r="B51" s="22">
        <v>12</v>
      </c>
      <c r="C51" s="14">
        <v>17</v>
      </c>
      <c r="D51" s="18">
        <v>29</v>
      </c>
    </row>
    <row r="52" spans="1:4" ht="18" customHeight="1" x14ac:dyDescent="0.15">
      <c r="A52" s="5">
        <v>39</v>
      </c>
      <c r="B52" s="22">
        <v>16</v>
      </c>
      <c r="C52" s="14">
        <v>14</v>
      </c>
      <c r="D52" s="18">
        <v>30</v>
      </c>
    </row>
    <row r="53" spans="1:4" ht="18" customHeight="1" x14ac:dyDescent="0.15">
      <c r="A53" s="5" t="s">
        <v>18</v>
      </c>
      <c r="B53" s="22">
        <v>76</v>
      </c>
      <c r="C53" s="14">
        <v>63</v>
      </c>
      <c r="D53" s="18">
        <v>139</v>
      </c>
    </row>
    <row r="54" spans="1:4" ht="18" customHeight="1" x14ac:dyDescent="0.15">
      <c r="A54" s="5">
        <v>40</v>
      </c>
      <c r="B54" s="22">
        <v>10</v>
      </c>
      <c r="C54" s="14">
        <v>12</v>
      </c>
      <c r="D54" s="18">
        <v>22</v>
      </c>
    </row>
    <row r="55" spans="1:4" ht="18" customHeight="1" x14ac:dyDescent="0.15">
      <c r="A55" s="5">
        <v>41</v>
      </c>
      <c r="B55" s="22">
        <v>13</v>
      </c>
      <c r="C55" s="14">
        <v>17</v>
      </c>
      <c r="D55" s="18">
        <v>30</v>
      </c>
    </row>
    <row r="56" spans="1:4" ht="18" customHeight="1" x14ac:dyDescent="0.15">
      <c r="A56" s="5">
        <v>42</v>
      </c>
      <c r="B56" s="22">
        <v>15</v>
      </c>
      <c r="C56" s="14">
        <v>10</v>
      </c>
      <c r="D56" s="18">
        <v>25</v>
      </c>
    </row>
    <row r="57" spans="1:4" ht="18" customHeight="1" x14ac:dyDescent="0.15">
      <c r="A57" s="5">
        <v>43</v>
      </c>
      <c r="B57" s="22">
        <v>10</v>
      </c>
      <c r="C57" s="14">
        <v>14</v>
      </c>
      <c r="D57" s="18">
        <v>24</v>
      </c>
    </row>
    <row r="58" spans="1:4" ht="18" customHeight="1" x14ac:dyDescent="0.15">
      <c r="A58" s="5">
        <v>44</v>
      </c>
      <c r="B58" s="22">
        <v>18</v>
      </c>
      <c r="C58" s="14">
        <v>19</v>
      </c>
      <c r="D58" s="18">
        <v>37</v>
      </c>
    </row>
    <row r="59" spans="1:4" ht="18" customHeight="1" x14ac:dyDescent="0.15">
      <c r="A59" s="5" t="s">
        <v>21</v>
      </c>
      <c r="B59" s="22">
        <v>66</v>
      </c>
      <c r="C59" s="14">
        <v>72</v>
      </c>
      <c r="D59" s="18">
        <v>138</v>
      </c>
    </row>
    <row r="60" spans="1:4" ht="18" customHeight="1" x14ac:dyDescent="0.15">
      <c r="A60" s="5">
        <v>45</v>
      </c>
      <c r="B60" s="22">
        <v>18</v>
      </c>
      <c r="C60" s="14">
        <v>11</v>
      </c>
      <c r="D60" s="18">
        <v>29</v>
      </c>
    </row>
    <row r="61" spans="1:4" ht="18" customHeight="1" x14ac:dyDescent="0.15">
      <c r="A61" s="5">
        <v>46</v>
      </c>
      <c r="B61" s="22">
        <v>18</v>
      </c>
      <c r="C61" s="14">
        <v>15</v>
      </c>
      <c r="D61" s="18">
        <v>33</v>
      </c>
    </row>
    <row r="62" spans="1:4" ht="18" customHeight="1" x14ac:dyDescent="0.15">
      <c r="A62" s="5">
        <v>47</v>
      </c>
      <c r="B62" s="22">
        <v>17</v>
      </c>
      <c r="C62" s="14">
        <v>13</v>
      </c>
      <c r="D62" s="18">
        <v>30</v>
      </c>
    </row>
    <row r="63" spans="1:4" ht="18" customHeight="1" x14ac:dyDescent="0.15">
      <c r="A63" s="5">
        <v>48</v>
      </c>
      <c r="B63" s="22">
        <v>20</v>
      </c>
      <c r="C63" s="14">
        <v>24</v>
      </c>
      <c r="D63" s="18">
        <v>44</v>
      </c>
    </row>
    <row r="64" spans="1:4" ht="18" customHeight="1" x14ac:dyDescent="0.15">
      <c r="A64" s="5">
        <v>49</v>
      </c>
      <c r="B64" s="22">
        <v>16</v>
      </c>
      <c r="C64" s="14">
        <v>18</v>
      </c>
      <c r="D64" s="18">
        <v>34</v>
      </c>
    </row>
    <row r="65" spans="1:4" ht="18" customHeight="1" x14ac:dyDescent="0.15">
      <c r="A65" s="5" t="s">
        <v>17</v>
      </c>
      <c r="B65" s="22">
        <v>89</v>
      </c>
      <c r="C65" s="14">
        <v>81</v>
      </c>
      <c r="D65" s="18">
        <v>170</v>
      </c>
    </row>
    <row r="66" spans="1:4" ht="18" customHeight="1" x14ac:dyDescent="0.15">
      <c r="A66" s="5">
        <v>50</v>
      </c>
      <c r="B66" s="22">
        <v>28</v>
      </c>
      <c r="C66" s="14">
        <v>21</v>
      </c>
      <c r="D66" s="18">
        <v>49</v>
      </c>
    </row>
    <row r="67" spans="1:4" ht="18" customHeight="1" x14ac:dyDescent="0.15">
      <c r="A67" s="5">
        <v>51</v>
      </c>
      <c r="B67" s="22">
        <v>33</v>
      </c>
      <c r="C67" s="14">
        <v>30</v>
      </c>
      <c r="D67" s="18">
        <v>63</v>
      </c>
    </row>
    <row r="68" spans="1:4" ht="18" customHeight="1" x14ac:dyDescent="0.15">
      <c r="A68" s="5">
        <v>52</v>
      </c>
      <c r="B68" s="22">
        <v>28</v>
      </c>
      <c r="C68" s="14">
        <v>24</v>
      </c>
      <c r="D68" s="18">
        <v>52</v>
      </c>
    </row>
    <row r="69" spans="1:4" ht="18" customHeight="1" x14ac:dyDescent="0.15">
      <c r="A69" s="5">
        <v>53</v>
      </c>
      <c r="B69" s="22">
        <v>19</v>
      </c>
      <c r="C69" s="14">
        <v>34</v>
      </c>
      <c r="D69" s="18">
        <v>53</v>
      </c>
    </row>
    <row r="70" spans="1:4" ht="18" customHeight="1" x14ac:dyDescent="0.15">
      <c r="A70" s="5">
        <v>54</v>
      </c>
      <c r="B70" s="22">
        <v>33</v>
      </c>
      <c r="C70" s="14">
        <v>43</v>
      </c>
      <c r="D70" s="18">
        <v>76</v>
      </c>
    </row>
    <row r="71" spans="1:4" ht="18" customHeight="1" x14ac:dyDescent="0.15">
      <c r="A71" s="5" t="s">
        <v>22</v>
      </c>
      <c r="B71" s="22">
        <v>141</v>
      </c>
      <c r="C71" s="14">
        <v>152</v>
      </c>
      <c r="D71" s="18">
        <v>293</v>
      </c>
    </row>
    <row r="72" spans="1:4" ht="18" customHeight="1" x14ac:dyDescent="0.15">
      <c r="A72" s="5">
        <v>55</v>
      </c>
      <c r="B72" s="22">
        <v>36</v>
      </c>
      <c r="C72" s="14">
        <v>22</v>
      </c>
      <c r="D72" s="18">
        <v>58</v>
      </c>
    </row>
    <row r="73" spans="1:4" ht="18" customHeight="1" x14ac:dyDescent="0.15">
      <c r="A73" s="5">
        <v>56</v>
      </c>
      <c r="B73" s="22">
        <v>36</v>
      </c>
      <c r="C73" s="14">
        <v>36</v>
      </c>
      <c r="D73" s="18">
        <v>72</v>
      </c>
    </row>
    <row r="74" spans="1:4" ht="18" customHeight="1" x14ac:dyDescent="0.15">
      <c r="A74" s="5">
        <v>57</v>
      </c>
      <c r="B74" s="22">
        <v>32</v>
      </c>
      <c r="C74" s="14">
        <v>30</v>
      </c>
      <c r="D74" s="18">
        <v>62</v>
      </c>
    </row>
    <row r="75" spans="1:4" ht="18" customHeight="1" x14ac:dyDescent="0.15">
      <c r="A75" s="5">
        <v>58</v>
      </c>
      <c r="B75" s="22">
        <v>25</v>
      </c>
      <c r="C75" s="14">
        <v>26</v>
      </c>
      <c r="D75" s="18">
        <v>51</v>
      </c>
    </row>
    <row r="76" spans="1:4" ht="18" customHeight="1" x14ac:dyDescent="0.15">
      <c r="A76" s="5">
        <v>59</v>
      </c>
      <c r="B76" s="22">
        <v>31</v>
      </c>
      <c r="C76" s="14">
        <v>29</v>
      </c>
      <c r="D76" s="18">
        <v>60</v>
      </c>
    </row>
    <row r="77" spans="1:4" ht="18" customHeight="1" x14ac:dyDescent="0.15">
      <c r="A77" s="5" t="s">
        <v>27</v>
      </c>
      <c r="B77" s="22">
        <v>160</v>
      </c>
      <c r="C77" s="14">
        <v>143</v>
      </c>
      <c r="D77" s="18">
        <v>303</v>
      </c>
    </row>
    <row r="78" spans="1:4" ht="18" customHeight="1" x14ac:dyDescent="0.15">
      <c r="A78" s="5">
        <v>60</v>
      </c>
      <c r="B78" s="22">
        <v>18</v>
      </c>
      <c r="C78" s="14">
        <v>23</v>
      </c>
      <c r="D78" s="18">
        <v>41</v>
      </c>
    </row>
    <row r="79" spans="1:4" ht="18" customHeight="1" x14ac:dyDescent="0.15">
      <c r="A79" s="5">
        <v>61</v>
      </c>
      <c r="B79" s="22">
        <v>24</v>
      </c>
      <c r="C79" s="14">
        <v>23</v>
      </c>
      <c r="D79" s="18">
        <v>47</v>
      </c>
    </row>
    <row r="80" spans="1:4" ht="18" customHeight="1" x14ac:dyDescent="0.15">
      <c r="A80" s="5">
        <v>62</v>
      </c>
      <c r="B80" s="22">
        <v>30</v>
      </c>
      <c r="C80" s="14">
        <v>23</v>
      </c>
      <c r="D80" s="18">
        <v>53</v>
      </c>
    </row>
    <row r="81" spans="1:4" ht="18" customHeight="1" x14ac:dyDescent="0.15">
      <c r="A81" s="5">
        <v>63</v>
      </c>
      <c r="B81" s="22">
        <v>23</v>
      </c>
      <c r="C81" s="14">
        <v>25</v>
      </c>
      <c r="D81" s="18">
        <v>48</v>
      </c>
    </row>
    <row r="82" spans="1:4" ht="18" customHeight="1" x14ac:dyDescent="0.15">
      <c r="A82" s="5">
        <v>64</v>
      </c>
      <c r="B82" s="22">
        <v>23</v>
      </c>
      <c r="C82" s="14">
        <v>16</v>
      </c>
      <c r="D82" s="18">
        <v>39</v>
      </c>
    </row>
    <row r="83" spans="1:4" ht="18" customHeight="1" x14ac:dyDescent="0.15">
      <c r="A83" s="5" t="s">
        <v>28</v>
      </c>
      <c r="B83" s="22">
        <v>118</v>
      </c>
      <c r="C83" s="14">
        <v>110</v>
      </c>
      <c r="D83" s="18">
        <v>228</v>
      </c>
    </row>
    <row r="84" spans="1:4" ht="18" customHeight="1" x14ac:dyDescent="0.15">
      <c r="A84" s="5" t="s">
        <v>31</v>
      </c>
      <c r="B84" s="22">
        <v>1003</v>
      </c>
      <c r="C84" s="14">
        <v>916</v>
      </c>
      <c r="D84" s="18">
        <v>1919</v>
      </c>
    </row>
    <row r="85" spans="1:4" ht="18" customHeight="1" x14ac:dyDescent="0.15">
      <c r="A85" s="5">
        <v>65</v>
      </c>
      <c r="B85" s="22">
        <v>13</v>
      </c>
      <c r="C85" s="14">
        <v>29</v>
      </c>
      <c r="D85" s="18">
        <v>42</v>
      </c>
    </row>
    <row r="86" spans="1:4" ht="18" customHeight="1" x14ac:dyDescent="0.15">
      <c r="A86" s="5">
        <v>66</v>
      </c>
      <c r="B86" s="22">
        <v>19</v>
      </c>
      <c r="C86" s="14">
        <v>12</v>
      </c>
      <c r="D86" s="18">
        <v>31</v>
      </c>
    </row>
    <row r="87" spans="1:4" ht="18" customHeight="1" x14ac:dyDescent="0.15">
      <c r="A87" s="5">
        <v>67</v>
      </c>
      <c r="B87" s="22">
        <v>25</v>
      </c>
      <c r="C87" s="14">
        <v>25</v>
      </c>
      <c r="D87" s="18">
        <v>50</v>
      </c>
    </row>
    <row r="88" spans="1:4" ht="18" customHeight="1" x14ac:dyDescent="0.15">
      <c r="A88" s="5">
        <v>68</v>
      </c>
      <c r="B88" s="22">
        <v>16</v>
      </c>
      <c r="C88" s="14">
        <v>19</v>
      </c>
      <c r="D88" s="18">
        <v>35</v>
      </c>
    </row>
    <row r="89" spans="1:4" ht="18" customHeight="1" x14ac:dyDescent="0.15">
      <c r="A89" s="5">
        <v>69</v>
      </c>
      <c r="B89" s="22">
        <v>26</v>
      </c>
      <c r="C89" s="14">
        <v>24</v>
      </c>
      <c r="D89" s="18">
        <v>50</v>
      </c>
    </row>
    <row r="90" spans="1:4" ht="18" customHeight="1" x14ac:dyDescent="0.15">
      <c r="A90" s="5" t="s">
        <v>20</v>
      </c>
      <c r="B90" s="22">
        <v>99</v>
      </c>
      <c r="C90" s="14">
        <v>109</v>
      </c>
      <c r="D90" s="18">
        <v>208</v>
      </c>
    </row>
    <row r="91" spans="1:4" ht="18" customHeight="1" x14ac:dyDescent="0.15">
      <c r="A91" s="5">
        <v>70</v>
      </c>
      <c r="B91" s="22">
        <v>26</v>
      </c>
      <c r="C91" s="14">
        <v>21</v>
      </c>
      <c r="D91" s="18">
        <v>47</v>
      </c>
    </row>
    <row r="92" spans="1:4" ht="18" customHeight="1" x14ac:dyDescent="0.15">
      <c r="A92" s="5">
        <v>71</v>
      </c>
      <c r="B92" s="22">
        <v>19</v>
      </c>
      <c r="C92" s="14">
        <v>12</v>
      </c>
      <c r="D92" s="18">
        <v>31</v>
      </c>
    </row>
    <row r="93" spans="1:4" ht="18" customHeight="1" x14ac:dyDescent="0.15">
      <c r="A93" s="5">
        <v>72</v>
      </c>
      <c r="B93" s="22">
        <v>17</v>
      </c>
      <c r="C93" s="14">
        <v>23</v>
      </c>
      <c r="D93" s="18">
        <v>40</v>
      </c>
    </row>
    <row r="94" spans="1:4" ht="18" customHeight="1" x14ac:dyDescent="0.15">
      <c r="A94" s="5">
        <v>73</v>
      </c>
      <c r="B94" s="22">
        <v>22</v>
      </c>
      <c r="C94" s="14">
        <v>19</v>
      </c>
      <c r="D94" s="18">
        <v>41</v>
      </c>
    </row>
    <row r="95" spans="1:4" ht="18" customHeight="1" x14ac:dyDescent="0.15">
      <c r="A95" s="5">
        <v>74</v>
      </c>
      <c r="B95" s="22">
        <v>18</v>
      </c>
      <c r="C95" s="14">
        <v>14</v>
      </c>
      <c r="D95" s="18">
        <v>32</v>
      </c>
    </row>
    <row r="96" spans="1:4" ht="18" customHeight="1" x14ac:dyDescent="0.15">
      <c r="A96" s="5" t="s">
        <v>33</v>
      </c>
      <c r="B96" s="22">
        <v>102</v>
      </c>
      <c r="C96" s="14">
        <v>89</v>
      </c>
      <c r="D96" s="18">
        <v>191</v>
      </c>
    </row>
    <row r="97" spans="1:4" ht="18" customHeight="1" x14ac:dyDescent="0.15">
      <c r="A97" s="5">
        <v>75</v>
      </c>
      <c r="B97" s="22">
        <v>22</v>
      </c>
      <c r="C97" s="14">
        <v>15</v>
      </c>
      <c r="D97" s="18">
        <v>37</v>
      </c>
    </row>
    <row r="98" spans="1:4" ht="18" customHeight="1" x14ac:dyDescent="0.15">
      <c r="A98" s="5">
        <v>76</v>
      </c>
      <c r="B98" s="22">
        <v>19</v>
      </c>
      <c r="C98" s="14">
        <v>32</v>
      </c>
      <c r="D98" s="18">
        <v>51</v>
      </c>
    </row>
    <row r="99" spans="1:4" ht="18" customHeight="1" x14ac:dyDescent="0.15">
      <c r="A99" s="5">
        <v>77</v>
      </c>
      <c r="B99" s="22">
        <v>21</v>
      </c>
      <c r="C99" s="14">
        <v>33</v>
      </c>
      <c r="D99" s="18">
        <v>54</v>
      </c>
    </row>
    <row r="100" spans="1:4" ht="18" customHeight="1" x14ac:dyDescent="0.15">
      <c r="A100" s="5">
        <v>78</v>
      </c>
      <c r="B100" s="22">
        <v>30</v>
      </c>
      <c r="C100" s="14">
        <v>30</v>
      </c>
      <c r="D100" s="18">
        <v>60</v>
      </c>
    </row>
    <row r="101" spans="1:4" ht="18" customHeight="1" x14ac:dyDescent="0.15">
      <c r="A101" s="5">
        <v>79</v>
      </c>
      <c r="B101" s="22">
        <v>14</v>
      </c>
      <c r="C101" s="14">
        <v>29</v>
      </c>
      <c r="D101" s="18">
        <v>43</v>
      </c>
    </row>
    <row r="102" spans="1:4" ht="18" customHeight="1" x14ac:dyDescent="0.15">
      <c r="A102" s="5" t="s">
        <v>0</v>
      </c>
      <c r="B102" s="22">
        <v>106</v>
      </c>
      <c r="C102" s="14">
        <v>139</v>
      </c>
      <c r="D102" s="18">
        <v>245</v>
      </c>
    </row>
    <row r="103" spans="1:4" ht="18" customHeight="1" x14ac:dyDescent="0.15">
      <c r="A103" s="5">
        <v>80</v>
      </c>
      <c r="B103" s="22">
        <v>11</v>
      </c>
      <c r="C103" s="14">
        <v>25</v>
      </c>
      <c r="D103" s="18">
        <v>36</v>
      </c>
    </row>
    <row r="104" spans="1:4" ht="18" customHeight="1" x14ac:dyDescent="0.15">
      <c r="A104" s="5">
        <v>81</v>
      </c>
      <c r="B104" s="22">
        <v>18</v>
      </c>
      <c r="C104" s="14">
        <v>25</v>
      </c>
      <c r="D104" s="18">
        <v>43</v>
      </c>
    </row>
    <row r="105" spans="1:4" ht="18" customHeight="1" x14ac:dyDescent="0.15">
      <c r="A105" s="5">
        <v>82</v>
      </c>
      <c r="B105" s="22">
        <v>18</v>
      </c>
      <c r="C105" s="14">
        <v>20</v>
      </c>
      <c r="D105" s="18">
        <v>38</v>
      </c>
    </row>
    <row r="106" spans="1:4" ht="18" customHeight="1" x14ac:dyDescent="0.15">
      <c r="A106" s="5">
        <v>83</v>
      </c>
      <c r="B106" s="22">
        <v>14</v>
      </c>
      <c r="C106" s="14">
        <v>18</v>
      </c>
      <c r="D106" s="18">
        <v>32</v>
      </c>
    </row>
    <row r="107" spans="1:4" ht="18" customHeight="1" x14ac:dyDescent="0.15">
      <c r="A107" s="5">
        <v>84</v>
      </c>
      <c r="B107" s="22">
        <v>12</v>
      </c>
      <c r="C107" s="14">
        <v>18</v>
      </c>
      <c r="D107" s="18">
        <v>30</v>
      </c>
    </row>
    <row r="108" spans="1:4" ht="18" customHeight="1" x14ac:dyDescent="0.15">
      <c r="A108" s="5" t="s">
        <v>35</v>
      </c>
      <c r="B108" s="22">
        <v>73</v>
      </c>
      <c r="C108" s="14">
        <v>106</v>
      </c>
      <c r="D108" s="18">
        <v>179</v>
      </c>
    </row>
    <row r="109" spans="1:4" ht="18" customHeight="1" x14ac:dyDescent="0.15">
      <c r="A109" s="5">
        <v>85</v>
      </c>
      <c r="B109" s="22">
        <v>10</v>
      </c>
      <c r="C109" s="14">
        <v>14</v>
      </c>
      <c r="D109" s="18">
        <v>24</v>
      </c>
    </row>
    <row r="110" spans="1:4" ht="18" customHeight="1" x14ac:dyDescent="0.15">
      <c r="A110" s="5">
        <v>86</v>
      </c>
      <c r="B110" s="22">
        <v>9</v>
      </c>
      <c r="C110" s="14">
        <v>14</v>
      </c>
      <c r="D110" s="18">
        <v>23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19</v>
      </c>
      <c r="D112" s="18">
        <v>25</v>
      </c>
    </row>
    <row r="113" spans="1:4" ht="18" customHeight="1" x14ac:dyDescent="0.15">
      <c r="A113" s="5">
        <v>89</v>
      </c>
      <c r="B113" s="22">
        <v>5</v>
      </c>
      <c r="C113" s="14">
        <v>12</v>
      </c>
      <c r="D113" s="18">
        <v>17</v>
      </c>
    </row>
    <row r="114" spans="1:4" ht="18" customHeight="1" x14ac:dyDescent="0.15">
      <c r="A114" s="5" t="s">
        <v>37</v>
      </c>
      <c r="B114" s="22">
        <v>34</v>
      </c>
      <c r="C114" s="14">
        <v>67</v>
      </c>
      <c r="D114" s="18">
        <v>101</v>
      </c>
    </row>
    <row r="115" spans="1:4" ht="18" customHeight="1" x14ac:dyDescent="0.15">
      <c r="A115" s="5">
        <v>90</v>
      </c>
      <c r="B115" s="22">
        <v>4</v>
      </c>
      <c r="C115" s="14">
        <v>13</v>
      </c>
      <c r="D115" s="18">
        <v>17</v>
      </c>
    </row>
    <row r="116" spans="1:4" ht="18" customHeight="1" x14ac:dyDescent="0.15">
      <c r="A116" s="5">
        <v>91</v>
      </c>
      <c r="B116" s="22">
        <v>3</v>
      </c>
      <c r="C116" s="14">
        <v>11</v>
      </c>
      <c r="D116" s="18">
        <v>14</v>
      </c>
    </row>
    <row r="117" spans="1:4" ht="18" customHeight="1" x14ac:dyDescent="0.15">
      <c r="A117" s="5">
        <v>92</v>
      </c>
      <c r="B117" s="22">
        <v>4</v>
      </c>
      <c r="C117" s="14">
        <v>11</v>
      </c>
      <c r="D117" s="18">
        <v>15</v>
      </c>
    </row>
    <row r="118" spans="1:4" ht="18" customHeight="1" x14ac:dyDescent="0.15">
      <c r="A118" s="5">
        <v>93</v>
      </c>
      <c r="B118" s="22">
        <v>3</v>
      </c>
      <c r="C118" s="14">
        <v>12</v>
      </c>
      <c r="D118" s="18">
        <v>15</v>
      </c>
    </row>
    <row r="119" spans="1:4" ht="18" customHeight="1" x14ac:dyDescent="0.15">
      <c r="A119" s="5">
        <v>94</v>
      </c>
      <c r="B119" s="22">
        <v>2</v>
      </c>
      <c r="C119" s="14">
        <v>4</v>
      </c>
      <c r="D119" s="18">
        <v>6</v>
      </c>
    </row>
    <row r="120" spans="1:4" ht="18" customHeight="1" x14ac:dyDescent="0.15">
      <c r="A120" s="5" t="s">
        <v>39</v>
      </c>
      <c r="B120" s="22">
        <v>16</v>
      </c>
      <c r="C120" s="14">
        <v>51</v>
      </c>
      <c r="D120" s="18">
        <v>67</v>
      </c>
    </row>
    <row r="121" spans="1:4" ht="18" customHeight="1" x14ac:dyDescent="0.15">
      <c r="A121" s="5">
        <v>95</v>
      </c>
      <c r="B121" s="22">
        <v>0</v>
      </c>
      <c r="C121" s="14">
        <v>11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6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4</v>
      </c>
      <c r="C126" s="14">
        <v>25</v>
      </c>
      <c r="D126" s="18">
        <v>2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34</v>
      </c>
      <c r="C130" s="14">
        <v>590</v>
      </c>
      <c r="D130" s="18">
        <v>1024</v>
      </c>
    </row>
    <row r="131" spans="1:4" ht="18" customHeight="1" x14ac:dyDescent="0.15">
      <c r="A131" s="7" t="s">
        <v>45</v>
      </c>
      <c r="B131" s="23">
        <v>1560</v>
      </c>
      <c r="C131" s="15">
        <v>1612</v>
      </c>
      <c r="D131" s="19">
        <v>31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1</v>
      </c>
      <c r="D5" s="17">
        <v>5</v>
      </c>
    </row>
    <row r="6" spans="1:4" ht="18" customHeight="1" x14ac:dyDescent="0.15">
      <c r="A6" s="5">
        <v>1</v>
      </c>
      <c r="B6" s="22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2">
        <v>4</v>
      </c>
      <c r="C7" s="14">
        <v>8</v>
      </c>
      <c r="D7" s="18">
        <v>12</v>
      </c>
    </row>
    <row r="8" spans="1:4" ht="18" customHeight="1" x14ac:dyDescent="0.15">
      <c r="A8" s="5">
        <v>3</v>
      </c>
      <c r="B8" s="22">
        <v>4</v>
      </c>
      <c r="C8" s="14">
        <v>3</v>
      </c>
      <c r="D8" s="18">
        <v>7</v>
      </c>
    </row>
    <row r="9" spans="1:4" ht="18" customHeight="1" x14ac:dyDescent="0.15">
      <c r="A9" s="5">
        <v>4</v>
      </c>
      <c r="B9" s="22">
        <v>7</v>
      </c>
      <c r="C9" s="14">
        <v>3</v>
      </c>
      <c r="D9" s="18">
        <v>10</v>
      </c>
    </row>
    <row r="10" spans="1:4" ht="18" customHeight="1" x14ac:dyDescent="0.15">
      <c r="A10" s="5" t="s">
        <v>7</v>
      </c>
      <c r="B10" s="22">
        <v>23</v>
      </c>
      <c r="C10" s="14">
        <v>18</v>
      </c>
      <c r="D10" s="18">
        <v>41</v>
      </c>
    </row>
    <row r="11" spans="1:4" ht="18" customHeight="1" x14ac:dyDescent="0.15">
      <c r="A11" s="5">
        <v>5</v>
      </c>
      <c r="B11" s="22">
        <v>7</v>
      </c>
      <c r="C11" s="14">
        <v>7</v>
      </c>
      <c r="D11" s="18">
        <v>14</v>
      </c>
    </row>
    <row r="12" spans="1:4" ht="18" customHeight="1" x14ac:dyDescent="0.15">
      <c r="A12" s="5">
        <v>6</v>
      </c>
      <c r="B12" s="22">
        <v>3</v>
      </c>
      <c r="C12" s="14">
        <v>3</v>
      </c>
      <c r="D12" s="18">
        <v>6</v>
      </c>
    </row>
    <row r="13" spans="1:4" ht="18" customHeight="1" x14ac:dyDescent="0.15">
      <c r="A13" s="5">
        <v>7</v>
      </c>
      <c r="B13" s="22">
        <v>8</v>
      </c>
      <c r="C13" s="14">
        <v>8</v>
      </c>
      <c r="D13" s="18">
        <v>16</v>
      </c>
    </row>
    <row r="14" spans="1:4" ht="18" customHeight="1" x14ac:dyDescent="0.15">
      <c r="A14" s="5">
        <v>8</v>
      </c>
      <c r="B14" s="22">
        <v>9</v>
      </c>
      <c r="C14" s="14">
        <v>5</v>
      </c>
      <c r="D14" s="18">
        <v>14</v>
      </c>
    </row>
    <row r="15" spans="1:4" ht="18" customHeight="1" x14ac:dyDescent="0.15">
      <c r="A15" s="5">
        <v>9</v>
      </c>
      <c r="B15" s="22">
        <v>4</v>
      </c>
      <c r="C15" s="14">
        <v>4</v>
      </c>
      <c r="D15" s="18">
        <v>8</v>
      </c>
    </row>
    <row r="16" spans="1:4" ht="18" customHeight="1" x14ac:dyDescent="0.15">
      <c r="A16" s="5" t="s">
        <v>11</v>
      </c>
      <c r="B16" s="22">
        <v>31</v>
      </c>
      <c r="C16" s="14">
        <v>27</v>
      </c>
      <c r="D16" s="18">
        <v>58</v>
      </c>
    </row>
    <row r="17" spans="1:4" ht="18" customHeight="1" x14ac:dyDescent="0.15">
      <c r="A17" s="5">
        <v>10</v>
      </c>
      <c r="B17" s="22">
        <v>6</v>
      </c>
      <c r="C17" s="14">
        <v>11</v>
      </c>
      <c r="D17" s="18">
        <v>17</v>
      </c>
    </row>
    <row r="18" spans="1:4" ht="18" customHeight="1" x14ac:dyDescent="0.15">
      <c r="A18" s="5">
        <v>11</v>
      </c>
      <c r="B18" s="22">
        <v>11</v>
      </c>
      <c r="C18" s="14">
        <v>7</v>
      </c>
      <c r="D18" s="18">
        <v>18</v>
      </c>
    </row>
    <row r="19" spans="1:4" ht="18" customHeight="1" x14ac:dyDescent="0.15">
      <c r="A19" s="5">
        <v>12</v>
      </c>
      <c r="B19" s="22">
        <v>5</v>
      </c>
      <c r="C19" s="14">
        <v>2</v>
      </c>
      <c r="D19" s="18">
        <v>7</v>
      </c>
    </row>
    <row r="20" spans="1:4" ht="18" customHeight="1" x14ac:dyDescent="0.15">
      <c r="A20" s="5">
        <v>13</v>
      </c>
      <c r="B20" s="22">
        <v>12</v>
      </c>
      <c r="C20" s="14">
        <v>4</v>
      </c>
      <c r="D20" s="18">
        <v>16</v>
      </c>
    </row>
    <row r="21" spans="1:4" ht="18" customHeight="1" x14ac:dyDescent="0.15">
      <c r="A21" s="5">
        <v>14</v>
      </c>
      <c r="B21" s="22">
        <v>5</v>
      </c>
      <c r="C21" s="14">
        <v>7</v>
      </c>
      <c r="D21" s="18">
        <v>12</v>
      </c>
    </row>
    <row r="22" spans="1:4" ht="18" customHeight="1" x14ac:dyDescent="0.15">
      <c r="A22" s="5" t="s">
        <v>12</v>
      </c>
      <c r="B22" s="22">
        <v>39</v>
      </c>
      <c r="C22" s="14">
        <v>31</v>
      </c>
      <c r="D22" s="18">
        <v>70</v>
      </c>
    </row>
    <row r="23" spans="1:4" ht="18" customHeight="1" x14ac:dyDescent="0.15">
      <c r="A23" s="5" t="s">
        <v>6</v>
      </c>
      <c r="B23" s="22">
        <v>93</v>
      </c>
      <c r="C23" s="14">
        <v>76</v>
      </c>
      <c r="D23" s="18">
        <v>169</v>
      </c>
    </row>
    <row r="24" spans="1:4" ht="18" customHeight="1" x14ac:dyDescent="0.15">
      <c r="A24" s="5">
        <v>15</v>
      </c>
      <c r="B24" s="22">
        <v>10</v>
      </c>
      <c r="C24" s="14">
        <v>6</v>
      </c>
      <c r="D24" s="18">
        <v>16</v>
      </c>
    </row>
    <row r="25" spans="1:4" ht="18" customHeight="1" x14ac:dyDescent="0.15">
      <c r="A25" s="5">
        <v>16</v>
      </c>
      <c r="B25" s="22">
        <v>7</v>
      </c>
      <c r="C25" s="14">
        <v>8</v>
      </c>
      <c r="D25" s="18">
        <v>15</v>
      </c>
    </row>
    <row r="26" spans="1:4" ht="18" customHeight="1" x14ac:dyDescent="0.15">
      <c r="A26" s="5">
        <v>17</v>
      </c>
      <c r="B26" s="22">
        <v>7</v>
      </c>
      <c r="C26" s="14">
        <v>9</v>
      </c>
      <c r="D26" s="18">
        <v>16</v>
      </c>
    </row>
    <row r="27" spans="1:4" ht="18" customHeight="1" x14ac:dyDescent="0.15">
      <c r="A27" s="5">
        <v>18</v>
      </c>
      <c r="B27" s="22">
        <v>8</v>
      </c>
      <c r="C27" s="14">
        <v>7</v>
      </c>
      <c r="D27" s="18">
        <v>15</v>
      </c>
    </row>
    <row r="28" spans="1:4" ht="18" customHeight="1" x14ac:dyDescent="0.15">
      <c r="A28" s="5">
        <v>19</v>
      </c>
      <c r="B28" s="22">
        <v>9</v>
      </c>
      <c r="C28" s="14">
        <v>9</v>
      </c>
      <c r="D28" s="18">
        <v>18</v>
      </c>
    </row>
    <row r="29" spans="1:4" ht="18" customHeight="1" x14ac:dyDescent="0.15">
      <c r="A29" s="5" t="s">
        <v>14</v>
      </c>
      <c r="B29" s="22">
        <v>41</v>
      </c>
      <c r="C29" s="14">
        <v>39</v>
      </c>
      <c r="D29" s="18">
        <v>80</v>
      </c>
    </row>
    <row r="30" spans="1:4" ht="18" customHeight="1" x14ac:dyDescent="0.15">
      <c r="A30" s="5">
        <v>20</v>
      </c>
      <c r="B30" s="22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22">
        <v>7</v>
      </c>
      <c r="C31" s="14">
        <v>6</v>
      </c>
      <c r="D31" s="18">
        <v>13</v>
      </c>
    </row>
    <row r="32" spans="1:4" ht="18" customHeight="1" x14ac:dyDescent="0.15">
      <c r="A32" s="5">
        <v>22</v>
      </c>
      <c r="B32" s="22">
        <v>11</v>
      </c>
      <c r="C32" s="14">
        <v>4</v>
      </c>
      <c r="D32" s="18">
        <v>15</v>
      </c>
    </row>
    <row r="33" spans="1:4" ht="18" customHeight="1" x14ac:dyDescent="0.15">
      <c r="A33" s="5">
        <v>23</v>
      </c>
      <c r="B33" s="22">
        <v>7</v>
      </c>
      <c r="C33" s="14">
        <v>4</v>
      </c>
      <c r="D33" s="18">
        <v>11</v>
      </c>
    </row>
    <row r="34" spans="1:4" ht="18" customHeight="1" x14ac:dyDescent="0.15">
      <c r="A34" s="5">
        <v>24</v>
      </c>
      <c r="B34" s="22">
        <v>12</v>
      </c>
      <c r="C34" s="14">
        <v>8</v>
      </c>
      <c r="D34" s="18">
        <v>20</v>
      </c>
    </row>
    <row r="35" spans="1:4" ht="18" customHeight="1" x14ac:dyDescent="0.15">
      <c r="A35" s="5" t="s">
        <v>9</v>
      </c>
      <c r="B35" s="22">
        <v>44</v>
      </c>
      <c r="C35" s="14">
        <v>29</v>
      </c>
      <c r="D35" s="18">
        <v>73</v>
      </c>
    </row>
    <row r="36" spans="1:4" ht="18" customHeight="1" x14ac:dyDescent="0.15">
      <c r="A36" s="5">
        <v>25</v>
      </c>
      <c r="B36" s="22">
        <v>7</v>
      </c>
      <c r="C36" s="14">
        <v>8</v>
      </c>
      <c r="D36" s="18">
        <v>15</v>
      </c>
    </row>
    <row r="37" spans="1:4" ht="18" customHeight="1" x14ac:dyDescent="0.15">
      <c r="A37" s="5">
        <v>26</v>
      </c>
      <c r="B37" s="22">
        <v>6</v>
      </c>
      <c r="C37" s="14">
        <v>8</v>
      </c>
      <c r="D37" s="18">
        <v>14</v>
      </c>
    </row>
    <row r="38" spans="1:4" ht="18" customHeight="1" x14ac:dyDescent="0.15">
      <c r="A38" s="5">
        <v>27</v>
      </c>
      <c r="B38" s="22">
        <v>5</v>
      </c>
      <c r="C38" s="14">
        <v>8</v>
      </c>
      <c r="D38" s="18">
        <v>13</v>
      </c>
    </row>
    <row r="39" spans="1:4" ht="18" customHeight="1" x14ac:dyDescent="0.15">
      <c r="A39" s="5">
        <v>28</v>
      </c>
      <c r="B39" s="22">
        <v>8</v>
      </c>
      <c r="C39" s="14">
        <v>5</v>
      </c>
      <c r="D39" s="18">
        <v>13</v>
      </c>
    </row>
    <row r="40" spans="1:4" ht="18" customHeight="1" x14ac:dyDescent="0.15">
      <c r="A40" s="5">
        <v>29</v>
      </c>
      <c r="B40" s="22">
        <v>15</v>
      </c>
      <c r="C40" s="14">
        <v>10</v>
      </c>
      <c r="D40" s="18">
        <v>25</v>
      </c>
    </row>
    <row r="41" spans="1:4" ht="18" customHeight="1" x14ac:dyDescent="0.15">
      <c r="A41" s="5" t="s">
        <v>2</v>
      </c>
      <c r="B41" s="22">
        <v>41</v>
      </c>
      <c r="C41" s="14">
        <v>39</v>
      </c>
      <c r="D41" s="18">
        <v>80</v>
      </c>
    </row>
    <row r="42" spans="1:4" ht="18" customHeight="1" x14ac:dyDescent="0.15">
      <c r="A42" s="5">
        <v>30</v>
      </c>
      <c r="B42" s="22">
        <v>4</v>
      </c>
      <c r="C42" s="14">
        <v>4</v>
      </c>
      <c r="D42" s="18">
        <v>8</v>
      </c>
    </row>
    <row r="43" spans="1:4" ht="18" customHeight="1" x14ac:dyDescent="0.15">
      <c r="A43" s="5">
        <v>31</v>
      </c>
      <c r="B43" s="22">
        <v>11</v>
      </c>
      <c r="C43" s="14">
        <v>4</v>
      </c>
      <c r="D43" s="18">
        <v>15</v>
      </c>
    </row>
    <row r="44" spans="1:4" ht="18" customHeight="1" x14ac:dyDescent="0.15">
      <c r="A44" s="5">
        <v>32</v>
      </c>
      <c r="B44" s="22">
        <v>14</v>
      </c>
      <c r="C44" s="14">
        <v>4</v>
      </c>
      <c r="D44" s="18">
        <v>18</v>
      </c>
    </row>
    <row r="45" spans="1:4" ht="18" customHeight="1" x14ac:dyDescent="0.15">
      <c r="A45" s="5">
        <v>33</v>
      </c>
      <c r="B45" s="22">
        <v>7</v>
      </c>
      <c r="C45" s="14">
        <v>4</v>
      </c>
      <c r="D45" s="18">
        <v>11</v>
      </c>
    </row>
    <row r="46" spans="1:4" ht="18" customHeight="1" x14ac:dyDescent="0.15">
      <c r="A46" s="5">
        <v>34</v>
      </c>
      <c r="B46" s="22">
        <v>8</v>
      </c>
      <c r="C46" s="14">
        <v>3</v>
      </c>
      <c r="D46" s="18">
        <v>11</v>
      </c>
    </row>
    <row r="47" spans="1:4" ht="18" customHeight="1" x14ac:dyDescent="0.15">
      <c r="A47" s="5" t="s">
        <v>15</v>
      </c>
      <c r="B47" s="22">
        <v>44</v>
      </c>
      <c r="C47" s="14">
        <v>19</v>
      </c>
      <c r="D47" s="18">
        <v>63</v>
      </c>
    </row>
    <row r="48" spans="1:4" ht="18" customHeight="1" x14ac:dyDescent="0.15">
      <c r="A48" s="5">
        <v>35</v>
      </c>
      <c r="B48" s="22">
        <v>3</v>
      </c>
      <c r="C48" s="14">
        <v>6</v>
      </c>
      <c r="D48" s="18">
        <v>9</v>
      </c>
    </row>
    <row r="49" spans="1:4" ht="18" customHeight="1" x14ac:dyDescent="0.15">
      <c r="A49" s="5">
        <v>36</v>
      </c>
      <c r="B49" s="22">
        <v>8</v>
      </c>
      <c r="C49" s="14">
        <v>7</v>
      </c>
      <c r="D49" s="18">
        <v>15</v>
      </c>
    </row>
    <row r="50" spans="1:4" ht="18" customHeight="1" x14ac:dyDescent="0.15">
      <c r="A50" s="5">
        <v>37</v>
      </c>
      <c r="B50" s="22">
        <v>11</v>
      </c>
      <c r="C50" s="14">
        <v>9</v>
      </c>
      <c r="D50" s="18">
        <v>20</v>
      </c>
    </row>
    <row r="51" spans="1:4" ht="18" customHeight="1" x14ac:dyDescent="0.15">
      <c r="A51" s="5">
        <v>38</v>
      </c>
      <c r="B51" s="22">
        <v>10</v>
      </c>
      <c r="C51" s="14">
        <v>8</v>
      </c>
      <c r="D51" s="18">
        <v>18</v>
      </c>
    </row>
    <row r="52" spans="1:4" ht="18" customHeight="1" x14ac:dyDescent="0.15">
      <c r="A52" s="5">
        <v>39</v>
      </c>
      <c r="B52" s="22">
        <v>5</v>
      </c>
      <c r="C52" s="14">
        <v>7</v>
      </c>
      <c r="D52" s="18">
        <v>12</v>
      </c>
    </row>
    <row r="53" spans="1:4" ht="18" customHeight="1" x14ac:dyDescent="0.15">
      <c r="A53" s="5" t="s">
        <v>18</v>
      </c>
      <c r="B53" s="22">
        <v>37</v>
      </c>
      <c r="C53" s="14">
        <v>37</v>
      </c>
      <c r="D53" s="18">
        <v>74</v>
      </c>
    </row>
    <row r="54" spans="1:4" ht="18" customHeight="1" x14ac:dyDescent="0.15">
      <c r="A54" s="5">
        <v>40</v>
      </c>
      <c r="B54" s="22">
        <v>9</v>
      </c>
      <c r="C54" s="14">
        <v>5</v>
      </c>
      <c r="D54" s="18">
        <v>14</v>
      </c>
    </row>
    <row r="55" spans="1:4" ht="18" customHeight="1" x14ac:dyDescent="0.15">
      <c r="A55" s="5">
        <v>41</v>
      </c>
      <c r="B55" s="22">
        <v>12</v>
      </c>
      <c r="C55" s="14">
        <v>5</v>
      </c>
      <c r="D55" s="18">
        <v>17</v>
      </c>
    </row>
    <row r="56" spans="1:4" ht="18" customHeight="1" x14ac:dyDescent="0.15">
      <c r="A56" s="5">
        <v>42</v>
      </c>
      <c r="B56" s="22">
        <v>8</v>
      </c>
      <c r="C56" s="14">
        <v>14</v>
      </c>
      <c r="D56" s="18">
        <v>22</v>
      </c>
    </row>
    <row r="57" spans="1:4" ht="18" customHeight="1" x14ac:dyDescent="0.15">
      <c r="A57" s="5">
        <v>43</v>
      </c>
      <c r="B57" s="22">
        <v>16</v>
      </c>
      <c r="C57" s="14">
        <v>9</v>
      </c>
      <c r="D57" s="18">
        <v>25</v>
      </c>
    </row>
    <row r="58" spans="1:4" ht="18" customHeight="1" x14ac:dyDescent="0.15">
      <c r="A58" s="5">
        <v>44</v>
      </c>
      <c r="B58" s="22">
        <v>12</v>
      </c>
      <c r="C58" s="14">
        <v>6</v>
      </c>
      <c r="D58" s="18">
        <v>18</v>
      </c>
    </row>
    <row r="59" spans="1:4" ht="18" customHeight="1" x14ac:dyDescent="0.15">
      <c r="A59" s="5" t="s">
        <v>21</v>
      </c>
      <c r="B59" s="22">
        <v>57</v>
      </c>
      <c r="C59" s="14">
        <v>39</v>
      </c>
      <c r="D59" s="18">
        <v>96</v>
      </c>
    </row>
    <row r="60" spans="1:4" ht="18" customHeight="1" x14ac:dyDescent="0.15">
      <c r="A60" s="5">
        <v>45</v>
      </c>
      <c r="B60" s="22">
        <v>10</v>
      </c>
      <c r="C60" s="14">
        <v>16</v>
      </c>
      <c r="D60" s="18">
        <v>26</v>
      </c>
    </row>
    <row r="61" spans="1:4" ht="18" customHeight="1" x14ac:dyDescent="0.15">
      <c r="A61" s="5">
        <v>46</v>
      </c>
      <c r="B61" s="22">
        <v>11</v>
      </c>
      <c r="C61" s="14">
        <v>20</v>
      </c>
      <c r="D61" s="18">
        <v>31</v>
      </c>
    </row>
    <row r="62" spans="1:4" ht="18" customHeight="1" x14ac:dyDescent="0.15">
      <c r="A62" s="5">
        <v>47</v>
      </c>
      <c r="B62" s="22">
        <v>18</v>
      </c>
      <c r="C62" s="14">
        <v>11</v>
      </c>
      <c r="D62" s="18">
        <v>29</v>
      </c>
    </row>
    <row r="63" spans="1:4" ht="18" customHeight="1" x14ac:dyDescent="0.15">
      <c r="A63" s="5">
        <v>48</v>
      </c>
      <c r="B63" s="22">
        <v>13</v>
      </c>
      <c r="C63" s="14">
        <v>9</v>
      </c>
      <c r="D63" s="18">
        <v>22</v>
      </c>
    </row>
    <row r="64" spans="1:4" ht="18" customHeight="1" x14ac:dyDescent="0.15">
      <c r="A64" s="5">
        <v>49</v>
      </c>
      <c r="B64" s="22">
        <v>15</v>
      </c>
      <c r="C64" s="14">
        <v>15</v>
      </c>
      <c r="D64" s="18">
        <v>30</v>
      </c>
    </row>
    <row r="65" spans="1:4" ht="18" customHeight="1" x14ac:dyDescent="0.15">
      <c r="A65" s="5" t="s">
        <v>17</v>
      </c>
      <c r="B65" s="22">
        <v>67</v>
      </c>
      <c r="C65" s="14">
        <v>71</v>
      </c>
      <c r="D65" s="18">
        <v>138</v>
      </c>
    </row>
    <row r="66" spans="1:4" ht="18" customHeight="1" x14ac:dyDescent="0.15">
      <c r="A66" s="5">
        <v>50</v>
      </c>
      <c r="B66" s="22">
        <v>17</v>
      </c>
      <c r="C66" s="14">
        <v>19</v>
      </c>
      <c r="D66" s="18">
        <v>36</v>
      </c>
    </row>
    <row r="67" spans="1:4" ht="18" customHeight="1" x14ac:dyDescent="0.15">
      <c r="A67" s="5">
        <v>51</v>
      </c>
      <c r="B67" s="22">
        <v>21</v>
      </c>
      <c r="C67" s="14">
        <v>13</v>
      </c>
      <c r="D67" s="18">
        <v>34</v>
      </c>
    </row>
    <row r="68" spans="1:4" ht="18" customHeight="1" x14ac:dyDescent="0.15">
      <c r="A68" s="5">
        <v>52</v>
      </c>
      <c r="B68" s="22">
        <v>21</v>
      </c>
      <c r="C68" s="14">
        <v>11</v>
      </c>
      <c r="D68" s="18">
        <v>32</v>
      </c>
    </row>
    <row r="69" spans="1:4" ht="18" customHeight="1" x14ac:dyDescent="0.15">
      <c r="A69" s="5">
        <v>53</v>
      </c>
      <c r="B69" s="22">
        <v>20</v>
      </c>
      <c r="C69" s="14">
        <v>21</v>
      </c>
      <c r="D69" s="18">
        <v>41</v>
      </c>
    </row>
    <row r="70" spans="1:4" ht="18" customHeight="1" x14ac:dyDescent="0.15">
      <c r="A70" s="5">
        <v>54</v>
      </c>
      <c r="B70" s="22">
        <v>14</v>
      </c>
      <c r="C70" s="14">
        <v>12</v>
      </c>
      <c r="D70" s="18">
        <v>26</v>
      </c>
    </row>
    <row r="71" spans="1:4" ht="18" customHeight="1" x14ac:dyDescent="0.15">
      <c r="A71" s="5" t="s">
        <v>22</v>
      </c>
      <c r="B71" s="22">
        <v>93</v>
      </c>
      <c r="C71" s="14">
        <v>76</v>
      </c>
      <c r="D71" s="18">
        <v>169</v>
      </c>
    </row>
    <row r="72" spans="1:4" ht="18" customHeight="1" x14ac:dyDescent="0.15">
      <c r="A72" s="5">
        <v>55</v>
      </c>
      <c r="B72" s="22">
        <v>9</v>
      </c>
      <c r="C72" s="14">
        <v>19</v>
      </c>
      <c r="D72" s="18">
        <v>28</v>
      </c>
    </row>
    <row r="73" spans="1:4" ht="18" customHeight="1" x14ac:dyDescent="0.15">
      <c r="A73" s="5">
        <v>56</v>
      </c>
      <c r="B73" s="22">
        <v>16</v>
      </c>
      <c r="C73" s="14">
        <v>18</v>
      </c>
      <c r="D73" s="18">
        <v>34</v>
      </c>
    </row>
    <row r="74" spans="1:4" ht="18" customHeight="1" x14ac:dyDescent="0.15">
      <c r="A74" s="5">
        <v>57</v>
      </c>
      <c r="B74" s="22">
        <v>21</v>
      </c>
      <c r="C74" s="14">
        <v>14</v>
      </c>
      <c r="D74" s="18">
        <v>35</v>
      </c>
    </row>
    <row r="75" spans="1:4" ht="18" customHeight="1" x14ac:dyDescent="0.15">
      <c r="A75" s="5">
        <v>58</v>
      </c>
      <c r="B75" s="22">
        <v>14</v>
      </c>
      <c r="C75" s="14">
        <v>13</v>
      </c>
      <c r="D75" s="18">
        <v>27</v>
      </c>
    </row>
    <row r="76" spans="1:4" ht="18" customHeight="1" x14ac:dyDescent="0.15">
      <c r="A76" s="5">
        <v>59</v>
      </c>
      <c r="B76" s="22">
        <v>14</v>
      </c>
      <c r="C76" s="14">
        <v>18</v>
      </c>
      <c r="D76" s="18">
        <v>32</v>
      </c>
    </row>
    <row r="77" spans="1:4" ht="18" customHeight="1" x14ac:dyDescent="0.15">
      <c r="A77" s="5" t="s">
        <v>27</v>
      </c>
      <c r="B77" s="22">
        <v>74</v>
      </c>
      <c r="C77" s="14">
        <v>82</v>
      </c>
      <c r="D77" s="18">
        <v>156</v>
      </c>
    </row>
    <row r="78" spans="1:4" ht="18" customHeight="1" x14ac:dyDescent="0.15">
      <c r="A78" s="5">
        <v>60</v>
      </c>
      <c r="B78" s="22">
        <v>18</v>
      </c>
      <c r="C78" s="14">
        <v>10</v>
      </c>
      <c r="D78" s="18">
        <v>28</v>
      </c>
    </row>
    <row r="79" spans="1:4" ht="18" customHeight="1" x14ac:dyDescent="0.15">
      <c r="A79" s="5">
        <v>61</v>
      </c>
      <c r="B79" s="22">
        <v>12</v>
      </c>
      <c r="C79" s="14">
        <v>13</v>
      </c>
      <c r="D79" s="18">
        <v>25</v>
      </c>
    </row>
    <row r="80" spans="1:4" ht="18" customHeight="1" x14ac:dyDescent="0.15">
      <c r="A80" s="5">
        <v>62</v>
      </c>
      <c r="B80" s="22">
        <v>10</v>
      </c>
      <c r="C80" s="14">
        <v>11</v>
      </c>
      <c r="D80" s="18">
        <v>21</v>
      </c>
    </row>
    <row r="81" spans="1:4" ht="18" customHeight="1" x14ac:dyDescent="0.15">
      <c r="A81" s="5">
        <v>63</v>
      </c>
      <c r="B81" s="22">
        <v>19</v>
      </c>
      <c r="C81" s="14">
        <v>18</v>
      </c>
      <c r="D81" s="18">
        <v>37</v>
      </c>
    </row>
    <row r="82" spans="1:4" ht="18" customHeight="1" x14ac:dyDescent="0.15">
      <c r="A82" s="5">
        <v>64</v>
      </c>
      <c r="B82" s="22">
        <v>18</v>
      </c>
      <c r="C82" s="14">
        <v>13</v>
      </c>
      <c r="D82" s="18">
        <v>31</v>
      </c>
    </row>
    <row r="83" spans="1:4" ht="18" customHeight="1" x14ac:dyDescent="0.15">
      <c r="A83" s="5" t="s">
        <v>28</v>
      </c>
      <c r="B83" s="22">
        <v>77</v>
      </c>
      <c r="C83" s="14">
        <v>65</v>
      </c>
      <c r="D83" s="18">
        <v>142</v>
      </c>
    </row>
    <row r="84" spans="1:4" ht="18" customHeight="1" x14ac:dyDescent="0.15">
      <c r="A84" s="5" t="s">
        <v>31</v>
      </c>
      <c r="B84" s="22">
        <v>575</v>
      </c>
      <c r="C84" s="14">
        <v>496</v>
      </c>
      <c r="D84" s="18">
        <v>1071</v>
      </c>
    </row>
    <row r="85" spans="1:4" ht="18" customHeight="1" x14ac:dyDescent="0.15">
      <c r="A85" s="5">
        <v>65</v>
      </c>
      <c r="B85" s="22">
        <v>10</v>
      </c>
      <c r="C85" s="14">
        <v>19</v>
      </c>
      <c r="D85" s="18">
        <v>29</v>
      </c>
    </row>
    <row r="86" spans="1:4" ht="18" customHeight="1" x14ac:dyDescent="0.15">
      <c r="A86" s="5">
        <v>66</v>
      </c>
      <c r="B86" s="22">
        <v>11</v>
      </c>
      <c r="C86" s="14">
        <v>10</v>
      </c>
      <c r="D86" s="18">
        <v>21</v>
      </c>
    </row>
    <row r="87" spans="1:4" ht="18" customHeight="1" x14ac:dyDescent="0.15">
      <c r="A87" s="5">
        <v>67</v>
      </c>
      <c r="B87" s="22">
        <v>12</v>
      </c>
      <c r="C87" s="14">
        <v>12</v>
      </c>
      <c r="D87" s="18">
        <v>24</v>
      </c>
    </row>
    <row r="88" spans="1:4" ht="18" customHeight="1" x14ac:dyDescent="0.15">
      <c r="A88" s="5">
        <v>68</v>
      </c>
      <c r="B88" s="22">
        <v>10</v>
      </c>
      <c r="C88" s="14">
        <v>13</v>
      </c>
      <c r="D88" s="18">
        <v>23</v>
      </c>
    </row>
    <row r="89" spans="1:4" ht="18" customHeight="1" x14ac:dyDescent="0.15">
      <c r="A89" s="5">
        <v>69</v>
      </c>
      <c r="B89" s="22">
        <v>11</v>
      </c>
      <c r="C89" s="14">
        <v>14</v>
      </c>
      <c r="D89" s="18">
        <v>25</v>
      </c>
    </row>
    <row r="90" spans="1:4" ht="18" customHeight="1" x14ac:dyDescent="0.15">
      <c r="A90" s="5" t="s">
        <v>20</v>
      </c>
      <c r="B90" s="22">
        <v>54</v>
      </c>
      <c r="C90" s="14">
        <v>68</v>
      </c>
      <c r="D90" s="18">
        <v>122</v>
      </c>
    </row>
    <row r="91" spans="1:4" ht="18" customHeight="1" x14ac:dyDescent="0.15">
      <c r="A91" s="5">
        <v>70</v>
      </c>
      <c r="B91" s="22">
        <v>16</v>
      </c>
      <c r="C91" s="14">
        <v>21</v>
      </c>
      <c r="D91" s="18">
        <v>37</v>
      </c>
    </row>
    <row r="92" spans="1:4" ht="18" customHeight="1" x14ac:dyDescent="0.15">
      <c r="A92" s="5">
        <v>71</v>
      </c>
      <c r="B92" s="22">
        <v>20</v>
      </c>
      <c r="C92" s="14">
        <v>19</v>
      </c>
      <c r="D92" s="18">
        <v>39</v>
      </c>
    </row>
    <row r="93" spans="1:4" ht="18" customHeight="1" x14ac:dyDescent="0.15">
      <c r="A93" s="5">
        <v>72</v>
      </c>
      <c r="B93" s="22">
        <v>11</v>
      </c>
      <c r="C93" s="14">
        <v>18</v>
      </c>
      <c r="D93" s="18">
        <v>29</v>
      </c>
    </row>
    <row r="94" spans="1:4" ht="18" customHeight="1" x14ac:dyDescent="0.15">
      <c r="A94" s="5">
        <v>73</v>
      </c>
      <c r="B94" s="22">
        <v>10</v>
      </c>
      <c r="C94" s="14">
        <v>26</v>
      </c>
      <c r="D94" s="18">
        <v>36</v>
      </c>
    </row>
    <row r="95" spans="1:4" ht="18" customHeight="1" x14ac:dyDescent="0.15">
      <c r="A95" s="5">
        <v>74</v>
      </c>
      <c r="B95" s="22">
        <v>26</v>
      </c>
      <c r="C95" s="14">
        <v>25</v>
      </c>
      <c r="D95" s="18">
        <v>51</v>
      </c>
    </row>
    <row r="96" spans="1:4" ht="18" customHeight="1" x14ac:dyDescent="0.15">
      <c r="A96" s="5" t="s">
        <v>33</v>
      </c>
      <c r="B96" s="22">
        <v>83</v>
      </c>
      <c r="C96" s="14">
        <v>109</v>
      </c>
      <c r="D96" s="18">
        <v>192</v>
      </c>
    </row>
    <row r="97" spans="1:4" ht="18" customHeight="1" x14ac:dyDescent="0.15">
      <c r="A97" s="5">
        <v>75</v>
      </c>
      <c r="B97" s="22">
        <v>14</v>
      </c>
      <c r="C97" s="14">
        <v>20</v>
      </c>
      <c r="D97" s="18">
        <v>34</v>
      </c>
    </row>
    <row r="98" spans="1:4" ht="18" customHeight="1" x14ac:dyDescent="0.15">
      <c r="A98" s="5">
        <v>76</v>
      </c>
      <c r="B98" s="22">
        <v>18</v>
      </c>
      <c r="C98" s="14">
        <v>27</v>
      </c>
      <c r="D98" s="18">
        <v>45</v>
      </c>
    </row>
    <row r="99" spans="1:4" ht="18" customHeight="1" x14ac:dyDescent="0.15">
      <c r="A99" s="5">
        <v>77</v>
      </c>
      <c r="B99" s="22">
        <v>23</v>
      </c>
      <c r="C99" s="14">
        <v>35</v>
      </c>
      <c r="D99" s="18">
        <v>58</v>
      </c>
    </row>
    <row r="100" spans="1:4" ht="18" customHeight="1" x14ac:dyDescent="0.15">
      <c r="A100" s="5">
        <v>78</v>
      </c>
      <c r="B100" s="22">
        <v>24</v>
      </c>
      <c r="C100" s="14">
        <v>27</v>
      </c>
      <c r="D100" s="18">
        <v>51</v>
      </c>
    </row>
    <row r="101" spans="1:4" ht="18" customHeight="1" x14ac:dyDescent="0.15">
      <c r="A101" s="5">
        <v>79</v>
      </c>
      <c r="B101" s="22">
        <v>19</v>
      </c>
      <c r="C101" s="14">
        <v>34</v>
      </c>
      <c r="D101" s="18">
        <v>53</v>
      </c>
    </row>
    <row r="102" spans="1:4" ht="18" customHeight="1" x14ac:dyDescent="0.15">
      <c r="A102" s="5" t="s">
        <v>0</v>
      </c>
      <c r="B102" s="22">
        <v>98</v>
      </c>
      <c r="C102" s="14">
        <v>143</v>
      </c>
      <c r="D102" s="18">
        <v>241</v>
      </c>
    </row>
    <row r="103" spans="1:4" ht="18" customHeight="1" x14ac:dyDescent="0.15">
      <c r="A103" s="5">
        <v>80</v>
      </c>
      <c r="B103" s="22">
        <v>16</v>
      </c>
      <c r="C103" s="14">
        <v>12</v>
      </c>
      <c r="D103" s="18">
        <v>28</v>
      </c>
    </row>
    <row r="104" spans="1:4" ht="18" customHeight="1" x14ac:dyDescent="0.15">
      <c r="A104" s="5">
        <v>81</v>
      </c>
      <c r="B104" s="22">
        <v>9</v>
      </c>
      <c r="C104" s="14">
        <v>21</v>
      </c>
      <c r="D104" s="18">
        <v>30</v>
      </c>
    </row>
    <row r="105" spans="1:4" ht="18" customHeight="1" x14ac:dyDescent="0.15">
      <c r="A105" s="5">
        <v>82</v>
      </c>
      <c r="B105" s="22">
        <v>16</v>
      </c>
      <c r="C105" s="14">
        <v>16</v>
      </c>
      <c r="D105" s="18">
        <v>32</v>
      </c>
    </row>
    <row r="106" spans="1:4" ht="18" customHeight="1" x14ac:dyDescent="0.15">
      <c r="A106" s="5">
        <v>83</v>
      </c>
      <c r="B106" s="22">
        <v>7</v>
      </c>
      <c r="C106" s="14">
        <v>19</v>
      </c>
      <c r="D106" s="18">
        <v>26</v>
      </c>
    </row>
    <row r="107" spans="1:4" ht="18" customHeight="1" x14ac:dyDescent="0.15">
      <c r="A107" s="5">
        <v>84</v>
      </c>
      <c r="B107" s="22">
        <v>14</v>
      </c>
      <c r="C107" s="14">
        <v>19</v>
      </c>
      <c r="D107" s="18">
        <v>33</v>
      </c>
    </row>
    <row r="108" spans="1:4" ht="18" customHeight="1" x14ac:dyDescent="0.15">
      <c r="A108" s="5" t="s">
        <v>35</v>
      </c>
      <c r="B108" s="22">
        <v>62</v>
      </c>
      <c r="C108" s="14">
        <v>87</v>
      </c>
      <c r="D108" s="18">
        <v>149</v>
      </c>
    </row>
    <row r="109" spans="1:4" ht="18" customHeight="1" x14ac:dyDescent="0.15">
      <c r="A109" s="5">
        <v>85</v>
      </c>
      <c r="B109" s="22">
        <v>7</v>
      </c>
      <c r="C109" s="14">
        <v>9</v>
      </c>
      <c r="D109" s="18">
        <v>16</v>
      </c>
    </row>
    <row r="110" spans="1:4" ht="18" customHeight="1" x14ac:dyDescent="0.15">
      <c r="A110" s="5">
        <v>86</v>
      </c>
      <c r="B110" s="22">
        <v>5</v>
      </c>
      <c r="C110" s="14">
        <v>10</v>
      </c>
      <c r="D110" s="18">
        <v>15</v>
      </c>
    </row>
    <row r="111" spans="1:4" ht="18" customHeight="1" x14ac:dyDescent="0.15">
      <c r="A111" s="5">
        <v>87</v>
      </c>
      <c r="B111" s="22">
        <v>6</v>
      </c>
      <c r="C111" s="14">
        <v>11</v>
      </c>
      <c r="D111" s="18">
        <v>17</v>
      </c>
    </row>
    <row r="112" spans="1:4" ht="18" customHeight="1" x14ac:dyDescent="0.15">
      <c r="A112" s="5">
        <v>88</v>
      </c>
      <c r="B112" s="22">
        <v>8</v>
      </c>
      <c r="C112" s="14">
        <v>10</v>
      </c>
      <c r="D112" s="18">
        <v>18</v>
      </c>
    </row>
    <row r="113" spans="1:4" ht="18" customHeight="1" x14ac:dyDescent="0.15">
      <c r="A113" s="5">
        <v>89</v>
      </c>
      <c r="B113" s="22">
        <v>5</v>
      </c>
      <c r="C113" s="14">
        <v>16</v>
      </c>
      <c r="D113" s="18">
        <v>21</v>
      </c>
    </row>
    <row r="114" spans="1:4" ht="18" customHeight="1" x14ac:dyDescent="0.15">
      <c r="A114" s="5" t="s">
        <v>37</v>
      </c>
      <c r="B114" s="22">
        <v>31</v>
      </c>
      <c r="C114" s="14">
        <v>56</v>
      </c>
      <c r="D114" s="18">
        <v>87</v>
      </c>
    </row>
    <row r="115" spans="1:4" ht="18" customHeight="1" x14ac:dyDescent="0.15">
      <c r="A115" s="5">
        <v>90</v>
      </c>
      <c r="B115" s="22">
        <v>6</v>
      </c>
      <c r="C115" s="14">
        <v>9</v>
      </c>
      <c r="D115" s="18">
        <v>15</v>
      </c>
    </row>
    <row r="116" spans="1:4" ht="18" customHeight="1" x14ac:dyDescent="0.15">
      <c r="A116" s="5">
        <v>91</v>
      </c>
      <c r="B116" s="22">
        <v>1</v>
      </c>
      <c r="C116" s="14">
        <v>9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7</v>
      </c>
      <c r="D117" s="18">
        <v>10</v>
      </c>
    </row>
    <row r="118" spans="1:4" ht="18" customHeight="1" x14ac:dyDescent="0.15">
      <c r="A118" s="5">
        <v>93</v>
      </c>
      <c r="B118" s="22">
        <v>2</v>
      </c>
      <c r="C118" s="14">
        <v>9</v>
      </c>
      <c r="D118" s="18">
        <v>11</v>
      </c>
    </row>
    <row r="119" spans="1:4" ht="18" customHeight="1" x14ac:dyDescent="0.15">
      <c r="A119" s="5">
        <v>94</v>
      </c>
      <c r="B119" s="22">
        <v>2</v>
      </c>
      <c r="C119" s="14">
        <v>5</v>
      </c>
      <c r="D119" s="18">
        <v>7</v>
      </c>
    </row>
    <row r="120" spans="1:4" ht="18" customHeight="1" x14ac:dyDescent="0.15">
      <c r="A120" s="5" t="s">
        <v>39</v>
      </c>
      <c r="B120" s="22">
        <v>14</v>
      </c>
      <c r="C120" s="14">
        <v>39</v>
      </c>
      <c r="D120" s="18">
        <v>53</v>
      </c>
    </row>
    <row r="121" spans="1:4" ht="18" customHeight="1" x14ac:dyDescent="0.15">
      <c r="A121" s="5">
        <v>95</v>
      </c>
      <c r="B121" s="22">
        <v>4</v>
      </c>
      <c r="C121" s="14">
        <v>5</v>
      </c>
      <c r="D121" s="18">
        <v>9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16</v>
      </c>
      <c r="D126" s="18">
        <v>2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6</v>
      </c>
      <c r="C130" s="14">
        <v>522</v>
      </c>
      <c r="D130" s="18">
        <v>868</v>
      </c>
    </row>
    <row r="131" spans="1:4" ht="18" customHeight="1" x14ac:dyDescent="0.15">
      <c r="A131" s="7" t="s">
        <v>45</v>
      </c>
      <c r="B131" s="23">
        <v>1014</v>
      </c>
      <c r="C131" s="15">
        <v>1094</v>
      </c>
      <c r="D131" s="19">
        <v>21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1</v>
      </c>
      <c r="D5" s="17">
        <v>4</v>
      </c>
    </row>
    <row r="6" spans="1:4" ht="18" customHeight="1" x14ac:dyDescent="0.15">
      <c r="A6" s="5">
        <v>1</v>
      </c>
      <c r="B6" s="22">
        <v>6</v>
      </c>
      <c r="C6" s="14">
        <v>4</v>
      </c>
      <c r="D6" s="18">
        <v>10</v>
      </c>
    </row>
    <row r="7" spans="1:4" ht="18" customHeight="1" x14ac:dyDescent="0.15">
      <c r="A7" s="5">
        <v>2</v>
      </c>
      <c r="B7" s="22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2">
        <v>9</v>
      </c>
      <c r="C8" s="14">
        <v>8</v>
      </c>
      <c r="D8" s="18">
        <v>17</v>
      </c>
    </row>
    <row r="9" spans="1:4" ht="18" customHeight="1" x14ac:dyDescent="0.15">
      <c r="A9" s="5">
        <v>4</v>
      </c>
      <c r="B9" s="22">
        <v>7</v>
      </c>
      <c r="C9" s="14">
        <v>9</v>
      </c>
      <c r="D9" s="18">
        <v>16</v>
      </c>
    </row>
    <row r="10" spans="1:4" ht="18" customHeight="1" x14ac:dyDescent="0.15">
      <c r="A10" s="5" t="s">
        <v>7</v>
      </c>
      <c r="B10" s="22">
        <v>28</v>
      </c>
      <c r="C10" s="14">
        <v>24</v>
      </c>
      <c r="D10" s="18">
        <v>52</v>
      </c>
    </row>
    <row r="11" spans="1:4" ht="18" customHeight="1" x14ac:dyDescent="0.15">
      <c r="A11" s="5">
        <v>5</v>
      </c>
      <c r="B11" s="22">
        <v>6</v>
      </c>
      <c r="C11" s="14">
        <v>6</v>
      </c>
      <c r="D11" s="18">
        <v>12</v>
      </c>
    </row>
    <row r="12" spans="1:4" ht="18" customHeight="1" x14ac:dyDescent="0.15">
      <c r="A12" s="5">
        <v>6</v>
      </c>
      <c r="B12" s="22">
        <v>4</v>
      </c>
      <c r="C12" s="14">
        <v>10</v>
      </c>
      <c r="D12" s="18">
        <v>14</v>
      </c>
    </row>
    <row r="13" spans="1:4" ht="18" customHeight="1" x14ac:dyDescent="0.15">
      <c r="A13" s="5">
        <v>7</v>
      </c>
      <c r="B13" s="22">
        <v>3</v>
      </c>
      <c r="C13" s="14">
        <v>8</v>
      </c>
      <c r="D13" s="18">
        <v>11</v>
      </c>
    </row>
    <row r="14" spans="1:4" ht="18" customHeight="1" x14ac:dyDescent="0.15">
      <c r="A14" s="5">
        <v>8</v>
      </c>
      <c r="B14" s="22">
        <v>12</v>
      </c>
      <c r="C14" s="14">
        <v>7</v>
      </c>
      <c r="D14" s="18">
        <v>19</v>
      </c>
    </row>
    <row r="15" spans="1:4" ht="18" customHeight="1" x14ac:dyDescent="0.15">
      <c r="A15" s="5">
        <v>9</v>
      </c>
      <c r="B15" s="22">
        <v>9</v>
      </c>
      <c r="C15" s="14">
        <v>5</v>
      </c>
      <c r="D15" s="18">
        <v>14</v>
      </c>
    </row>
    <row r="16" spans="1:4" ht="18" customHeight="1" x14ac:dyDescent="0.15">
      <c r="A16" s="5" t="s">
        <v>11</v>
      </c>
      <c r="B16" s="22">
        <v>34</v>
      </c>
      <c r="C16" s="14">
        <v>36</v>
      </c>
      <c r="D16" s="18">
        <v>70</v>
      </c>
    </row>
    <row r="17" spans="1:4" ht="18" customHeight="1" x14ac:dyDescent="0.15">
      <c r="A17" s="5">
        <v>10</v>
      </c>
      <c r="B17" s="22">
        <v>9</v>
      </c>
      <c r="C17" s="14">
        <v>12</v>
      </c>
      <c r="D17" s="18">
        <v>21</v>
      </c>
    </row>
    <row r="18" spans="1:4" ht="18" customHeight="1" x14ac:dyDescent="0.15">
      <c r="A18" s="5">
        <v>11</v>
      </c>
      <c r="B18" s="22">
        <v>13</v>
      </c>
      <c r="C18" s="14">
        <v>5</v>
      </c>
      <c r="D18" s="18">
        <v>18</v>
      </c>
    </row>
    <row r="19" spans="1:4" ht="18" customHeight="1" x14ac:dyDescent="0.15">
      <c r="A19" s="5">
        <v>12</v>
      </c>
      <c r="B19" s="22">
        <v>9</v>
      </c>
      <c r="C19" s="14">
        <v>10</v>
      </c>
      <c r="D19" s="18">
        <v>19</v>
      </c>
    </row>
    <row r="20" spans="1:4" ht="18" customHeight="1" x14ac:dyDescent="0.15">
      <c r="A20" s="5">
        <v>13</v>
      </c>
      <c r="B20" s="22">
        <v>8</v>
      </c>
      <c r="C20" s="14">
        <v>12</v>
      </c>
      <c r="D20" s="18">
        <v>20</v>
      </c>
    </row>
    <row r="21" spans="1:4" ht="18" customHeight="1" x14ac:dyDescent="0.15">
      <c r="A21" s="5">
        <v>14</v>
      </c>
      <c r="B21" s="22">
        <v>12</v>
      </c>
      <c r="C21" s="14">
        <v>10</v>
      </c>
      <c r="D21" s="18">
        <v>22</v>
      </c>
    </row>
    <row r="22" spans="1:4" ht="18" customHeight="1" x14ac:dyDescent="0.15">
      <c r="A22" s="5" t="s">
        <v>12</v>
      </c>
      <c r="B22" s="22">
        <v>51</v>
      </c>
      <c r="C22" s="14">
        <v>49</v>
      </c>
      <c r="D22" s="18">
        <v>100</v>
      </c>
    </row>
    <row r="23" spans="1:4" ht="18" customHeight="1" x14ac:dyDescent="0.15">
      <c r="A23" s="5" t="s">
        <v>6</v>
      </c>
      <c r="B23" s="22">
        <v>113</v>
      </c>
      <c r="C23" s="14">
        <v>109</v>
      </c>
      <c r="D23" s="18">
        <v>222</v>
      </c>
    </row>
    <row r="24" spans="1:4" ht="18" customHeight="1" x14ac:dyDescent="0.15">
      <c r="A24" s="5">
        <v>15</v>
      </c>
      <c r="B24" s="22">
        <v>8</v>
      </c>
      <c r="C24" s="14">
        <v>13</v>
      </c>
      <c r="D24" s="18">
        <v>21</v>
      </c>
    </row>
    <row r="25" spans="1:4" ht="18" customHeight="1" x14ac:dyDescent="0.15">
      <c r="A25" s="5">
        <v>16</v>
      </c>
      <c r="B25" s="22">
        <v>11</v>
      </c>
      <c r="C25" s="14">
        <v>9</v>
      </c>
      <c r="D25" s="18">
        <v>20</v>
      </c>
    </row>
    <row r="26" spans="1:4" ht="18" customHeight="1" x14ac:dyDescent="0.15">
      <c r="A26" s="5">
        <v>17</v>
      </c>
      <c r="B26" s="22">
        <v>11</v>
      </c>
      <c r="C26" s="14">
        <v>11</v>
      </c>
      <c r="D26" s="18">
        <v>22</v>
      </c>
    </row>
    <row r="27" spans="1:4" ht="18" customHeight="1" x14ac:dyDescent="0.15">
      <c r="A27" s="5">
        <v>18</v>
      </c>
      <c r="B27" s="22">
        <v>4</v>
      </c>
      <c r="C27" s="14">
        <v>15</v>
      </c>
      <c r="D27" s="18">
        <v>19</v>
      </c>
    </row>
    <row r="28" spans="1:4" ht="18" customHeight="1" x14ac:dyDescent="0.15">
      <c r="A28" s="5">
        <v>19</v>
      </c>
      <c r="B28" s="22">
        <v>13</v>
      </c>
      <c r="C28" s="14">
        <v>9</v>
      </c>
      <c r="D28" s="18">
        <v>22</v>
      </c>
    </row>
    <row r="29" spans="1:4" ht="18" customHeight="1" x14ac:dyDescent="0.15">
      <c r="A29" s="5" t="s">
        <v>14</v>
      </c>
      <c r="B29" s="22">
        <v>47</v>
      </c>
      <c r="C29" s="14">
        <v>57</v>
      </c>
      <c r="D29" s="18">
        <v>104</v>
      </c>
    </row>
    <row r="30" spans="1:4" ht="18" customHeight="1" x14ac:dyDescent="0.15">
      <c r="A30" s="5">
        <v>20</v>
      </c>
      <c r="B30" s="22">
        <v>11</v>
      </c>
      <c r="C30" s="14">
        <v>10</v>
      </c>
      <c r="D30" s="18">
        <v>21</v>
      </c>
    </row>
    <row r="31" spans="1:4" ht="18" customHeight="1" x14ac:dyDescent="0.15">
      <c r="A31" s="5">
        <v>21</v>
      </c>
      <c r="B31" s="22">
        <v>12</v>
      </c>
      <c r="C31" s="14">
        <v>17</v>
      </c>
      <c r="D31" s="18">
        <v>29</v>
      </c>
    </row>
    <row r="32" spans="1:4" ht="18" customHeight="1" x14ac:dyDescent="0.15">
      <c r="A32" s="5">
        <v>22</v>
      </c>
      <c r="B32" s="22">
        <v>12</v>
      </c>
      <c r="C32" s="14">
        <v>5</v>
      </c>
      <c r="D32" s="18">
        <v>17</v>
      </c>
    </row>
    <row r="33" spans="1:4" ht="18" customHeight="1" x14ac:dyDescent="0.15">
      <c r="A33" s="5">
        <v>23</v>
      </c>
      <c r="B33" s="22">
        <v>13</v>
      </c>
      <c r="C33" s="14">
        <v>10</v>
      </c>
      <c r="D33" s="18">
        <v>23</v>
      </c>
    </row>
    <row r="34" spans="1:4" ht="18" customHeight="1" x14ac:dyDescent="0.15">
      <c r="A34" s="5">
        <v>24</v>
      </c>
      <c r="B34" s="22">
        <v>10</v>
      </c>
      <c r="C34" s="14">
        <v>11</v>
      </c>
      <c r="D34" s="18">
        <v>21</v>
      </c>
    </row>
    <row r="35" spans="1:4" ht="18" customHeight="1" x14ac:dyDescent="0.15">
      <c r="A35" s="5" t="s">
        <v>9</v>
      </c>
      <c r="B35" s="22">
        <v>58</v>
      </c>
      <c r="C35" s="14">
        <v>53</v>
      </c>
      <c r="D35" s="18">
        <v>111</v>
      </c>
    </row>
    <row r="36" spans="1:4" ht="18" customHeight="1" x14ac:dyDescent="0.15">
      <c r="A36" s="5">
        <v>25</v>
      </c>
      <c r="B36" s="22">
        <v>5</v>
      </c>
      <c r="C36" s="14">
        <v>8</v>
      </c>
      <c r="D36" s="18">
        <v>13</v>
      </c>
    </row>
    <row r="37" spans="1:4" ht="18" customHeight="1" x14ac:dyDescent="0.15">
      <c r="A37" s="5">
        <v>26</v>
      </c>
      <c r="B37" s="22">
        <v>17</v>
      </c>
      <c r="C37" s="14">
        <v>9</v>
      </c>
      <c r="D37" s="18">
        <v>26</v>
      </c>
    </row>
    <row r="38" spans="1:4" ht="18" customHeight="1" x14ac:dyDescent="0.15">
      <c r="A38" s="5">
        <v>27</v>
      </c>
      <c r="B38" s="22">
        <v>11</v>
      </c>
      <c r="C38" s="14">
        <v>3</v>
      </c>
      <c r="D38" s="18">
        <v>14</v>
      </c>
    </row>
    <row r="39" spans="1:4" ht="18" customHeight="1" x14ac:dyDescent="0.15">
      <c r="A39" s="5">
        <v>28</v>
      </c>
      <c r="B39" s="22">
        <v>9</v>
      </c>
      <c r="C39" s="14">
        <v>5</v>
      </c>
      <c r="D39" s="18">
        <v>14</v>
      </c>
    </row>
    <row r="40" spans="1:4" ht="18" customHeight="1" x14ac:dyDescent="0.15">
      <c r="A40" s="5">
        <v>29</v>
      </c>
      <c r="B40" s="22">
        <v>18</v>
      </c>
      <c r="C40" s="14">
        <v>11</v>
      </c>
      <c r="D40" s="18">
        <v>29</v>
      </c>
    </row>
    <row r="41" spans="1:4" ht="18" customHeight="1" x14ac:dyDescent="0.15">
      <c r="A41" s="5" t="s">
        <v>2</v>
      </c>
      <c r="B41" s="22">
        <v>60</v>
      </c>
      <c r="C41" s="14">
        <v>36</v>
      </c>
      <c r="D41" s="18">
        <v>96</v>
      </c>
    </row>
    <row r="42" spans="1:4" ht="18" customHeight="1" x14ac:dyDescent="0.15">
      <c r="A42" s="5">
        <v>30</v>
      </c>
      <c r="B42" s="22">
        <v>9</v>
      </c>
      <c r="C42" s="14">
        <v>8</v>
      </c>
      <c r="D42" s="18">
        <v>17</v>
      </c>
    </row>
    <row r="43" spans="1:4" ht="18" customHeight="1" x14ac:dyDescent="0.15">
      <c r="A43" s="5">
        <v>31</v>
      </c>
      <c r="B43" s="22">
        <v>12</v>
      </c>
      <c r="C43" s="14">
        <v>10</v>
      </c>
      <c r="D43" s="18">
        <v>22</v>
      </c>
    </row>
    <row r="44" spans="1:4" ht="18" customHeight="1" x14ac:dyDescent="0.15">
      <c r="A44" s="5">
        <v>32</v>
      </c>
      <c r="B44" s="22">
        <v>15</v>
      </c>
      <c r="C44" s="14">
        <v>5</v>
      </c>
      <c r="D44" s="18">
        <v>20</v>
      </c>
    </row>
    <row r="45" spans="1:4" ht="18" customHeight="1" x14ac:dyDescent="0.15">
      <c r="A45" s="5">
        <v>33</v>
      </c>
      <c r="B45" s="22">
        <v>15</v>
      </c>
      <c r="C45" s="14">
        <v>7</v>
      </c>
      <c r="D45" s="18">
        <v>22</v>
      </c>
    </row>
    <row r="46" spans="1:4" ht="18" customHeight="1" x14ac:dyDescent="0.15">
      <c r="A46" s="5">
        <v>34</v>
      </c>
      <c r="B46" s="22">
        <v>7</v>
      </c>
      <c r="C46" s="14">
        <v>8</v>
      </c>
      <c r="D46" s="18">
        <v>15</v>
      </c>
    </row>
    <row r="47" spans="1:4" ht="18" customHeight="1" x14ac:dyDescent="0.15">
      <c r="A47" s="5" t="s">
        <v>15</v>
      </c>
      <c r="B47" s="22">
        <v>58</v>
      </c>
      <c r="C47" s="14">
        <v>38</v>
      </c>
      <c r="D47" s="18">
        <v>96</v>
      </c>
    </row>
    <row r="48" spans="1:4" ht="18" customHeight="1" x14ac:dyDescent="0.15">
      <c r="A48" s="5">
        <v>35</v>
      </c>
      <c r="B48" s="22">
        <v>8</v>
      </c>
      <c r="C48" s="14">
        <v>14</v>
      </c>
      <c r="D48" s="18">
        <v>22</v>
      </c>
    </row>
    <row r="49" spans="1:4" ht="18" customHeight="1" x14ac:dyDescent="0.15">
      <c r="A49" s="5">
        <v>36</v>
      </c>
      <c r="B49" s="22">
        <v>9</v>
      </c>
      <c r="C49" s="14">
        <v>5</v>
      </c>
      <c r="D49" s="18">
        <v>14</v>
      </c>
    </row>
    <row r="50" spans="1:4" ht="18" customHeight="1" x14ac:dyDescent="0.15">
      <c r="A50" s="5">
        <v>37</v>
      </c>
      <c r="B50" s="22">
        <v>12</v>
      </c>
      <c r="C50" s="14">
        <v>12</v>
      </c>
      <c r="D50" s="18">
        <v>24</v>
      </c>
    </row>
    <row r="51" spans="1:4" ht="18" customHeight="1" x14ac:dyDescent="0.15">
      <c r="A51" s="5">
        <v>38</v>
      </c>
      <c r="B51" s="22">
        <v>11</v>
      </c>
      <c r="C51" s="14">
        <v>9</v>
      </c>
      <c r="D51" s="18">
        <v>20</v>
      </c>
    </row>
    <row r="52" spans="1:4" ht="18" customHeight="1" x14ac:dyDescent="0.15">
      <c r="A52" s="5">
        <v>39</v>
      </c>
      <c r="B52" s="22">
        <v>13</v>
      </c>
      <c r="C52" s="14">
        <v>12</v>
      </c>
      <c r="D52" s="18">
        <v>25</v>
      </c>
    </row>
    <row r="53" spans="1:4" ht="18" customHeight="1" x14ac:dyDescent="0.15">
      <c r="A53" s="5" t="s">
        <v>18</v>
      </c>
      <c r="B53" s="22">
        <v>53</v>
      </c>
      <c r="C53" s="14">
        <v>52</v>
      </c>
      <c r="D53" s="18">
        <v>105</v>
      </c>
    </row>
    <row r="54" spans="1:4" ht="18" customHeight="1" x14ac:dyDescent="0.15">
      <c r="A54" s="5">
        <v>40</v>
      </c>
      <c r="B54" s="22">
        <v>13</v>
      </c>
      <c r="C54" s="14">
        <v>8</v>
      </c>
      <c r="D54" s="18">
        <v>21</v>
      </c>
    </row>
    <row r="55" spans="1:4" ht="18" customHeight="1" x14ac:dyDescent="0.15">
      <c r="A55" s="5">
        <v>41</v>
      </c>
      <c r="B55" s="22">
        <v>14</v>
      </c>
      <c r="C55" s="14">
        <v>17</v>
      </c>
      <c r="D55" s="18">
        <v>31</v>
      </c>
    </row>
    <row r="56" spans="1:4" ht="18" customHeight="1" x14ac:dyDescent="0.15">
      <c r="A56" s="5">
        <v>42</v>
      </c>
      <c r="B56" s="22">
        <v>14</v>
      </c>
      <c r="C56" s="14">
        <v>12</v>
      </c>
      <c r="D56" s="18">
        <v>26</v>
      </c>
    </row>
    <row r="57" spans="1:4" ht="18" customHeight="1" x14ac:dyDescent="0.15">
      <c r="A57" s="5">
        <v>43</v>
      </c>
      <c r="B57" s="22">
        <v>20</v>
      </c>
      <c r="C57" s="14">
        <v>13</v>
      </c>
      <c r="D57" s="18">
        <v>33</v>
      </c>
    </row>
    <row r="58" spans="1:4" ht="18" customHeight="1" x14ac:dyDescent="0.15">
      <c r="A58" s="5">
        <v>44</v>
      </c>
      <c r="B58" s="22">
        <v>16</v>
      </c>
      <c r="C58" s="14">
        <v>12</v>
      </c>
      <c r="D58" s="18">
        <v>28</v>
      </c>
    </row>
    <row r="59" spans="1:4" ht="18" customHeight="1" x14ac:dyDescent="0.15">
      <c r="A59" s="5" t="s">
        <v>21</v>
      </c>
      <c r="B59" s="22">
        <v>77</v>
      </c>
      <c r="C59" s="14">
        <v>62</v>
      </c>
      <c r="D59" s="18">
        <v>139</v>
      </c>
    </row>
    <row r="60" spans="1:4" ht="18" customHeight="1" x14ac:dyDescent="0.15">
      <c r="A60" s="5">
        <v>45</v>
      </c>
      <c r="B60" s="22">
        <v>23</v>
      </c>
      <c r="C60" s="14">
        <v>10</v>
      </c>
      <c r="D60" s="18">
        <v>33</v>
      </c>
    </row>
    <row r="61" spans="1:4" ht="18" customHeight="1" x14ac:dyDescent="0.15">
      <c r="A61" s="5">
        <v>46</v>
      </c>
      <c r="B61" s="22">
        <v>12</v>
      </c>
      <c r="C61" s="14">
        <v>15</v>
      </c>
      <c r="D61" s="18">
        <v>27</v>
      </c>
    </row>
    <row r="62" spans="1:4" ht="18" customHeight="1" x14ac:dyDescent="0.15">
      <c r="A62" s="5">
        <v>47</v>
      </c>
      <c r="B62" s="22">
        <v>19</v>
      </c>
      <c r="C62" s="14">
        <v>17</v>
      </c>
      <c r="D62" s="18">
        <v>36</v>
      </c>
    </row>
    <row r="63" spans="1:4" ht="18" customHeight="1" x14ac:dyDescent="0.15">
      <c r="A63" s="5">
        <v>48</v>
      </c>
      <c r="B63" s="22">
        <v>19</v>
      </c>
      <c r="C63" s="14">
        <v>26</v>
      </c>
      <c r="D63" s="18">
        <v>45</v>
      </c>
    </row>
    <row r="64" spans="1:4" ht="18" customHeight="1" x14ac:dyDescent="0.15">
      <c r="A64" s="5">
        <v>49</v>
      </c>
      <c r="B64" s="22">
        <v>25</v>
      </c>
      <c r="C64" s="14">
        <v>11</v>
      </c>
      <c r="D64" s="18">
        <v>36</v>
      </c>
    </row>
    <row r="65" spans="1:4" ht="18" customHeight="1" x14ac:dyDescent="0.15">
      <c r="A65" s="5" t="s">
        <v>17</v>
      </c>
      <c r="B65" s="22">
        <v>98</v>
      </c>
      <c r="C65" s="14">
        <v>79</v>
      </c>
      <c r="D65" s="18">
        <v>177</v>
      </c>
    </row>
    <row r="66" spans="1:4" ht="18" customHeight="1" x14ac:dyDescent="0.15">
      <c r="A66" s="5">
        <v>50</v>
      </c>
      <c r="B66" s="22">
        <v>21</v>
      </c>
      <c r="C66" s="14">
        <v>18</v>
      </c>
      <c r="D66" s="18">
        <v>39</v>
      </c>
    </row>
    <row r="67" spans="1:4" ht="18" customHeight="1" x14ac:dyDescent="0.15">
      <c r="A67" s="5">
        <v>51</v>
      </c>
      <c r="B67" s="22">
        <v>20</v>
      </c>
      <c r="C67" s="14">
        <v>18</v>
      </c>
      <c r="D67" s="18">
        <v>38</v>
      </c>
    </row>
    <row r="68" spans="1:4" ht="18" customHeight="1" x14ac:dyDescent="0.15">
      <c r="A68" s="5">
        <v>52</v>
      </c>
      <c r="B68" s="22">
        <v>25</v>
      </c>
      <c r="C68" s="14">
        <v>16</v>
      </c>
      <c r="D68" s="18">
        <v>41</v>
      </c>
    </row>
    <row r="69" spans="1:4" ht="18" customHeight="1" x14ac:dyDescent="0.15">
      <c r="A69" s="5">
        <v>53</v>
      </c>
      <c r="B69" s="22">
        <v>26</v>
      </c>
      <c r="C69" s="14">
        <v>27</v>
      </c>
      <c r="D69" s="18">
        <v>53</v>
      </c>
    </row>
    <row r="70" spans="1:4" ht="18" customHeight="1" x14ac:dyDescent="0.15">
      <c r="A70" s="5">
        <v>54</v>
      </c>
      <c r="B70" s="22">
        <v>14</v>
      </c>
      <c r="C70" s="14">
        <v>26</v>
      </c>
      <c r="D70" s="18">
        <v>40</v>
      </c>
    </row>
    <row r="71" spans="1:4" ht="18" customHeight="1" x14ac:dyDescent="0.15">
      <c r="A71" s="5" t="s">
        <v>22</v>
      </c>
      <c r="B71" s="22">
        <v>106</v>
      </c>
      <c r="C71" s="14">
        <v>105</v>
      </c>
      <c r="D71" s="18">
        <v>211</v>
      </c>
    </row>
    <row r="72" spans="1:4" ht="18" customHeight="1" x14ac:dyDescent="0.15">
      <c r="A72" s="5">
        <v>55</v>
      </c>
      <c r="B72" s="22">
        <v>20</v>
      </c>
      <c r="C72" s="14">
        <v>19</v>
      </c>
      <c r="D72" s="18">
        <v>39</v>
      </c>
    </row>
    <row r="73" spans="1:4" ht="18" customHeight="1" x14ac:dyDescent="0.15">
      <c r="A73" s="5">
        <v>56</v>
      </c>
      <c r="B73" s="22">
        <v>22</v>
      </c>
      <c r="C73" s="14">
        <v>12</v>
      </c>
      <c r="D73" s="18">
        <v>34</v>
      </c>
    </row>
    <row r="74" spans="1:4" ht="18" customHeight="1" x14ac:dyDescent="0.15">
      <c r="A74" s="5">
        <v>57</v>
      </c>
      <c r="B74" s="22">
        <v>24</v>
      </c>
      <c r="C74" s="14">
        <v>16</v>
      </c>
      <c r="D74" s="18">
        <v>40</v>
      </c>
    </row>
    <row r="75" spans="1:4" ht="18" customHeight="1" x14ac:dyDescent="0.15">
      <c r="A75" s="5">
        <v>58</v>
      </c>
      <c r="B75" s="22">
        <v>20</v>
      </c>
      <c r="C75" s="14">
        <v>15</v>
      </c>
      <c r="D75" s="18">
        <v>35</v>
      </c>
    </row>
    <row r="76" spans="1:4" ht="18" customHeight="1" x14ac:dyDescent="0.15">
      <c r="A76" s="5">
        <v>59</v>
      </c>
      <c r="B76" s="22">
        <v>24</v>
      </c>
      <c r="C76" s="14">
        <v>15</v>
      </c>
      <c r="D76" s="18">
        <v>39</v>
      </c>
    </row>
    <row r="77" spans="1:4" ht="18" customHeight="1" x14ac:dyDescent="0.15">
      <c r="A77" s="5" t="s">
        <v>27</v>
      </c>
      <c r="B77" s="22">
        <v>110</v>
      </c>
      <c r="C77" s="14">
        <v>77</v>
      </c>
      <c r="D77" s="18">
        <v>187</v>
      </c>
    </row>
    <row r="78" spans="1:4" ht="18" customHeight="1" x14ac:dyDescent="0.15">
      <c r="A78" s="5">
        <v>60</v>
      </c>
      <c r="B78" s="22">
        <v>9</v>
      </c>
      <c r="C78" s="14">
        <v>15</v>
      </c>
      <c r="D78" s="18">
        <v>24</v>
      </c>
    </row>
    <row r="79" spans="1:4" ht="18" customHeight="1" x14ac:dyDescent="0.15">
      <c r="A79" s="5">
        <v>61</v>
      </c>
      <c r="B79" s="22">
        <v>23</v>
      </c>
      <c r="C79" s="14">
        <v>16</v>
      </c>
      <c r="D79" s="18">
        <v>39</v>
      </c>
    </row>
    <row r="80" spans="1:4" ht="18" customHeight="1" x14ac:dyDescent="0.15">
      <c r="A80" s="5">
        <v>62</v>
      </c>
      <c r="B80" s="22">
        <v>17</v>
      </c>
      <c r="C80" s="14">
        <v>28</v>
      </c>
      <c r="D80" s="18">
        <v>45</v>
      </c>
    </row>
    <row r="81" spans="1:4" ht="18" customHeight="1" x14ac:dyDescent="0.15">
      <c r="A81" s="5">
        <v>63</v>
      </c>
      <c r="B81" s="22">
        <v>16</v>
      </c>
      <c r="C81" s="14">
        <v>22</v>
      </c>
      <c r="D81" s="18">
        <v>38</v>
      </c>
    </row>
    <row r="82" spans="1:4" ht="18" customHeight="1" x14ac:dyDescent="0.15">
      <c r="A82" s="5">
        <v>64</v>
      </c>
      <c r="B82" s="22">
        <v>19</v>
      </c>
      <c r="C82" s="14">
        <v>18</v>
      </c>
      <c r="D82" s="18">
        <v>37</v>
      </c>
    </row>
    <row r="83" spans="1:4" ht="18" customHeight="1" x14ac:dyDescent="0.15">
      <c r="A83" s="5" t="s">
        <v>28</v>
      </c>
      <c r="B83" s="22">
        <v>84</v>
      </c>
      <c r="C83" s="14">
        <v>99</v>
      </c>
      <c r="D83" s="18">
        <v>183</v>
      </c>
    </row>
    <row r="84" spans="1:4" ht="18" customHeight="1" x14ac:dyDescent="0.15">
      <c r="A84" s="5" t="s">
        <v>31</v>
      </c>
      <c r="B84" s="22">
        <v>751</v>
      </c>
      <c r="C84" s="14">
        <v>658</v>
      </c>
      <c r="D84" s="18">
        <v>1409</v>
      </c>
    </row>
    <row r="85" spans="1:4" ht="18" customHeight="1" x14ac:dyDescent="0.15">
      <c r="A85" s="5">
        <v>65</v>
      </c>
      <c r="B85" s="22">
        <v>15</v>
      </c>
      <c r="C85" s="14">
        <v>22</v>
      </c>
      <c r="D85" s="18">
        <v>37</v>
      </c>
    </row>
    <row r="86" spans="1:4" ht="18" customHeight="1" x14ac:dyDescent="0.15">
      <c r="A86" s="5">
        <v>66</v>
      </c>
      <c r="B86" s="22">
        <v>21</v>
      </c>
      <c r="C86" s="14">
        <v>21</v>
      </c>
      <c r="D86" s="18">
        <v>42</v>
      </c>
    </row>
    <row r="87" spans="1:4" ht="18" customHeight="1" x14ac:dyDescent="0.15">
      <c r="A87" s="5">
        <v>67</v>
      </c>
      <c r="B87" s="22">
        <v>14</v>
      </c>
      <c r="C87" s="14">
        <v>18</v>
      </c>
      <c r="D87" s="18">
        <v>32</v>
      </c>
    </row>
    <row r="88" spans="1:4" ht="18" customHeight="1" x14ac:dyDescent="0.15">
      <c r="A88" s="5">
        <v>68</v>
      </c>
      <c r="B88" s="22">
        <v>17</v>
      </c>
      <c r="C88" s="14">
        <v>23</v>
      </c>
      <c r="D88" s="18">
        <v>40</v>
      </c>
    </row>
    <row r="89" spans="1:4" ht="18" customHeight="1" x14ac:dyDescent="0.15">
      <c r="A89" s="5">
        <v>69</v>
      </c>
      <c r="B89" s="22">
        <v>22</v>
      </c>
      <c r="C89" s="14">
        <v>22</v>
      </c>
      <c r="D89" s="18">
        <v>44</v>
      </c>
    </row>
    <row r="90" spans="1:4" ht="18" customHeight="1" x14ac:dyDescent="0.15">
      <c r="A90" s="5" t="s">
        <v>20</v>
      </c>
      <c r="B90" s="22">
        <v>89</v>
      </c>
      <c r="C90" s="14">
        <v>106</v>
      </c>
      <c r="D90" s="18">
        <v>195</v>
      </c>
    </row>
    <row r="91" spans="1:4" ht="18" customHeight="1" x14ac:dyDescent="0.15">
      <c r="A91" s="5">
        <v>70</v>
      </c>
      <c r="B91" s="22">
        <v>16</v>
      </c>
      <c r="C91" s="14">
        <v>25</v>
      </c>
      <c r="D91" s="18">
        <v>41</v>
      </c>
    </row>
    <row r="92" spans="1:4" ht="18" customHeight="1" x14ac:dyDescent="0.15">
      <c r="A92" s="5">
        <v>71</v>
      </c>
      <c r="B92" s="22">
        <v>17</v>
      </c>
      <c r="C92" s="14">
        <v>17</v>
      </c>
      <c r="D92" s="18">
        <v>34</v>
      </c>
    </row>
    <row r="93" spans="1:4" ht="18" customHeight="1" x14ac:dyDescent="0.15">
      <c r="A93" s="5">
        <v>72</v>
      </c>
      <c r="B93" s="22">
        <v>31</v>
      </c>
      <c r="C93" s="14">
        <v>31</v>
      </c>
      <c r="D93" s="18">
        <v>62</v>
      </c>
    </row>
    <row r="94" spans="1:4" ht="18" customHeight="1" x14ac:dyDescent="0.15">
      <c r="A94" s="5">
        <v>73</v>
      </c>
      <c r="B94" s="22">
        <v>22</v>
      </c>
      <c r="C94" s="14">
        <v>27</v>
      </c>
      <c r="D94" s="18">
        <v>49</v>
      </c>
    </row>
    <row r="95" spans="1:4" ht="18" customHeight="1" x14ac:dyDescent="0.15">
      <c r="A95" s="5">
        <v>74</v>
      </c>
      <c r="B95" s="22">
        <v>27</v>
      </c>
      <c r="C95" s="14">
        <v>24</v>
      </c>
      <c r="D95" s="18">
        <v>51</v>
      </c>
    </row>
    <row r="96" spans="1:4" ht="18" customHeight="1" x14ac:dyDescent="0.15">
      <c r="A96" s="5" t="s">
        <v>33</v>
      </c>
      <c r="B96" s="22">
        <v>113</v>
      </c>
      <c r="C96" s="14">
        <v>124</v>
      </c>
      <c r="D96" s="18">
        <v>237</v>
      </c>
    </row>
    <row r="97" spans="1:4" ht="18" customHeight="1" x14ac:dyDescent="0.15">
      <c r="A97" s="5">
        <v>75</v>
      </c>
      <c r="B97" s="22">
        <v>28</v>
      </c>
      <c r="C97" s="14">
        <v>13</v>
      </c>
      <c r="D97" s="18">
        <v>41</v>
      </c>
    </row>
    <row r="98" spans="1:4" ht="18" customHeight="1" x14ac:dyDescent="0.15">
      <c r="A98" s="5">
        <v>76</v>
      </c>
      <c r="B98" s="22">
        <v>18</v>
      </c>
      <c r="C98" s="14">
        <v>30</v>
      </c>
      <c r="D98" s="18">
        <v>48</v>
      </c>
    </row>
    <row r="99" spans="1:4" ht="18" customHeight="1" x14ac:dyDescent="0.15">
      <c r="A99" s="5">
        <v>77</v>
      </c>
      <c r="B99" s="22">
        <v>31</v>
      </c>
      <c r="C99" s="14">
        <v>31</v>
      </c>
      <c r="D99" s="18">
        <v>62</v>
      </c>
    </row>
    <row r="100" spans="1:4" ht="18" customHeight="1" x14ac:dyDescent="0.15">
      <c r="A100" s="5">
        <v>78</v>
      </c>
      <c r="B100" s="22">
        <v>35</v>
      </c>
      <c r="C100" s="14">
        <v>25</v>
      </c>
      <c r="D100" s="18">
        <v>60</v>
      </c>
    </row>
    <row r="101" spans="1:4" ht="18" customHeight="1" x14ac:dyDescent="0.15">
      <c r="A101" s="5">
        <v>79</v>
      </c>
      <c r="B101" s="22">
        <v>26</v>
      </c>
      <c r="C101" s="14">
        <v>26</v>
      </c>
      <c r="D101" s="18">
        <v>52</v>
      </c>
    </row>
    <row r="102" spans="1:4" ht="18" customHeight="1" x14ac:dyDescent="0.15">
      <c r="A102" s="5" t="s">
        <v>0</v>
      </c>
      <c r="B102" s="22">
        <v>138</v>
      </c>
      <c r="C102" s="14">
        <v>125</v>
      </c>
      <c r="D102" s="18">
        <v>263</v>
      </c>
    </row>
    <row r="103" spans="1:4" ht="18" customHeight="1" x14ac:dyDescent="0.15">
      <c r="A103" s="5">
        <v>80</v>
      </c>
      <c r="B103" s="22">
        <v>14</v>
      </c>
      <c r="C103" s="14">
        <v>14</v>
      </c>
      <c r="D103" s="18">
        <v>28</v>
      </c>
    </row>
    <row r="104" spans="1:4" ht="18" customHeight="1" x14ac:dyDescent="0.15">
      <c r="A104" s="5">
        <v>81</v>
      </c>
      <c r="B104" s="22">
        <v>17</v>
      </c>
      <c r="C104" s="14">
        <v>24</v>
      </c>
      <c r="D104" s="18">
        <v>41</v>
      </c>
    </row>
    <row r="105" spans="1:4" ht="18" customHeight="1" x14ac:dyDescent="0.15">
      <c r="A105" s="5">
        <v>82</v>
      </c>
      <c r="B105" s="22">
        <v>11</v>
      </c>
      <c r="C105" s="14">
        <v>22</v>
      </c>
      <c r="D105" s="18">
        <v>33</v>
      </c>
    </row>
    <row r="106" spans="1:4" ht="18" customHeight="1" x14ac:dyDescent="0.15">
      <c r="A106" s="5">
        <v>83</v>
      </c>
      <c r="B106" s="22">
        <v>9</v>
      </c>
      <c r="C106" s="14">
        <v>15</v>
      </c>
      <c r="D106" s="18">
        <v>24</v>
      </c>
    </row>
    <row r="107" spans="1:4" ht="18" customHeight="1" x14ac:dyDescent="0.15">
      <c r="A107" s="5">
        <v>84</v>
      </c>
      <c r="B107" s="22">
        <v>10</v>
      </c>
      <c r="C107" s="14">
        <v>18</v>
      </c>
      <c r="D107" s="18">
        <v>28</v>
      </c>
    </row>
    <row r="108" spans="1:4" ht="18" customHeight="1" x14ac:dyDescent="0.15">
      <c r="A108" s="5" t="s">
        <v>35</v>
      </c>
      <c r="B108" s="22">
        <v>61</v>
      </c>
      <c r="C108" s="14">
        <v>93</v>
      </c>
      <c r="D108" s="18">
        <v>154</v>
      </c>
    </row>
    <row r="109" spans="1:4" ht="18" customHeight="1" x14ac:dyDescent="0.15">
      <c r="A109" s="5">
        <v>85</v>
      </c>
      <c r="B109" s="22">
        <v>13</v>
      </c>
      <c r="C109" s="14">
        <v>12</v>
      </c>
      <c r="D109" s="18">
        <v>25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7</v>
      </c>
      <c r="C111" s="14">
        <v>15</v>
      </c>
      <c r="D111" s="18">
        <v>22</v>
      </c>
    </row>
    <row r="112" spans="1:4" ht="18" customHeight="1" x14ac:dyDescent="0.15">
      <c r="A112" s="5">
        <v>88</v>
      </c>
      <c r="B112" s="22">
        <v>2</v>
      </c>
      <c r="C112" s="14">
        <v>11</v>
      </c>
      <c r="D112" s="18">
        <v>13</v>
      </c>
    </row>
    <row r="113" spans="1:4" ht="18" customHeight="1" x14ac:dyDescent="0.15">
      <c r="A113" s="5">
        <v>89</v>
      </c>
      <c r="B113" s="22">
        <v>7</v>
      </c>
      <c r="C113" s="14">
        <v>7</v>
      </c>
      <c r="D113" s="18">
        <v>14</v>
      </c>
    </row>
    <row r="114" spans="1:4" ht="18" customHeight="1" x14ac:dyDescent="0.15">
      <c r="A114" s="5" t="s">
        <v>37</v>
      </c>
      <c r="B114" s="22">
        <v>35</v>
      </c>
      <c r="C114" s="14">
        <v>54</v>
      </c>
      <c r="D114" s="18">
        <v>89</v>
      </c>
    </row>
    <row r="115" spans="1:4" ht="18" customHeight="1" x14ac:dyDescent="0.15">
      <c r="A115" s="5">
        <v>90</v>
      </c>
      <c r="B115" s="22">
        <v>7</v>
      </c>
      <c r="C115" s="14">
        <v>10</v>
      </c>
      <c r="D115" s="18">
        <v>17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3</v>
      </c>
      <c r="C118" s="14">
        <v>12</v>
      </c>
      <c r="D118" s="18">
        <v>15</v>
      </c>
    </row>
    <row r="119" spans="1:4" ht="18" customHeight="1" x14ac:dyDescent="0.15">
      <c r="A119" s="5">
        <v>94</v>
      </c>
      <c r="B119" s="22">
        <v>0</v>
      </c>
      <c r="C119" s="14">
        <v>8</v>
      </c>
      <c r="D119" s="18">
        <v>8</v>
      </c>
    </row>
    <row r="120" spans="1:4" ht="18" customHeight="1" x14ac:dyDescent="0.15">
      <c r="A120" s="5" t="s">
        <v>39</v>
      </c>
      <c r="B120" s="22">
        <v>14</v>
      </c>
      <c r="C120" s="14">
        <v>44</v>
      </c>
      <c r="D120" s="18">
        <v>58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11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52</v>
      </c>
      <c r="C130" s="14">
        <v>559</v>
      </c>
      <c r="D130" s="18">
        <v>1011</v>
      </c>
    </row>
    <row r="131" spans="1:4" ht="18" customHeight="1" x14ac:dyDescent="0.15">
      <c r="A131" s="7" t="s">
        <v>45</v>
      </c>
      <c r="B131" s="23">
        <v>1316</v>
      </c>
      <c r="C131" s="15">
        <v>1326</v>
      </c>
      <c r="D131" s="19">
        <v>26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6</v>
      </c>
      <c r="D5" s="17">
        <v>14</v>
      </c>
    </row>
    <row r="6" spans="1:4" ht="18" customHeight="1" x14ac:dyDescent="0.15">
      <c r="A6" s="5">
        <v>1</v>
      </c>
      <c r="B6" s="22">
        <v>10</v>
      </c>
      <c r="C6" s="14">
        <v>5</v>
      </c>
      <c r="D6" s="18">
        <v>15</v>
      </c>
    </row>
    <row r="7" spans="1:4" ht="18" customHeight="1" x14ac:dyDescent="0.15">
      <c r="A7" s="5">
        <v>2</v>
      </c>
      <c r="B7" s="22">
        <v>12</v>
      </c>
      <c r="C7" s="14">
        <v>12</v>
      </c>
      <c r="D7" s="18">
        <v>24</v>
      </c>
    </row>
    <row r="8" spans="1:4" ht="18" customHeight="1" x14ac:dyDescent="0.15">
      <c r="A8" s="5">
        <v>3</v>
      </c>
      <c r="B8" s="22">
        <v>6</v>
      </c>
      <c r="C8" s="14">
        <v>10</v>
      </c>
      <c r="D8" s="18">
        <v>16</v>
      </c>
    </row>
    <row r="9" spans="1:4" ht="18" customHeight="1" x14ac:dyDescent="0.15">
      <c r="A9" s="5">
        <v>4</v>
      </c>
      <c r="B9" s="22">
        <v>6</v>
      </c>
      <c r="C9" s="14">
        <v>17</v>
      </c>
      <c r="D9" s="18">
        <v>23</v>
      </c>
    </row>
    <row r="10" spans="1:4" ht="18" customHeight="1" x14ac:dyDescent="0.15">
      <c r="A10" s="5" t="s">
        <v>7</v>
      </c>
      <c r="B10" s="22">
        <v>42</v>
      </c>
      <c r="C10" s="14">
        <v>50</v>
      </c>
      <c r="D10" s="18">
        <v>92</v>
      </c>
    </row>
    <row r="11" spans="1:4" ht="18" customHeight="1" x14ac:dyDescent="0.15">
      <c r="A11" s="5">
        <v>5</v>
      </c>
      <c r="B11" s="22">
        <v>10</v>
      </c>
      <c r="C11" s="14">
        <v>10</v>
      </c>
      <c r="D11" s="18">
        <v>20</v>
      </c>
    </row>
    <row r="12" spans="1:4" ht="18" customHeight="1" x14ac:dyDescent="0.15">
      <c r="A12" s="5">
        <v>6</v>
      </c>
      <c r="B12" s="22">
        <v>11</v>
      </c>
      <c r="C12" s="14">
        <v>10</v>
      </c>
      <c r="D12" s="18">
        <v>21</v>
      </c>
    </row>
    <row r="13" spans="1:4" ht="18" customHeight="1" x14ac:dyDescent="0.15">
      <c r="A13" s="5">
        <v>7</v>
      </c>
      <c r="B13" s="22">
        <v>13</v>
      </c>
      <c r="C13" s="14">
        <v>18</v>
      </c>
      <c r="D13" s="18">
        <v>31</v>
      </c>
    </row>
    <row r="14" spans="1:4" ht="18" customHeight="1" x14ac:dyDescent="0.15">
      <c r="A14" s="5">
        <v>8</v>
      </c>
      <c r="B14" s="22">
        <v>10</v>
      </c>
      <c r="C14" s="14">
        <v>9</v>
      </c>
      <c r="D14" s="18">
        <v>19</v>
      </c>
    </row>
    <row r="15" spans="1:4" ht="18" customHeight="1" x14ac:dyDescent="0.15">
      <c r="A15" s="5">
        <v>9</v>
      </c>
      <c r="B15" s="22">
        <v>16</v>
      </c>
      <c r="C15" s="14">
        <v>10</v>
      </c>
      <c r="D15" s="18">
        <v>26</v>
      </c>
    </row>
    <row r="16" spans="1:4" ht="18" customHeight="1" x14ac:dyDescent="0.15">
      <c r="A16" s="5" t="s">
        <v>11</v>
      </c>
      <c r="B16" s="22">
        <v>60</v>
      </c>
      <c r="C16" s="14">
        <v>57</v>
      </c>
      <c r="D16" s="18">
        <v>117</v>
      </c>
    </row>
    <row r="17" spans="1:4" ht="18" customHeight="1" x14ac:dyDescent="0.15">
      <c r="A17" s="5">
        <v>10</v>
      </c>
      <c r="B17" s="22">
        <v>10</v>
      </c>
      <c r="C17" s="14">
        <v>2</v>
      </c>
      <c r="D17" s="18">
        <v>12</v>
      </c>
    </row>
    <row r="18" spans="1:4" ht="18" customHeight="1" x14ac:dyDescent="0.15">
      <c r="A18" s="5">
        <v>11</v>
      </c>
      <c r="B18" s="22">
        <v>18</v>
      </c>
      <c r="C18" s="14">
        <v>17</v>
      </c>
      <c r="D18" s="18">
        <v>35</v>
      </c>
    </row>
    <row r="19" spans="1:4" ht="18" customHeight="1" x14ac:dyDescent="0.15">
      <c r="A19" s="5">
        <v>12</v>
      </c>
      <c r="B19" s="22">
        <v>12</v>
      </c>
      <c r="C19" s="14">
        <v>21</v>
      </c>
      <c r="D19" s="18">
        <v>33</v>
      </c>
    </row>
    <row r="20" spans="1:4" ht="18" customHeight="1" x14ac:dyDescent="0.15">
      <c r="A20" s="5">
        <v>13</v>
      </c>
      <c r="B20" s="22">
        <v>11</v>
      </c>
      <c r="C20" s="14">
        <v>10</v>
      </c>
      <c r="D20" s="18">
        <v>21</v>
      </c>
    </row>
    <row r="21" spans="1:4" ht="18" customHeight="1" x14ac:dyDescent="0.15">
      <c r="A21" s="5">
        <v>14</v>
      </c>
      <c r="B21" s="22">
        <v>19</v>
      </c>
      <c r="C21" s="14">
        <v>18</v>
      </c>
      <c r="D21" s="18">
        <v>37</v>
      </c>
    </row>
    <row r="22" spans="1:4" ht="18" customHeight="1" x14ac:dyDescent="0.15">
      <c r="A22" s="5" t="s">
        <v>12</v>
      </c>
      <c r="B22" s="22">
        <v>70</v>
      </c>
      <c r="C22" s="14">
        <v>68</v>
      </c>
      <c r="D22" s="18">
        <v>138</v>
      </c>
    </row>
    <row r="23" spans="1:4" ht="18" customHeight="1" x14ac:dyDescent="0.15">
      <c r="A23" s="5" t="s">
        <v>6</v>
      </c>
      <c r="B23" s="22">
        <v>172</v>
      </c>
      <c r="C23" s="14">
        <v>175</v>
      </c>
      <c r="D23" s="18">
        <v>347</v>
      </c>
    </row>
    <row r="24" spans="1:4" ht="18" customHeight="1" x14ac:dyDescent="0.15">
      <c r="A24" s="5">
        <v>15</v>
      </c>
      <c r="B24" s="22">
        <v>19</v>
      </c>
      <c r="C24" s="14">
        <v>11</v>
      </c>
      <c r="D24" s="18">
        <v>30</v>
      </c>
    </row>
    <row r="25" spans="1:4" ht="18" customHeight="1" x14ac:dyDescent="0.15">
      <c r="A25" s="5">
        <v>16</v>
      </c>
      <c r="B25" s="22">
        <v>18</v>
      </c>
      <c r="C25" s="14">
        <v>15</v>
      </c>
      <c r="D25" s="18">
        <v>33</v>
      </c>
    </row>
    <row r="26" spans="1:4" ht="18" customHeight="1" x14ac:dyDescent="0.15">
      <c r="A26" s="5">
        <v>17</v>
      </c>
      <c r="B26" s="22">
        <v>22</v>
      </c>
      <c r="C26" s="14">
        <v>21</v>
      </c>
      <c r="D26" s="18">
        <v>43</v>
      </c>
    </row>
    <row r="27" spans="1:4" ht="18" customHeight="1" x14ac:dyDescent="0.15">
      <c r="A27" s="5">
        <v>18</v>
      </c>
      <c r="B27" s="22">
        <v>15</v>
      </c>
      <c r="C27" s="14">
        <v>18</v>
      </c>
      <c r="D27" s="18">
        <v>33</v>
      </c>
    </row>
    <row r="28" spans="1:4" ht="18" customHeight="1" x14ac:dyDescent="0.15">
      <c r="A28" s="5">
        <v>19</v>
      </c>
      <c r="B28" s="22">
        <v>13</v>
      </c>
      <c r="C28" s="14">
        <v>13</v>
      </c>
      <c r="D28" s="18">
        <v>26</v>
      </c>
    </row>
    <row r="29" spans="1:4" ht="18" customHeight="1" x14ac:dyDescent="0.15">
      <c r="A29" s="5" t="s">
        <v>14</v>
      </c>
      <c r="B29" s="22">
        <v>87</v>
      </c>
      <c r="C29" s="14">
        <v>78</v>
      </c>
      <c r="D29" s="18">
        <v>165</v>
      </c>
    </row>
    <row r="30" spans="1:4" ht="18" customHeight="1" x14ac:dyDescent="0.15">
      <c r="A30" s="5">
        <v>20</v>
      </c>
      <c r="B30" s="22">
        <v>11</v>
      </c>
      <c r="C30" s="14">
        <v>14</v>
      </c>
      <c r="D30" s="18">
        <v>25</v>
      </c>
    </row>
    <row r="31" spans="1:4" ht="18" customHeight="1" x14ac:dyDescent="0.15">
      <c r="A31" s="5">
        <v>21</v>
      </c>
      <c r="B31" s="22">
        <v>12</v>
      </c>
      <c r="C31" s="14">
        <v>12</v>
      </c>
      <c r="D31" s="18">
        <v>24</v>
      </c>
    </row>
    <row r="32" spans="1:4" ht="18" customHeight="1" x14ac:dyDescent="0.15">
      <c r="A32" s="5">
        <v>22</v>
      </c>
      <c r="B32" s="22">
        <v>10</v>
      </c>
      <c r="C32" s="14">
        <v>8</v>
      </c>
      <c r="D32" s="18">
        <v>18</v>
      </c>
    </row>
    <row r="33" spans="1:4" ht="18" customHeight="1" x14ac:dyDescent="0.15">
      <c r="A33" s="5">
        <v>23</v>
      </c>
      <c r="B33" s="22">
        <v>16</v>
      </c>
      <c r="C33" s="14">
        <v>9</v>
      </c>
      <c r="D33" s="18">
        <v>25</v>
      </c>
    </row>
    <row r="34" spans="1:4" ht="18" customHeight="1" x14ac:dyDescent="0.15">
      <c r="A34" s="5">
        <v>24</v>
      </c>
      <c r="B34" s="22">
        <v>18</v>
      </c>
      <c r="C34" s="14">
        <v>14</v>
      </c>
      <c r="D34" s="18">
        <v>32</v>
      </c>
    </row>
    <row r="35" spans="1:4" ht="18" customHeight="1" x14ac:dyDescent="0.15">
      <c r="A35" s="5" t="s">
        <v>9</v>
      </c>
      <c r="B35" s="22">
        <v>67</v>
      </c>
      <c r="C35" s="14">
        <v>57</v>
      </c>
      <c r="D35" s="18">
        <v>124</v>
      </c>
    </row>
    <row r="36" spans="1:4" ht="18" customHeight="1" x14ac:dyDescent="0.15">
      <c r="A36" s="5">
        <v>25</v>
      </c>
      <c r="B36" s="22">
        <v>10</v>
      </c>
      <c r="C36" s="14">
        <v>11</v>
      </c>
      <c r="D36" s="18">
        <v>21</v>
      </c>
    </row>
    <row r="37" spans="1:4" ht="18" customHeight="1" x14ac:dyDescent="0.15">
      <c r="A37" s="5">
        <v>26</v>
      </c>
      <c r="B37" s="22">
        <v>11</v>
      </c>
      <c r="C37" s="14">
        <v>9</v>
      </c>
      <c r="D37" s="18">
        <v>20</v>
      </c>
    </row>
    <row r="38" spans="1:4" ht="18" customHeight="1" x14ac:dyDescent="0.15">
      <c r="A38" s="5">
        <v>27</v>
      </c>
      <c r="B38" s="22">
        <v>12</v>
      </c>
      <c r="C38" s="14">
        <v>7</v>
      </c>
      <c r="D38" s="18">
        <v>19</v>
      </c>
    </row>
    <row r="39" spans="1:4" ht="18" customHeight="1" x14ac:dyDescent="0.15">
      <c r="A39" s="5">
        <v>28</v>
      </c>
      <c r="B39" s="22">
        <v>6</v>
      </c>
      <c r="C39" s="14">
        <v>8</v>
      </c>
      <c r="D39" s="18">
        <v>14</v>
      </c>
    </row>
    <row r="40" spans="1:4" ht="18" customHeight="1" x14ac:dyDescent="0.15">
      <c r="A40" s="5">
        <v>29</v>
      </c>
      <c r="B40" s="22">
        <v>10</v>
      </c>
      <c r="C40" s="14">
        <v>9</v>
      </c>
      <c r="D40" s="18">
        <v>19</v>
      </c>
    </row>
    <row r="41" spans="1:4" ht="18" customHeight="1" x14ac:dyDescent="0.15">
      <c r="A41" s="5" t="s">
        <v>2</v>
      </c>
      <c r="B41" s="22">
        <v>49</v>
      </c>
      <c r="C41" s="14">
        <v>44</v>
      </c>
      <c r="D41" s="18">
        <v>93</v>
      </c>
    </row>
    <row r="42" spans="1:4" ht="18" customHeight="1" x14ac:dyDescent="0.15">
      <c r="A42" s="5">
        <v>30</v>
      </c>
      <c r="B42" s="22">
        <v>14</v>
      </c>
      <c r="C42" s="14">
        <v>13</v>
      </c>
      <c r="D42" s="18">
        <v>27</v>
      </c>
    </row>
    <row r="43" spans="1:4" ht="18" customHeight="1" x14ac:dyDescent="0.15">
      <c r="A43" s="5">
        <v>31</v>
      </c>
      <c r="B43" s="22">
        <v>7</v>
      </c>
      <c r="C43" s="14">
        <v>7</v>
      </c>
      <c r="D43" s="18">
        <v>14</v>
      </c>
    </row>
    <row r="44" spans="1:4" ht="18" customHeight="1" x14ac:dyDescent="0.15">
      <c r="A44" s="5">
        <v>32</v>
      </c>
      <c r="B44" s="22">
        <v>12</v>
      </c>
      <c r="C44" s="14">
        <v>12</v>
      </c>
      <c r="D44" s="18">
        <v>24</v>
      </c>
    </row>
    <row r="45" spans="1:4" ht="18" customHeight="1" x14ac:dyDescent="0.15">
      <c r="A45" s="5">
        <v>33</v>
      </c>
      <c r="B45" s="22">
        <v>5</v>
      </c>
      <c r="C45" s="14">
        <v>13</v>
      </c>
      <c r="D45" s="18">
        <v>18</v>
      </c>
    </row>
    <row r="46" spans="1:4" ht="18" customHeight="1" x14ac:dyDescent="0.15">
      <c r="A46" s="5">
        <v>34</v>
      </c>
      <c r="B46" s="22">
        <v>17</v>
      </c>
      <c r="C46" s="14">
        <v>11</v>
      </c>
      <c r="D46" s="18">
        <v>28</v>
      </c>
    </row>
    <row r="47" spans="1:4" ht="18" customHeight="1" x14ac:dyDescent="0.15">
      <c r="A47" s="5" t="s">
        <v>15</v>
      </c>
      <c r="B47" s="22">
        <v>55</v>
      </c>
      <c r="C47" s="14">
        <v>56</v>
      </c>
      <c r="D47" s="18">
        <v>111</v>
      </c>
    </row>
    <row r="48" spans="1:4" ht="18" customHeight="1" x14ac:dyDescent="0.15">
      <c r="A48" s="5">
        <v>35</v>
      </c>
      <c r="B48" s="22">
        <v>14</v>
      </c>
      <c r="C48" s="14">
        <v>19</v>
      </c>
      <c r="D48" s="18">
        <v>33</v>
      </c>
    </row>
    <row r="49" spans="1:4" ht="18" customHeight="1" x14ac:dyDescent="0.15">
      <c r="A49" s="5">
        <v>36</v>
      </c>
      <c r="B49" s="22">
        <v>6</v>
      </c>
      <c r="C49" s="14">
        <v>14</v>
      </c>
      <c r="D49" s="18">
        <v>20</v>
      </c>
    </row>
    <row r="50" spans="1:4" ht="18" customHeight="1" x14ac:dyDescent="0.15">
      <c r="A50" s="5">
        <v>37</v>
      </c>
      <c r="B50" s="22">
        <v>13</v>
      </c>
      <c r="C50" s="14">
        <v>9</v>
      </c>
      <c r="D50" s="18">
        <v>22</v>
      </c>
    </row>
    <row r="51" spans="1:4" ht="18" customHeight="1" x14ac:dyDescent="0.15">
      <c r="A51" s="5">
        <v>38</v>
      </c>
      <c r="B51" s="22">
        <v>13</v>
      </c>
      <c r="C51" s="14">
        <v>9</v>
      </c>
      <c r="D51" s="18">
        <v>22</v>
      </c>
    </row>
    <row r="52" spans="1:4" ht="18" customHeight="1" x14ac:dyDescent="0.15">
      <c r="A52" s="5">
        <v>39</v>
      </c>
      <c r="B52" s="22">
        <v>9</v>
      </c>
      <c r="C52" s="14">
        <v>9</v>
      </c>
      <c r="D52" s="18">
        <v>18</v>
      </c>
    </row>
    <row r="53" spans="1:4" ht="18" customHeight="1" x14ac:dyDescent="0.15">
      <c r="A53" s="5" t="s">
        <v>18</v>
      </c>
      <c r="B53" s="22">
        <v>55</v>
      </c>
      <c r="C53" s="14">
        <v>60</v>
      </c>
      <c r="D53" s="18">
        <v>115</v>
      </c>
    </row>
    <row r="54" spans="1:4" ht="18" customHeight="1" x14ac:dyDescent="0.15">
      <c r="A54" s="5">
        <v>40</v>
      </c>
      <c r="B54" s="22">
        <v>18</v>
      </c>
      <c r="C54" s="14">
        <v>20</v>
      </c>
      <c r="D54" s="18">
        <v>38</v>
      </c>
    </row>
    <row r="55" spans="1:4" ht="18" customHeight="1" x14ac:dyDescent="0.15">
      <c r="A55" s="5">
        <v>41</v>
      </c>
      <c r="B55" s="22">
        <v>16</v>
      </c>
      <c r="C55" s="14">
        <v>14</v>
      </c>
      <c r="D55" s="18">
        <v>30</v>
      </c>
    </row>
    <row r="56" spans="1:4" ht="18" customHeight="1" x14ac:dyDescent="0.15">
      <c r="A56" s="5">
        <v>42</v>
      </c>
      <c r="B56" s="22">
        <v>17</v>
      </c>
      <c r="C56" s="14">
        <v>14</v>
      </c>
      <c r="D56" s="18">
        <v>31</v>
      </c>
    </row>
    <row r="57" spans="1:4" ht="18" customHeight="1" x14ac:dyDescent="0.15">
      <c r="A57" s="5">
        <v>43</v>
      </c>
      <c r="B57" s="22">
        <v>13</v>
      </c>
      <c r="C57" s="14">
        <v>15</v>
      </c>
      <c r="D57" s="18">
        <v>28</v>
      </c>
    </row>
    <row r="58" spans="1:4" ht="18" customHeight="1" x14ac:dyDescent="0.15">
      <c r="A58" s="5">
        <v>44</v>
      </c>
      <c r="B58" s="22">
        <v>15</v>
      </c>
      <c r="C58" s="14">
        <v>13</v>
      </c>
      <c r="D58" s="18">
        <v>28</v>
      </c>
    </row>
    <row r="59" spans="1:4" ht="18" customHeight="1" x14ac:dyDescent="0.15">
      <c r="A59" s="5" t="s">
        <v>21</v>
      </c>
      <c r="B59" s="22">
        <v>79</v>
      </c>
      <c r="C59" s="14">
        <v>76</v>
      </c>
      <c r="D59" s="18">
        <v>155</v>
      </c>
    </row>
    <row r="60" spans="1:4" ht="18" customHeight="1" x14ac:dyDescent="0.15">
      <c r="A60" s="5">
        <v>45</v>
      </c>
      <c r="B60" s="22">
        <v>21</v>
      </c>
      <c r="C60" s="14">
        <v>20</v>
      </c>
      <c r="D60" s="18">
        <v>41</v>
      </c>
    </row>
    <row r="61" spans="1:4" ht="18" customHeight="1" x14ac:dyDescent="0.15">
      <c r="A61" s="5">
        <v>46</v>
      </c>
      <c r="B61" s="22">
        <v>17</v>
      </c>
      <c r="C61" s="14">
        <v>15</v>
      </c>
      <c r="D61" s="18">
        <v>32</v>
      </c>
    </row>
    <row r="62" spans="1:4" ht="18" customHeight="1" x14ac:dyDescent="0.15">
      <c r="A62" s="5">
        <v>47</v>
      </c>
      <c r="B62" s="22">
        <v>14</v>
      </c>
      <c r="C62" s="14">
        <v>30</v>
      </c>
      <c r="D62" s="18">
        <v>44</v>
      </c>
    </row>
    <row r="63" spans="1:4" ht="18" customHeight="1" x14ac:dyDescent="0.15">
      <c r="A63" s="5">
        <v>48</v>
      </c>
      <c r="B63" s="22">
        <v>27</v>
      </c>
      <c r="C63" s="14">
        <v>28</v>
      </c>
      <c r="D63" s="18">
        <v>55</v>
      </c>
    </row>
    <row r="64" spans="1:4" ht="18" customHeight="1" x14ac:dyDescent="0.15">
      <c r="A64" s="5">
        <v>49</v>
      </c>
      <c r="B64" s="22">
        <v>21</v>
      </c>
      <c r="C64" s="14">
        <v>22</v>
      </c>
      <c r="D64" s="18">
        <v>43</v>
      </c>
    </row>
    <row r="65" spans="1:4" ht="18" customHeight="1" x14ac:dyDescent="0.15">
      <c r="A65" s="5" t="s">
        <v>17</v>
      </c>
      <c r="B65" s="22">
        <v>100</v>
      </c>
      <c r="C65" s="14">
        <v>115</v>
      </c>
      <c r="D65" s="18">
        <v>215</v>
      </c>
    </row>
    <row r="66" spans="1:4" ht="18" customHeight="1" x14ac:dyDescent="0.15">
      <c r="A66" s="5">
        <v>50</v>
      </c>
      <c r="B66" s="22">
        <v>31</v>
      </c>
      <c r="C66" s="14">
        <v>26</v>
      </c>
      <c r="D66" s="18">
        <v>57</v>
      </c>
    </row>
    <row r="67" spans="1:4" ht="18" customHeight="1" x14ac:dyDescent="0.15">
      <c r="A67" s="5">
        <v>51</v>
      </c>
      <c r="B67" s="22">
        <v>28</v>
      </c>
      <c r="C67" s="14">
        <v>20</v>
      </c>
      <c r="D67" s="18">
        <v>48</v>
      </c>
    </row>
    <row r="68" spans="1:4" ht="18" customHeight="1" x14ac:dyDescent="0.15">
      <c r="A68" s="5">
        <v>52</v>
      </c>
      <c r="B68" s="22">
        <v>26</v>
      </c>
      <c r="C68" s="14">
        <v>26</v>
      </c>
      <c r="D68" s="18">
        <v>52</v>
      </c>
    </row>
    <row r="69" spans="1:4" ht="18" customHeight="1" x14ac:dyDescent="0.15">
      <c r="A69" s="5">
        <v>53</v>
      </c>
      <c r="B69" s="22">
        <v>35</v>
      </c>
      <c r="C69" s="14">
        <v>26</v>
      </c>
      <c r="D69" s="18">
        <v>61</v>
      </c>
    </row>
    <row r="70" spans="1:4" ht="18" customHeight="1" x14ac:dyDescent="0.15">
      <c r="A70" s="5">
        <v>54</v>
      </c>
      <c r="B70" s="22">
        <v>37</v>
      </c>
      <c r="C70" s="14">
        <v>24</v>
      </c>
      <c r="D70" s="18">
        <v>61</v>
      </c>
    </row>
    <row r="71" spans="1:4" ht="18" customHeight="1" x14ac:dyDescent="0.15">
      <c r="A71" s="5" t="s">
        <v>22</v>
      </c>
      <c r="B71" s="22">
        <v>157</v>
      </c>
      <c r="C71" s="14">
        <v>122</v>
      </c>
      <c r="D71" s="18">
        <v>279</v>
      </c>
    </row>
    <row r="72" spans="1:4" ht="18" customHeight="1" x14ac:dyDescent="0.15">
      <c r="A72" s="5">
        <v>55</v>
      </c>
      <c r="B72" s="22">
        <v>32</v>
      </c>
      <c r="C72" s="14">
        <v>27</v>
      </c>
      <c r="D72" s="18">
        <v>59</v>
      </c>
    </row>
    <row r="73" spans="1:4" ht="18" customHeight="1" x14ac:dyDescent="0.15">
      <c r="A73" s="5">
        <v>56</v>
      </c>
      <c r="B73" s="22">
        <v>22</v>
      </c>
      <c r="C73" s="14">
        <v>23</v>
      </c>
      <c r="D73" s="18">
        <v>45</v>
      </c>
    </row>
    <row r="74" spans="1:4" ht="18" customHeight="1" x14ac:dyDescent="0.15">
      <c r="A74" s="5">
        <v>57</v>
      </c>
      <c r="B74" s="22">
        <v>31</v>
      </c>
      <c r="C74" s="14">
        <v>20</v>
      </c>
      <c r="D74" s="18">
        <v>51</v>
      </c>
    </row>
    <row r="75" spans="1:4" ht="18" customHeight="1" x14ac:dyDescent="0.15">
      <c r="A75" s="5">
        <v>58</v>
      </c>
      <c r="B75" s="22">
        <v>31</v>
      </c>
      <c r="C75" s="14">
        <v>28</v>
      </c>
      <c r="D75" s="18">
        <v>59</v>
      </c>
    </row>
    <row r="76" spans="1:4" ht="18" customHeight="1" x14ac:dyDescent="0.15">
      <c r="A76" s="5">
        <v>59</v>
      </c>
      <c r="B76" s="22">
        <v>16</v>
      </c>
      <c r="C76" s="14">
        <v>13</v>
      </c>
      <c r="D76" s="18">
        <v>29</v>
      </c>
    </row>
    <row r="77" spans="1:4" ht="18" customHeight="1" x14ac:dyDescent="0.15">
      <c r="A77" s="5" t="s">
        <v>27</v>
      </c>
      <c r="B77" s="22">
        <v>132</v>
      </c>
      <c r="C77" s="14">
        <v>111</v>
      </c>
      <c r="D77" s="18">
        <v>243</v>
      </c>
    </row>
    <row r="78" spans="1:4" ht="18" customHeight="1" x14ac:dyDescent="0.15">
      <c r="A78" s="5">
        <v>60</v>
      </c>
      <c r="B78" s="22">
        <v>19</v>
      </c>
      <c r="C78" s="14">
        <v>19</v>
      </c>
      <c r="D78" s="18">
        <v>38</v>
      </c>
    </row>
    <row r="79" spans="1:4" ht="18" customHeight="1" x14ac:dyDescent="0.15">
      <c r="A79" s="5">
        <v>61</v>
      </c>
      <c r="B79" s="22">
        <v>13</v>
      </c>
      <c r="C79" s="14">
        <v>16</v>
      </c>
      <c r="D79" s="18">
        <v>29</v>
      </c>
    </row>
    <row r="80" spans="1:4" ht="18" customHeight="1" x14ac:dyDescent="0.15">
      <c r="A80" s="5">
        <v>62</v>
      </c>
      <c r="B80" s="22">
        <v>16</v>
      </c>
      <c r="C80" s="14">
        <v>19</v>
      </c>
      <c r="D80" s="18">
        <v>35</v>
      </c>
    </row>
    <row r="81" spans="1:4" ht="18" customHeight="1" x14ac:dyDescent="0.15">
      <c r="A81" s="5">
        <v>63</v>
      </c>
      <c r="B81" s="22">
        <v>15</v>
      </c>
      <c r="C81" s="14">
        <v>9</v>
      </c>
      <c r="D81" s="18">
        <v>24</v>
      </c>
    </row>
    <row r="82" spans="1:4" ht="18" customHeight="1" x14ac:dyDescent="0.15">
      <c r="A82" s="5">
        <v>64</v>
      </c>
      <c r="B82" s="22">
        <v>11</v>
      </c>
      <c r="C82" s="14">
        <v>11</v>
      </c>
      <c r="D82" s="18">
        <v>22</v>
      </c>
    </row>
    <row r="83" spans="1:4" ht="18" customHeight="1" x14ac:dyDescent="0.15">
      <c r="A83" s="5" t="s">
        <v>28</v>
      </c>
      <c r="B83" s="22">
        <v>74</v>
      </c>
      <c r="C83" s="14">
        <v>74</v>
      </c>
      <c r="D83" s="18">
        <v>148</v>
      </c>
    </row>
    <row r="84" spans="1:4" ht="18" customHeight="1" x14ac:dyDescent="0.15">
      <c r="A84" s="5" t="s">
        <v>31</v>
      </c>
      <c r="B84" s="22">
        <v>855</v>
      </c>
      <c r="C84" s="14">
        <v>793</v>
      </c>
      <c r="D84" s="18">
        <v>1648</v>
      </c>
    </row>
    <row r="85" spans="1:4" ht="18" customHeight="1" x14ac:dyDescent="0.15">
      <c r="A85" s="5">
        <v>65</v>
      </c>
      <c r="B85" s="22">
        <v>13</v>
      </c>
      <c r="C85" s="14">
        <v>12</v>
      </c>
      <c r="D85" s="18">
        <v>25</v>
      </c>
    </row>
    <row r="86" spans="1:4" ht="18" customHeight="1" x14ac:dyDescent="0.15">
      <c r="A86" s="5">
        <v>66</v>
      </c>
      <c r="B86" s="22">
        <v>13</v>
      </c>
      <c r="C86" s="14">
        <v>9</v>
      </c>
      <c r="D86" s="18">
        <v>22</v>
      </c>
    </row>
    <row r="87" spans="1:4" ht="18" customHeight="1" x14ac:dyDescent="0.15">
      <c r="A87" s="5">
        <v>67</v>
      </c>
      <c r="B87" s="22">
        <v>8</v>
      </c>
      <c r="C87" s="14">
        <v>17</v>
      </c>
      <c r="D87" s="18">
        <v>25</v>
      </c>
    </row>
    <row r="88" spans="1:4" ht="18" customHeight="1" x14ac:dyDescent="0.15">
      <c r="A88" s="5">
        <v>68</v>
      </c>
      <c r="B88" s="22">
        <v>11</v>
      </c>
      <c r="C88" s="14">
        <v>15</v>
      </c>
      <c r="D88" s="18">
        <v>26</v>
      </c>
    </row>
    <row r="89" spans="1:4" ht="18" customHeight="1" x14ac:dyDescent="0.15">
      <c r="A89" s="5">
        <v>69</v>
      </c>
      <c r="B89" s="22">
        <v>11</v>
      </c>
      <c r="C89" s="14">
        <v>15</v>
      </c>
      <c r="D89" s="18">
        <v>26</v>
      </c>
    </row>
    <row r="90" spans="1:4" ht="18" customHeight="1" x14ac:dyDescent="0.15">
      <c r="A90" s="5" t="s">
        <v>20</v>
      </c>
      <c r="B90" s="22">
        <v>56</v>
      </c>
      <c r="C90" s="14">
        <v>68</v>
      </c>
      <c r="D90" s="18">
        <v>124</v>
      </c>
    </row>
    <row r="91" spans="1:4" ht="18" customHeight="1" x14ac:dyDescent="0.15">
      <c r="A91" s="5">
        <v>70</v>
      </c>
      <c r="B91" s="22">
        <v>8</v>
      </c>
      <c r="C91" s="14">
        <v>17</v>
      </c>
      <c r="D91" s="18">
        <v>25</v>
      </c>
    </row>
    <row r="92" spans="1:4" ht="18" customHeight="1" x14ac:dyDescent="0.15">
      <c r="A92" s="5">
        <v>71</v>
      </c>
      <c r="B92" s="22">
        <v>14</v>
      </c>
      <c r="C92" s="14">
        <v>20</v>
      </c>
      <c r="D92" s="18">
        <v>34</v>
      </c>
    </row>
    <row r="93" spans="1:4" ht="18" customHeight="1" x14ac:dyDescent="0.15">
      <c r="A93" s="5">
        <v>72</v>
      </c>
      <c r="B93" s="22">
        <v>13</v>
      </c>
      <c r="C93" s="14">
        <v>22</v>
      </c>
      <c r="D93" s="18">
        <v>35</v>
      </c>
    </row>
    <row r="94" spans="1:4" ht="18" customHeight="1" x14ac:dyDescent="0.15">
      <c r="A94" s="5">
        <v>73</v>
      </c>
      <c r="B94" s="22">
        <v>24</v>
      </c>
      <c r="C94" s="14">
        <v>14</v>
      </c>
      <c r="D94" s="18">
        <v>38</v>
      </c>
    </row>
    <row r="95" spans="1:4" ht="18" customHeight="1" x14ac:dyDescent="0.15">
      <c r="A95" s="5">
        <v>74</v>
      </c>
      <c r="B95" s="22">
        <v>18</v>
      </c>
      <c r="C95" s="14">
        <v>16</v>
      </c>
      <c r="D95" s="18">
        <v>34</v>
      </c>
    </row>
    <row r="96" spans="1:4" ht="18" customHeight="1" x14ac:dyDescent="0.15">
      <c r="A96" s="5" t="s">
        <v>33</v>
      </c>
      <c r="B96" s="22">
        <v>77</v>
      </c>
      <c r="C96" s="14">
        <v>89</v>
      </c>
      <c r="D96" s="18">
        <v>166</v>
      </c>
    </row>
    <row r="97" spans="1:4" ht="18" customHeight="1" x14ac:dyDescent="0.15">
      <c r="A97" s="5">
        <v>75</v>
      </c>
      <c r="B97" s="22">
        <v>18</v>
      </c>
      <c r="C97" s="14">
        <v>15</v>
      </c>
      <c r="D97" s="18">
        <v>33</v>
      </c>
    </row>
    <row r="98" spans="1:4" ht="18" customHeight="1" x14ac:dyDescent="0.15">
      <c r="A98" s="5">
        <v>76</v>
      </c>
      <c r="B98" s="22">
        <v>12</v>
      </c>
      <c r="C98" s="14">
        <v>30</v>
      </c>
      <c r="D98" s="18">
        <v>42</v>
      </c>
    </row>
    <row r="99" spans="1:4" ht="18" customHeight="1" x14ac:dyDescent="0.15">
      <c r="A99" s="5">
        <v>77</v>
      </c>
      <c r="B99" s="22">
        <v>18</v>
      </c>
      <c r="C99" s="14">
        <v>35</v>
      </c>
      <c r="D99" s="18">
        <v>53</v>
      </c>
    </row>
    <row r="100" spans="1:4" ht="18" customHeight="1" x14ac:dyDescent="0.15">
      <c r="A100" s="5">
        <v>78</v>
      </c>
      <c r="B100" s="22">
        <v>15</v>
      </c>
      <c r="C100" s="14">
        <v>38</v>
      </c>
      <c r="D100" s="18">
        <v>53</v>
      </c>
    </row>
    <row r="101" spans="1:4" ht="18" customHeight="1" x14ac:dyDescent="0.15">
      <c r="A101" s="5">
        <v>79</v>
      </c>
      <c r="B101" s="22">
        <v>16</v>
      </c>
      <c r="C101" s="14">
        <v>31</v>
      </c>
      <c r="D101" s="18">
        <v>47</v>
      </c>
    </row>
    <row r="102" spans="1:4" ht="18" customHeight="1" x14ac:dyDescent="0.15">
      <c r="A102" s="5" t="s">
        <v>0</v>
      </c>
      <c r="B102" s="22">
        <v>79</v>
      </c>
      <c r="C102" s="14">
        <v>149</v>
      </c>
      <c r="D102" s="18">
        <v>228</v>
      </c>
    </row>
    <row r="103" spans="1:4" ht="18" customHeight="1" x14ac:dyDescent="0.15">
      <c r="A103" s="5">
        <v>80</v>
      </c>
      <c r="B103" s="22">
        <v>8</v>
      </c>
      <c r="C103" s="14">
        <v>17</v>
      </c>
      <c r="D103" s="18">
        <v>25</v>
      </c>
    </row>
    <row r="104" spans="1:4" ht="18" customHeight="1" x14ac:dyDescent="0.15">
      <c r="A104" s="5">
        <v>81</v>
      </c>
      <c r="B104" s="22">
        <v>15</v>
      </c>
      <c r="C104" s="14">
        <v>24</v>
      </c>
      <c r="D104" s="18">
        <v>39</v>
      </c>
    </row>
    <row r="105" spans="1:4" ht="18" customHeight="1" x14ac:dyDescent="0.15">
      <c r="A105" s="5">
        <v>82</v>
      </c>
      <c r="B105" s="22">
        <v>16</v>
      </c>
      <c r="C105" s="14">
        <v>32</v>
      </c>
      <c r="D105" s="18">
        <v>48</v>
      </c>
    </row>
    <row r="106" spans="1:4" ht="18" customHeight="1" x14ac:dyDescent="0.15">
      <c r="A106" s="5">
        <v>83</v>
      </c>
      <c r="B106" s="22">
        <v>19</v>
      </c>
      <c r="C106" s="14">
        <v>35</v>
      </c>
      <c r="D106" s="18">
        <v>54</v>
      </c>
    </row>
    <row r="107" spans="1:4" ht="18" customHeight="1" x14ac:dyDescent="0.15">
      <c r="A107" s="5">
        <v>84</v>
      </c>
      <c r="B107" s="22">
        <v>17</v>
      </c>
      <c r="C107" s="14">
        <v>20</v>
      </c>
      <c r="D107" s="18">
        <v>37</v>
      </c>
    </row>
    <row r="108" spans="1:4" ht="18" customHeight="1" x14ac:dyDescent="0.15">
      <c r="A108" s="5" t="s">
        <v>35</v>
      </c>
      <c r="B108" s="22">
        <v>75</v>
      </c>
      <c r="C108" s="14">
        <v>128</v>
      </c>
      <c r="D108" s="18">
        <v>203</v>
      </c>
    </row>
    <row r="109" spans="1:4" ht="18" customHeight="1" x14ac:dyDescent="0.15">
      <c r="A109" s="5">
        <v>85</v>
      </c>
      <c r="B109" s="22">
        <v>11</v>
      </c>
      <c r="C109" s="14">
        <v>23</v>
      </c>
      <c r="D109" s="18">
        <v>34</v>
      </c>
    </row>
    <row r="110" spans="1:4" ht="18" customHeight="1" x14ac:dyDescent="0.15">
      <c r="A110" s="5">
        <v>86</v>
      </c>
      <c r="B110" s="22">
        <v>18</v>
      </c>
      <c r="C110" s="14">
        <v>10</v>
      </c>
      <c r="D110" s="18">
        <v>28</v>
      </c>
    </row>
    <row r="111" spans="1:4" ht="18" customHeight="1" x14ac:dyDescent="0.15">
      <c r="A111" s="5">
        <v>87</v>
      </c>
      <c r="B111" s="22">
        <v>9</v>
      </c>
      <c r="C111" s="14">
        <v>14</v>
      </c>
      <c r="D111" s="18">
        <v>23</v>
      </c>
    </row>
    <row r="112" spans="1:4" ht="18" customHeight="1" x14ac:dyDescent="0.15">
      <c r="A112" s="5">
        <v>88</v>
      </c>
      <c r="B112" s="22">
        <v>8</v>
      </c>
      <c r="C112" s="14">
        <v>15</v>
      </c>
      <c r="D112" s="18">
        <v>23</v>
      </c>
    </row>
    <row r="113" spans="1:4" ht="18" customHeight="1" x14ac:dyDescent="0.15">
      <c r="A113" s="5">
        <v>89</v>
      </c>
      <c r="B113" s="22">
        <v>5</v>
      </c>
      <c r="C113" s="14">
        <v>11</v>
      </c>
      <c r="D113" s="18">
        <v>16</v>
      </c>
    </row>
    <row r="114" spans="1:4" ht="18" customHeight="1" x14ac:dyDescent="0.15">
      <c r="A114" s="5" t="s">
        <v>37</v>
      </c>
      <c r="B114" s="22">
        <v>51</v>
      </c>
      <c r="C114" s="14">
        <v>73</v>
      </c>
      <c r="D114" s="18">
        <v>124</v>
      </c>
    </row>
    <row r="115" spans="1:4" ht="18" customHeight="1" x14ac:dyDescent="0.15">
      <c r="A115" s="5">
        <v>90</v>
      </c>
      <c r="B115" s="22">
        <v>6</v>
      </c>
      <c r="C115" s="14">
        <v>8</v>
      </c>
      <c r="D115" s="18">
        <v>14</v>
      </c>
    </row>
    <row r="116" spans="1:4" ht="18" customHeight="1" x14ac:dyDescent="0.15">
      <c r="A116" s="5">
        <v>91</v>
      </c>
      <c r="B116" s="22">
        <v>3</v>
      </c>
      <c r="C116" s="14">
        <v>13</v>
      </c>
      <c r="D116" s="18">
        <v>16</v>
      </c>
    </row>
    <row r="117" spans="1:4" ht="18" customHeight="1" x14ac:dyDescent="0.15">
      <c r="A117" s="5">
        <v>92</v>
      </c>
      <c r="B117" s="22">
        <v>4</v>
      </c>
      <c r="C117" s="14">
        <v>14</v>
      </c>
      <c r="D117" s="18">
        <v>18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15</v>
      </c>
      <c r="C120" s="14">
        <v>42</v>
      </c>
      <c r="D120" s="18">
        <v>57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55</v>
      </c>
      <c r="C130" s="14">
        <v>566</v>
      </c>
      <c r="D130" s="18">
        <v>921</v>
      </c>
    </row>
    <row r="131" spans="1:4" ht="18" customHeight="1" x14ac:dyDescent="0.15">
      <c r="A131" s="7" t="s">
        <v>45</v>
      </c>
      <c r="B131" s="23">
        <v>1382</v>
      </c>
      <c r="C131" s="15">
        <v>1534</v>
      </c>
      <c r="D131" s="19">
        <v>29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2</v>
      </c>
      <c r="C5" s="13">
        <v>35</v>
      </c>
      <c r="D5" s="17">
        <v>67</v>
      </c>
    </row>
    <row r="6" spans="1:4" ht="18" customHeight="1" x14ac:dyDescent="0.15">
      <c r="A6" s="5">
        <v>1</v>
      </c>
      <c r="B6" s="22">
        <v>36</v>
      </c>
      <c r="C6" s="14">
        <v>48</v>
      </c>
      <c r="D6" s="18">
        <v>84</v>
      </c>
    </row>
    <row r="7" spans="1:4" ht="18" customHeight="1" x14ac:dyDescent="0.15">
      <c r="A7" s="5">
        <v>2</v>
      </c>
      <c r="B7" s="22">
        <v>34</v>
      </c>
      <c r="C7" s="14">
        <v>30</v>
      </c>
      <c r="D7" s="18">
        <v>64</v>
      </c>
    </row>
    <row r="8" spans="1:4" ht="18" customHeight="1" x14ac:dyDescent="0.15">
      <c r="A8" s="5">
        <v>3</v>
      </c>
      <c r="B8" s="22">
        <v>41</v>
      </c>
      <c r="C8" s="14">
        <v>39</v>
      </c>
      <c r="D8" s="18">
        <v>80</v>
      </c>
    </row>
    <row r="9" spans="1:4" ht="18" customHeight="1" x14ac:dyDescent="0.15">
      <c r="A9" s="5">
        <v>4</v>
      </c>
      <c r="B9" s="22">
        <v>39</v>
      </c>
      <c r="C9" s="14">
        <v>34</v>
      </c>
      <c r="D9" s="18">
        <v>73</v>
      </c>
    </row>
    <row r="10" spans="1:4" ht="18" customHeight="1" x14ac:dyDescent="0.15">
      <c r="A10" s="5" t="s">
        <v>7</v>
      </c>
      <c r="B10" s="22">
        <v>182</v>
      </c>
      <c r="C10" s="14">
        <v>186</v>
      </c>
      <c r="D10" s="18">
        <v>368</v>
      </c>
    </row>
    <row r="11" spans="1:4" ht="18" customHeight="1" x14ac:dyDescent="0.15">
      <c r="A11" s="5">
        <v>5</v>
      </c>
      <c r="B11" s="22">
        <v>36</v>
      </c>
      <c r="C11" s="14">
        <v>38</v>
      </c>
      <c r="D11" s="18">
        <v>74</v>
      </c>
    </row>
    <row r="12" spans="1:4" ht="18" customHeight="1" x14ac:dyDescent="0.15">
      <c r="A12" s="5">
        <v>6</v>
      </c>
      <c r="B12" s="22">
        <v>52</v>
      </c>
      <c r="C12" s="14">
        <v>45</v>
      </c>
      <c r="D12" s="18">
        <v>97</v>
      </c>
    </row>
    <row r="13" spans="1:4" ht="18" customHeight="1" x14ac:dyDescent="0.15">
      <c r="A13" s="5">
        <v>7</v>
      </c>
      <c r="B13" s="22">
        <v>53</v>
      </c>
      <c r="C13" s="14">
        <v>48</v>
      </c>
      <c r="D13" s="18">
        <v>101</v>
      </c>
    </row>
    <row r="14" spans="1:4" ht="18" customHeight="1" x14ac:dyDescent="0.15">
      <c r="A14" s="5">
        <v>8</v>
      </c>
      <c r="B14" s="22">
        <v>45</v>
      </c>
      <c r="C14" s="14">
        <v>39</v>
      </c>
      <c r="D14" s="18">
        <v>84</v>
      </c>
    </row>
    <row r="15" spans="1:4" ht="18" customHeight="1" x14ac:dyDescent="0.15">
      <c r="A15" s="5">
        <v>9</v>
      </c>
      <c r="B15" s="22">
        <v>59</v>
      </c>
      <c r="C15" s="14">
        <v>43</v>
      </c>
      <c r="D15" s="18">
        <v>102</v>
      </c>
    </row>
    <row r="16" spans="1:4" ht="18" customHeight="1" x14ac:dyDescent="0.15">
      <c r="A16" s="5" t="s">
        <v>11</v>
      </c>
      <c r="B16" s="22">
        <v>245</v>
      </c>
      <c r="C16" s="14">
        <v>213</v>
      </c>
      <c r="D16" s="18">
        <v>458</v>
      </c>
    </row>
    <row r="17" spans="1:4" ht="18" customHeight="1" x14ac:dyDescent="0.15">
      <c r="A17" s="5">
        <v>10</v>
      </c>
      <c r="B17" s="22">
        <v>48</v>
      </c>
      <c r="C17" s="14">
        <v>57</v>
      </c>
      <c r="D17" s="18">
        <v>105</v>
      </c>
    </row>
    <row r="18" spans="1:4" ht="18" customHeight="1" x14ac:dyDescent="0.15">
      <c r="A18" s="5">
        <v>11</v>
      </c>
      <c r="B18" s="22">
        <v>51</v>
      </c>
      <c r="C18" s="14">
        <v>42</v>
      </c>
      <c r="D18" s="18">
        <v>93</v>
      </c>
    </row>
    <row r="19" spans="1:4" ht="18" customHeight="1" x14ac:dyDescent="0.15">
      <c r="A19" s="5">
        <v>12</v>
      </c>
      <c r="B19" s="22">
        <v>48</v>
      </c>
      <c r="C19" s="14">
        <v>40</v>
      </c>
      <c r="D19" s="18">
        <v>88</v>
      </c>
    </row>
    <row r="20" spans="1:4" ht="18" customHeight="1" x14ac:dyDescent="0.15">
      <c r="A20" s="5">
        <v>13</v>
      </c>
      <c r="B20" s="22">
        <v>48</v>
      </c>
      <c r="C20" s="14">
        <v>48</v>
      </c>
      <c r="D20" s="18">
        <v>96</v>
      </c>
    </row>
    <row r="21" spans="1:4" ht="18" customHeight="1" x14ac:dyDescent="0.15">
      <c r="A21" s="5">
        <v>14</v>
      </c>
      <c r="B21" s="22">
        <v>51</v>
      </c>
      <c r="C21" s="14">
        <v>51</v>
      </c>
      <c r="D21" s="18">
        <v>102</v>
      </c>
    </row>
    <row r="22" spans="1:4" ht="18" customHeight="1" x14ac:dyDescent="0.15">
      <c r="A22" s="5" t="s">
        <v>12</v>
      </c>
      <c r="B22" s="22">
        <v>246</v>
      </c>
      <c r="C22" s="14">
        <v>238</v>
      </c>
      <c r="D22" s="18">
        <v>484</v>
      </c>
    </row>
    <row r="23" spans="1:4" ht="18" customHeight="1" x14ac:dyDescent="0.15">
      <c r="A23" s="5" t="s">
        <v>6</v>
      </c>
      <c r="B23" s="22">
        <v>673</v>
      </c>
      <c r="C23" s="14">
        <v>637</v>
      </c>
      <c r="D23" s="18">
        <v>1310</v>
      </c>
    </row>
    <row r="24" spans="1:4" ht="18" customHeight="1" x14ac:dyDescent="0.15">
      <c r="A24" s="5">
        <v>15</v>
      </c>
      <c r="B24" s="22">
        <v>50</v>
      </c>
      <c r="C24" s="14">
        <v>56</v>
      </c>
      <c r="D24" s="18">
        <v>106</v>
      </c>
    </row>
    <row r="25" spans="1:4" ht="18" customHeight="1" x14ac:dyDescent="0.15">
      <c r="A25" s="5">
        <v>16</v>
      </c>
      <c r="B25" s="22">
        <v>53</v>
      </c>
      <c r="C25" s="14">
        <v>50</v>
      </c>
      <c r="D25" s="18">
        <v>103</v>
      </c>
    </row>
    <row r="26" spans="1:4" ht="18" customHeight="1" x14ac:dyDescent="0.15">
      <c r="A26" s="5">
        <v>17</v>
      </c>
      <c r="B26" s="22">
        <v>59</v>
      </c>
      <c r="C26" s="14">
        <v>60</v>
      </c>
      <c r="D26" s="18">
        <v>119</v>
      </c>
    </row>
    <row r="27" spans="1:4" ht="18" customHeight="1" x14ac:dyDescent="0.15">
      <c r="A27" s="5">
        <v>18</v>
      </c>
      <c r="B27" s="22">
        <v>43</v>
      </c>
      <c r="C27" s="14">
        <v>42</v>
      </c>
      <c r="D27" s="18">
        <v>85</v>
      </c>
    </row>
    <row r="28" spans="1:4" ht="18" customHeight="1" x14ac:dyDescent="0.15">
      <c r="A28" s="5">
        <v>19</v>
      </c>
      <c r="B28" s="22">
        <v>46</v>
      </c>
      <c r="C28" s="14">
        <v>59</v>
      </c>
      <c r="D28" s="18">
        <v>105</v>
      </c>
    </row>
    <row r="29" spans="1:4" ht="18" customHeight="1" x14ac:dyDescent="0.15">
      <c r="A29" s="5" t="s">
        <v>14</v>
      </c>
      <c r="B29" s="22">
        <v>251</v>
      </c>
      <c r="C29" s="14">
        <v>267</v>
      </c>
      <c r="D29" s="18">
        <v>518</v>
      </c>
    </row>
    <row r="30" spans="1:4" ht="18" customHeight="1" x14ac:dyDescent="0.15">
      <c r="A30" s="5">
        <v>20</v>
      </c>
      <c r="B30" s="22">
        <v>64</v>
      </c>
      <c r="C30" s="14">
        <v>52</v>
      </c>
      <c r="D30" s="18">
        <v>116</v>
      </c>
    </row>
    <row r="31" spans="1:4" ht="18" customHeight="1" x14ac:dyDescent="0.15">
      <c r="A31" s="5">
        <v>21</v>
      </c>
      <c r="B31" s="22">
        <v>50</v>
      </c>
      <c r="C31" s="14">
        <v>41</v>
      </c>
      <c r="D31" s="18">
        <v>91</v>
      </c>
    </row>
    <row r="32" spans="1:4" ht="18" customHeight="1" x14ac:dyDescent="0.15">
      <c r="A32" s="5">
        <v>22</v>
      </c>
      <c r="B32" s="22">
        <v>76</v>
      </c>
      <c r="C32" s="14">
        <v>39</v>
      </c>
      <c r="D32" s="18">
        <v>115</v>
      </c>
    </row>
    <row r="33" spans="1:4" ht="18" customHeight="1" x14ac:dyDescent="0.15">
      <c r="A33" s="5">
        <v>23</v>
      </c>
      <c r="B33" s="22">
        <v>62</v>
      </c>
      <c r="C33" s="14">
        <v>45</v>
      </c>
      <c r="D33" s="18">
        <v>107</v>
      </c>
    </row>
    <row r="34" spans="1:4" ht="18" customHeight="1" x14ac:dyDescent="0.15">
      <c r="A34" s="5">
        <v>24</v>
      </c>
      <c r="B34" s="22">
        <v>52</v>
      </c>
      <c r="C34" s="14">
        <v>46</v>
      </c>
      <c r="D34" s="18">
        <v>98</v>
      </c>
    </row>
    <row r="35" spans="1:4" ht="18" customHeight="1" x14ac:dyDescent="0.15">
      <c r="A35" s="5" t="s">
        <v>9</v>
      </c>
      <c r="B35" s="22">
        <v>304</v>
      </c>
      <c r="C35" s="14">
        <v>223</v>
      </c>
      <c r="D35" s="18">
        <v>527</v>
      </c>
    </row>
    <row r="36" spans="1:4" ht="18" customHeight="1" x14ac:dyDescent="0.15">
      <c r="A36" s="5">
        <v>25</v>
      </c>
      <c r="B36" s="22">
        <v>65</v>
      </c>
      <c r="C36" s="14">
        <v>56</v>
      </c>
      <c r="D36" s="18">
        <v>121</v>
      </c>
    </row>
    <row r="37" spans="1:4" ht="18" customHeight="1" x14ac:dyDescent="0.15">
      <c r="A37" s="5">
        <v>26</v>
      </c>
      <c r="B37" s="22">
        <v>52</v>
      </c>
      <c r="C37" s="14">
        <v>45</v>
      </c>
      <c r="D37" s="18">
        <v>97</v>
      </c>
    </row>
    <row r="38" spans="1:4" ht="18" customHeight="1" x14ac:dyDescent="0.15">
      <c r="A38" s="5">
        <v>27</v>
      </c>
      <c r="B38" s="22">
        <v>58</v>
      </c>
      <c r="C38" s="14">
        <v>45</v>
      </c>
      <c r="D38" s="18">
        <v>103</v>
      </c>
    </row>
    <row r="39" spans="1:4" ht="18" customHeight="1" x14ac:dyDescent="0.15">
      <c r="A39" s="5">
        <v>28</v>
      </c>
      <c r="B39" s="22">
        <v>67</v>
      </c>
      <c r="C39" s="14">
        <v>47</v>
      </c>
      <c r="D39" s="18">
        <v>114</v>
      </c>
    </row>
    <row r="40" spans="1:4" ht="18" customHeight="1" x14ac:dyDescent="0.15">
      <c r="A40" s="5">
        <v>29</v>
      </c>
      <c r="B40" s="22">
        <v>60</v>
      </c>
      <c r="C40" s="14">
        <v>48</v>
      </c>
      <c r="D40" s="18">
        <v>108</v>
      </c>
    </row>
    <row r="41" spans="1:4" ht="18" customHeight="1" x14ac:dyDescent="0.15">
      <c r="A41" s="5" t="s">
        <v>2</v>
      </c>
      <c r="B41" s="22">
        <v>302</v>
      </c>
      <c r="C41" s="14">
        <v>241</v>
      </c>
      <c r="D41" s="18">
        <v>543</v>
      </c>
    </row>
    <row r="42" spans="1:4" ht="18" customHeight="1" x14ac:dyDescent="0.15">
      <c r="A42" s="5">
        <v>30</v>
      </c>
      <c r="B42" s="22">
        <v>62</v>
      </c>
      <c r="C42" s="14">
        <v>52</v>
      </c>
      <c r="D42" s="18">
        <v>114</v>
      </c>
    </row>
    <row r="43" spans="1:4" ht="18" customHeight="1" x14ac:dyDescent="0.15">
      <c r="A43" s="5">
        <v>31</v>
      </c>
      <c r="B43" s="22">
        <v>60</v>
      </c>
      <c r="C43" s="14">
        <v>67</v>
      </c>
      <c r="D43" s="18">
        <v>127</v>
      </c>
    </row>
    <row r="44" spans="1:4" ht="18" customHeight="1" x14ac:dyDescent="0.15">
      <c r="A44" s="5">
        <v>32</v>
      </c>
      <c r="B44" s="22">
        <v>65</v>
      </c>
      <c r="C44" s="14">
        <v>48</v>
      </c>
      <c r="D44" s="18">
        <v>113</v>
      </c>
    </row>
    <row r="45" spans="1:4" ht="18" customHeight="1" x14ac:dyDescent="0.15">
      <c r="A45" s="5">
        <v>33</v>
      </c>
      <c r="B45" s="22">
        <v>63</v>
      </c>
      <c r="C45" s="14">
        <v>53</v>
      </c>
      <c r="D45" s="18">
        <v>116</v>
      </c>
    </row>
    <row r="46" spans="1:4" ht="18" customHeight="1" x14ac:dyDescent="0.15">
      <c r="A46" s="5">
        <v>34</v>
      </c>
      <c r="B46" s="22">
        <v>63</v>
      </c>
      <c r="C46" s="14">
        <v>70</v>
      </c>
      <c r="D46" s="18">
        <v>133</v>
      </c>
    </row>
    <row r="47" spans="1:4" ht="18" customHeight="1" x14ac:dyDescent="0.15">
      <c r="A47" s="5" t="s">
        <v>15</v>
      </c>
      <c r="B47" s="22">
        <v>313</v>
      </c>
      <c r="C47" s="14">
        <v>290</v>
      </c>
      <c r="D47" s="18">
        <v>603</v>
      </c>
    </row>
    <row r="48" spans="1:4" ht="18" customHeight="1" x14ac:dyDescent="0.15">
      <c r="A48" s="5">
        <v>35</v>
      </c>
      <c r="B48" s="22">
        <v>59</v>
      </c>
      <c r="C48" s="14">
        <v>49</v>
      </c>
      <c r="D48" s="18">
        <v>108</v>
      </c>
    </row>
    <row r="49" spans="1:4" ht="18" customHeight="1" x14ac:dyDescent="0.15">
      <c r="A49" s="5">
        <v>36</v>
      </c>
      <c r="B49" s="22">
        <v>60</v>
      </c>
      <c r="C49" s="14">
        <v>53</v>
      </c>
      <c r="D49" s="18">
        <v>113</v>
      </c>
    </row>
    <row r="50" spans="1:4" ht="18" customHeight="1" x14ac:dyDescent="0.15">
      <c r="A50" s="5">
        <v>37</v>
      </c>
      <c r="B50" s="22">
        <v>58</v>
      </c>
      <c r="C50" s="14">
        <v>54</v>
      </c>
      <c r="D50" s="18">
        <v>112</v>
      </c>
    </row>
    <row r="51" spans="1:4" ht="18" customHeight="1" x14ac:dyDescent="0.15">
      <c r="A51" s="5">
        <v>38</v>
      </c>
      <c r="B51" s="22">
        <v>71</v>
      </c>
      <c r="C51" s="14">
        <v>75</v>
      </c>
      <c r="D51" s="18">
        <v>146</v>
      </c>
    </row>
    <row r="52" spans="1:4" ht="18" customHeight="1" x14ac:dyDescent="0.15">
      <c r="A52" s="5">
        <v>39</v>
      </c>
      <c r="B52" s="22">
        <v>66</v>
      </c>
      <c r="C52" s="14">
        <v>56</v>
      </c>
      <c r="D52" s="18">
        <v>122</v>
      </c>
    </row>
    <row r="53" spans="1:4" ht="18" customHeight="1" x14ac:dyDescent="0.15">
      <c r="A53" s="5" t="s">
        <v>18</v>
      </c>
      <c r="B53" s="22">
        <v>314</v>
      </c>
      <c r="C53" s="14">
        <v>287</v>
      </c>
      <c r="D53" s="18">
        <v>601</v>
      </c>
    </row>
    <row r="54" spans="1:4" ht="18" customHeight="1" x14ac:dyDescent="0.15">
      <c r="A54" s="5">
        <v>40</v>
      </c>
      <c r="B54" s="22">
        <v>65</v>
      </c>
      <c r="C54" s="14">
        <v>59</v>
      </c>
      <c r="D54" s="18">
        <v>124</v>
      </c>
    </row>
    <row r="55" spans="1:4" ht="18" customHeight="1" x14ac:dyDescent="0.15">
      <c r="A55" s="5">
        <v>41</v>
      </c>
      <c r="B55" s="22">
        <v>65</v>
      </c>
      <c r="C55" s="14">
        <v>45</v>
      </c>
      <c r="D55" s="18">
        <v>110</v>
      </c>
    </row>
    <row r="56" spans="1:4" ht="18" customHeight="1" x14ac:dyDescent="0.15">
      <c r="A56" s="5">
        <v>42</v>
      </c>
      <c r="B56" s="22">
        <v>63</v>
      </c>
      <c r="C56" s="14">
        <v>65</v>
      </c>
      <c r="D56" s="18">
        <v>128</v>
      </c>
    </row>
    <row r="57" spans="1:4" ht="18" customHeight="1" x14ac:dyDescent="0.15">
      <c r="A57" s="5">
        <v>43</v>
      </c>
      <c r="B57" s="22">
        <v>80</v>
      </c>
      <c r="C57" s="14">
        <v>65</v>
      </c>
      <c r="D57" s="18">
        <v>145</v>
      </c>
    </row>
    <row r="58" spans="1:4" ht="18" customHeight="1" x14ac:dyDescent="0.15">
      <c r="A58" s="5">
        <v>44</v>
      </c>
      <c r="B58" s="22">
        <v>79</v>
      </c>
      <c r="C58" s="14">
        <v>72</v>
      </c>
      <c r="D58" s="18">
        <v>151</v>
      </c>
    </row>
    <row r="59" spans="1:4" ht="18" customHeight="1" x14ac:dyDescent="0.15">
      <c r="A59" s="5" t="s">
        <v>21</v>
      </c>
      <c r="B59" s="22">
        <v>352</v>
      </c>
      <c r="C59" s="14">
        <v>306</v>
      </c>
      <c r="D59" s="18">
        <v>658</v>
      </c>
    </row>
    <row r="60" spans="1:4" ht="18" customHeight="1" x14ac:dyDescent="0.15">
      <c r="A60" s="5">
        <v>45</v>
      </c>
      <c r="B60" s="22">
        <v>82</v>
      </c>
      <c r="C60" s="14">
        <v>65</v>
      </c>
      <c r="D60" s="18">
        <v>147</v>
      </c>
    </row>
    <row r="61" spans="1:4" ht="18" customHeight="1" x14ac:dyDescent="0.15">
      <c r="A61" s="5">
        <v>46</v>
      </c>
      <c r="B61" s="22">
        <v>91</v>
      </c>
      <c r="C61" s="14">
        <v>79</v>
      </c>
      <c r="D61" s="18">
        <v>170</v>
      </c>
    </row>
    <row r="62" spans="1:4" ht="18" customHeight="1" x14ac:dyDescent="0.15">
      <c r="A62" s="5">
        <v>47</v>
      </c>
      <c r="B62" s="22">
        <v>64</v>
      </c>
      <c r="C62" s="14">
        <v>83</v>
      </c>
      <c r="D62" s="18">
        <v>147</v>
      </c>
    </row>
    <row r="63" spans="1:4" ht="18" customHeight="1" x14ac:dyDescent="0.15">
      <c r="A63" s="5">
        <v>48</v>
      </c>
      <c r="B63" s="22">
        <v>93</v>
      </c>
      <c r="C63" s="14">
        <v>83</v>
      </c>
      <c r="D63" s="18">
        <v>176</v>
      </c>
    </row>
    <row r="64" spans="1:4" ht="18" customHeight="1" x14ac:dyDescent="0.15">
      <c r="A64" s="5">
        <v>49</v>
      </c>
      <c r="B64" s="22">
        <v>88</v>
      </c>
      <c r="C64" s="14">
        <v>99</v>
      </c>
      <c r="D64" s="18">
        <v>187</v>
      </c>
    </row>
    <row r="65" spans="1:4" ht="18" customHeight="1" x14ac:dyDescent="0.15">
      <c r="A65" s="5" t="s">
        <v>17</v>
      </c>
      <c r="B65" s="22">
        <v>418</v>
      </c>
      <c r="C65" s="14">
        <v>409</v>
      </c>
      <c r="D65" s="18">
        <v>827</v>
      </c>
    </row>
    <row r="66" spans="1:4" ht="18" customHeight="1" x14ac:dyDescent="0.15">
      <c r="A66" s="5">
        <v>50</v>
      </c>
      <c r="B66" s="22">
        <v>82</v>
      </c>
      <c r="C66" s="14">
        <v>84</v>
      </c>
      <c r="D66" s="18">
        <v>166</v>
      </c>
    </row>
    <row r="67" spans="1:4" ht="18" customHeight="1" x14ac:dyDescent="0.15">
      <c r="A67" s="5">
        <v>51</v>
      </c>
      <c r="B67" s="22">
        <v>87</v>
      </c>
      <c r="C67" s="14">
        <v>84</v>
      </c>
      <c r="D67" s="18">
        <v>171</v>
      </c>
    </row>
    <row r="68" spans="1:4" ht="18" customHeight="1" x14ac:dyDescent="0.15">
      <c r="A68" s="5">
        <v>52</v>
      </c>
      <c r="B68" s="22">
        <v>91</v>
      </c>
      <c r="C68" s="14">
        <v>88</v>
      </c>
      <c r="D68" s="18">
        <v>179</v>
      </c>
    </row>
    <row r="69" spans="1:4" ht="18" customHeight="1" x14ac:dyDescent="0.15">
      <c r="A69" s="5">
        <v>53</v>
      </c>
      <c r="B69" s="22">
        <v>98</v>
      </c>
      <c r="C69" s="14">
        <v>95</v>
      </c>
      <c r="D69" s="18">
        <v>193</v>
      </c>
    </row>
    <row r="70" spans="1:4" ht="18" customHeight="1" x14ac:dyDescent="0.15">
      <c r="A70" s="5">
        <v>54</v>
      </c>
      <c r="B70" s="22">
        <v>101</v>
      </c>
      <c r="C70" s="14">
        <v>88</v>
      </c>
      <c r="D70" s="18">
        <v>189</v>
      </c>
    </row>
    <row r="71" spans="1:4" ht="18" customHeight="1" x14ac:dyDescent="0.15">
      <c r="A71" s="5" t="s">
        <v>22</v>
      </c>
      <c r="B71" s="22">
        <v>459</v>
      </c>
      <c r="C71" s="14">
        <v>439</v>
      </c>
      <c r="D71" s="18">
        <v>898</v>
      </c>
    </row>
    <row r="72" spans="1:4" ht="18" customHeight="1" x14ac:dyDescent="0.15">
      <c r="A72" s="5">
        <v>55</v>
      </c>
      <c r="B72" s="22">
        <v>93</v>
      </c>
      <c r="C72" s="14">
        <v>90</v>
      </c>
      <c r="D72" s="18">
        <v>183</v>
      </c>
    </row>
    <row r="73" spans="1:4" ht="18" customHeight="1" x14ac:dyDescent="0.15">
      <c r="A73" s="5">
        <v>56</v>
      </c>
      <c r="B73" s="22">
        <v>84</v>
      </c>
      <c r="C73" s="14">
        <v>84</v>
      </c>
      <c r="D73" s="18">
        <v>168</v>
      </c>
    </row>
    <row r="74" spans="1:4" ht="18" customHeight="1" x14ac:dyDescent="0.15">
      <c r="A74" s="5">
        <v>57</v>
      </c>
      <c r="B74" s="22">
        <v>77</v>
      </c>
      <c r="C74" s="14">
        <v>81</v>
      </c>
      <c r="D74" s="18">
        <v>158</v>
      </c>
    </row>
    <row r="75" spans="1:4" ht="18" customHeight="1" x14ac:dyDescent="0.15">
      <c r="A75" s="5">
        <v>58</v>
      </c>
      <c r="B75" s="22">
        <v>89</v>
      </c>
      <c r="C75" s="14">
        <v>70</v>
      </c>
      <c r="D75" s="18">
        <v>159</v>
      </c>
    </row>
    <row r="76" spans="1:4" ht="18" customHeight="1" x14ac:dyDescent="0.15">
      <c r="A76" s="5">
        <v>59</v>
      </c>
      <c r="B76" s="22">
        <v>82</v>
      </c>
      <c r="C76" s="14">
        <v>91</v>
      </c>
      <c r="D76" s="18">
        <v>173</v>
      </c>
    </row>
    <row r="77" spans="1:4" ht="18" customHeight="1" x14ac:dyDescent="0.15">
      <c r="A77" s="5" t="s">
        <v>27</v>
      </c>
      <c r="B77" s="22">
        <v>425</v>
      </c>
      <c r="C77" s="14">
        <v>416</v>
      </c>
      <c r="D77" s="18">
        <v>841</v>
      </c>
    </row>
    <row r="78" spans="1:4" ht="18" customHeight="1" x14ac:dyDescent="0.15">
      <c r="A78" s="5">
        <v>60</v>
      </c>
      <c r="B78" s="22">
        <v>73</v>
      </c>
      <c r="C78" s="14">
        <v>65</v>
      </c>
      <c r="D78" s="18">
        <v>138</v>
      </c>
    </row>
    <row r="79" spans="1:4" ht="18" customHeight="1" x14ac:dyDescent="0.15">
      <c r="A79" s="5">
        <v>61</v>
      </c>
      <c r="B79" s="22">
        <v>87</v>
      </c>
      <c r="C79" s="14">
        <v>70</v>
      </c>
      <c r="D79" s="18">
        <v>157</v>
      </c>
    </row>
    <row r="80" spans="1:4" ht="18" customHeight="1" x14ac:dyDescent="0.15">
      <c r="A80" s="5">
        <v>62</v>
      </c>
      <c r="B80" s="22">
        <v>68</v>
      </c>
      <c r="C80" s="14">
        <v>83</v>
      </c>
      <c r="D80" s="18">
        <v>151</v>
      </c>
    </row>
    <row r="81" spans="1:4" ht="18" customHeight="1" x14ac:dyDescent="0.15">
      <c r="A81" s="5">
        <v>63</v>
      </c>
      <c r="B81" s="22">
        <v>71</v>
      </c>
      <c r="C81" s="14">
        <v>74</v>
      </c>
      <c r="D81" s="18">
        <v>145</v>
      </c>
    </row>
    <row r="82" spans="1:4" ht="18" customHeight="1" x14ac:dyDescent="0.15">
      <c r="A82" s="5">
        <v>64</v>
      </c>
      <c r="B82" s="22">
        <v>74</v>
      </c>
      <c r="C82" s="14">
        <v>77</v>
      </c>
      <c r="D82" s="18">
        <v>151</v>
      </c>
    </row>
    <row r="83" spans="1:4" ht="18" customHeight="1" x14ac:dyDescent="0.15">
      <c r="A83" s="5" t="s">
        <v>28</v>
      </c>
      <c r="B83" s="22">
        <v>373</v>
      </c>
      <c r="C83" s="14">
        <v>369</v>
      </c>
      <c r="D83" s="18">
        <v>742</v>
      </c>
    </row>
    <row r="84" spans="1:4" ht="18" customHeight="1" x14ac:dyDescent="0.15">
      <c r="A84" s="5" t="s">
        <v>31</v>
      </c>
      <c r="B84" s="22">
        <v>3511</v>
      </c>
      <c r="C84" s="14">
        <v>3247</v>
      </c>
      <c r="D84" s="18">
        <v>6758</v>
      </c>
    </row>
    <row r="85" spans="1:4" ht="18" customHeight="1" x14ac:dyDescent="0.15">
      <c r="A85" s="5">
        <v>65</v>
      </c>
      <c r="B85" s="22">
        <v>62</v>
      </c>
      <c r="C85" s="14">
        <v>64</v>
      </c>
      <c r="D85" s="18">
        <v>126</v>
      </c>
    </row>
    <row r="86" spans="1:4" ht="18" customHeight="1" x14ac:dyDescent="0.15">
      <c r="A86" s="5">
        <v>66</v>
      </c>
      <c r="B86" s="22">
        <v>67</v>
      </c>
      <c r="C86" s="14">
        <v>70</v>
      </c>
      <c r="D86" s="18">
        <v>137</v>
      </c>
    </row>
    <row r="87" spans="1:4" ht="18" customHeight="1" x14ac:dyDescent="0.15">
      <c r="A87" s="5">
        <v>67</v>
      </c>
      <c r="B87" s="22">
        <v>78</v>
      </c>
      <c r="C87" s="14">
        <v>80</v>
      </c>
      <c r="D87" s="18">
        <v>158</v>
      </c>
    </row>
    <row r="88" spans="1:4" ht="18" customHeight="1" x14ac:dyDescent="0.15">
      <c r="A88" s="5">
        <v>68</v>
      </c>
      <c r="B88" s="22">
        <v>69</v>
      </c>
      <c r="C88" s="14">
        <v>83</v>
      </c>
      <c r="D88" s="18">
        <v>152</v>
      </c>
    </row>
    <row r="89" spans="1:4" ht="18" customHeight="1" x14ac:dyDescent="0.15">
      <c r="A89" s="5">
        <v>69</v>
      </c>
      <c r="B89" s="22">
        <v>58</v>
      </c>
      <c r="C89" s="14">
        <v>77</v>
      </c>
      <c r="D89" s="18">
        <v>135</v>
      </c>
    </row>
    <row r="90" spans="1:4" ht="18" customHeight="1" x14ac:dyDescent="0.15">
      <c r="A90" s="5" t="s">
        <v>20</v>
      </c>
      <c r="B90" s="22">
        <v>334</v>
      </c>
      <c r="C90" s="14">
        <v>374</v>
      </c>
      <c r="D90" s="18">
        <v>708</v>
      </c>
    </row>
    <row r="91" spans="1:4" ht="18" customHeight="1" x14ac:dyDescent="0.15">
      <c r="A91" s="5">
        <v>70</v>
      </c>
      <c r="B91" s="22">
        <v>74</v>
      </c>
      <c r="C91" s="14">
        <v>81</v>
      </c>
      <c r="D91" s="18">
        <v>155</v>
      </c>
    </row>
    <row r="92" spans="1:4" ht="18" customHeight="1" x14ac:dyDescent="0.15">
      <c r="A92" s="5">
        <v>71</v>
      </c>
      <c r="B92" s="22">
        <v>66</v>
      </c>
      <c r="C92" s="14">
        <v>91</v>
      </c>
      <c r="D92" s="18">
        <v>157</v>
      </c>
    </row>
    <row r="93" spans="1:4" ht="18" customHeight="1" x14ac:dyDescent="0.15">
      <c r="A93" s="5">
        <v>72</v>
      </c>
      <c r="B93" s="22">
        <v>72</v>
      </c>
      <c r="C93" s="14">
        <v>85</v>
      </c>
      <c r="D93" s="18">
        <v>157</v>
      </c>
    </row>
    <row r="94" spans="1:4" ht="18" customHeight="1" x14ac:dyDescent="0.15">
      <c r="A94" s="5">
        <v>73</v>
      </c>
      <c r="B94" s="22">
        <v>91</v>
      </c>
      <c r="C94" s="14">
        <v>83</v>
      </c>
      <c r="D94" s="18">
        <v>174</v>
      </c>
    </row>
    <row r="95" spans="1:4" ht="18" customHeight="1" x14ac:dyDescent="0.15">
      <c r="A95" s="5">
        <v>74</v>
      </c>
      <c r="B95" s="22">
        <v>88</v>
      </c>
      <c r="C95" s="14">
        <v>97</v>
      </c>
      <c r="D95" s="18">
        <v>185</v>
      </c>
    </row>
    <row r="96" spans="1:4" ht="18" customHeight="1" x14ac:dyDescent="0.15">
      <c r="A96" s="5" t="s">
        <v>33</v>
      </c>
      <c r="B96" s="22">
        <v>391</v>
      </c>
      <c r="C96" s="14">
        <v>437</v>
      </c>
      <c r="D96" s="18">
        <v>828</v>
      </c>
    </row>
    <row r="97" spans="1:4" ht="18" customHeight="1" x14ac:dyDescent="0.15">
      <c r="A97" s="5">
        <v>75</v>
      </c>
      <c r="B97" s="22">
        <v>61</v>
      </c>
      <c r="C97" s="14">
        <v>91</v>
      </c>
      <c r="D97" s="18">
        <v>152</v>
      </c>
    </row>
    <row r="98" spans="1:4" ht="18" customHeight="1" x14ac:dyDescent="0.15">
      <c r="A98" s="5">
        <v>76</v>
      </c>
      <c r="B98" s="22">
        <v>88</v>
      </c>
      <c r="C98" s="14">
        <v>106</v>
      </c>
      <c r="D98" s="18">
        <v>194</v>
      </c>
    </row>
    <row r="99" spans="1:4" ht="18" customHeight="1" x14ac:dyDescent="0.15">
      <c r="A99" s="5">
        <v>77</v>
      </c>
      <c r="B99" s="22">
        <v>102</v>
      </c>
      <c r="C99" s="14">
        <v>112</v>
      </c>
      <c r="D99" s="18">
        <v>214</v>
      </c>
    </row>
    <row r="100" spans="1:4" ht="18" customHeight="1" x14ac:dyDescent="0.15">
      <c r="A100" s="5">
        <v>78</v>
      </c>
      <c r="B100" s="22">
        <v>91</v>
      </c>
      <c r="C100" s="14">
        <v>94</v>
      </c>
      <c r="D100" s="18">
        <v>185</v>
      </c>
    </row>
    <row r="101" spans="1:4" ht="18" customHeight="1" x14ac:dyDescent="0.15">
      <c r="A101" s="5">
        <v>79</v>
      </c>
      <c r="B101" s="22">
        <v>87</v>
      </c>
      <c r="C101" s="14">
        <v>94</v>
      </c>
      <c r="D101" s="18">
        <v>181</v>
      </c>
    </row>
    <row r="102" spans="1:4" ht="18" customHeight="1" x14ac:dyDescent="0.15">
      <c r="A102" s="5" t="s">
        <v>0</v>
      </c>
      <c r="B102" s="22">
        <v>429</v>
      </c>
      <c r="C102" s="14">
        <v>497</v>
      </c>
      <c r="D102" s="18">
        <v>926</v>
      </c>
    </row>
    <row r="103" spans="1:4" ht="18" customHeight="1" x14ac:dyDescent="0.15">
      <c r="A103" s="5">
        <v>80</v>
      </c>
      <c r="B103" s="22">
        <v>51</v>
      </c>
      <c r="C103" s="14">
        <v>70</v>
      </c>
      <c r="D103" s="18">
        <v>121</v>
      </c>
    </row>
    <row r="104" spans="1:4" ht="18" customHeight="1" x14ac:dyDescent="0.15">
      <c r="A104" s="5">
        <v>81</v>
      </c>
      <c r="B104" s="22">
        <v>57</v>
      </c>
      <c r="C104" s="14">
        <v>77</v>
      </c>
      <c r="D104" s="18">
        <v>134</v>
      </c>
    </row>
    <row r="105" spans="1:4" ht="18" customHeight="1" x14ac:dyDescent="0.15">
      <c r="A105" s="5">
        <v>82</v>
      </c>
      <c r="B105" s="22">
        <v>58</v>
      </c>
      <c r="C105" s="14">
        <v>99</v>
      </c>
      <c r="D105" s="18">
        <v>157</v>
      </c>
    </row>
    <row r="106" spans="1:4" ht="18" customHeight="1" x14ac:dyDescent="0.15">
      <c r="A106" s="5">
        <v>83</v>
      </c>
      <c r="B106" s="22">
        <v>52</v>
      </c>
      <c r="C106" s="14">
        <v>77</v>
      </c>
      <c r="D106" s="18">
        <v>129</v>
      </c>
    </row>
    <row r="107" spans="1:4" ht="18" customHeight="1" x14ac:dyDescent="0.15">
      <c r="A107" s="5">
        <v>84</v>
      </c>
      <c r="B107" s="22">
        <v>49</v>
      </c>
      <c r="C107" s="14">
        <v>96</v>
      </c>
      <c r="D107" s="18">
        <v>145</v>
      </c>
    </row>
    <row r="108" spans="1:4" ht="18" customHeight="1" x14ac:dyDescent="0.15">
      <c r="A108" s="5" t="s">
        <v>35</v>
      </c>
      <c r="B108" s="22">
        <v>267</v>
      </c>
      <c r="C108" s="14">
        <v>419</v>
      </c>
      <c r="D108" s="18">
        <v>686</v>
      </c>
    </row>
    <row r="109" spans="1:4" ht="18" customHeight="1" x14ac:dyDescent="0.15">
      <c r="A109" s="5">
        <v>85</v>
      </c>
      <c r="B109" s="22">
        <v>49</v>
      </c>
      <c r="C109" s="14">
        <v>75</v>
      </c>
      <c r="D109" s="18">
        <v>124</v>
      </c>
    </row>
    <row r="110" spans="1:4" ht="18" customHeight="1" x14ac:dyDescent="0.15">
      <c r="A110" s="5">
        <v>86</v>
      </c>
      <c r="B110" s="22">
        <v>51</v>
      </c>
      <c r="C110" s="14">
        <v>55</v>
      </c>
      <c r="D110" s="18">
        <v>106</v>
      </c>
    </row>
    <row r="111" spans="1:4" ht="18" customHeight="1" x14ac:dyDescent="0.15">
      <c r="A111" s="5">
        <v>87</v>
      </c>
      <c r="B111" s="22">
        <v>30</v>
      </c>
      <c r="C111" s="14">
        <v>49</v>
      </c>
      <c r="D111" s="18">
        <v>79</v>
      </c>
    </row>
    <row r="112" spans="1:4" ht="18" customHeight="1" x14ac:dyDescent="0.15">
      <c r="A112" s="5">
        <v>88</v>
      </c>
      <c r="B112" s="22">
        <v>19</v>
      </c>
      <c r="C112" s="14">
        <v>45</v>
      </c>
      <c r="D112" s="18">
        <v>64</v>
      </c>
    </row>
    <row r="113" spans="1:4" ht="18" customHeight="1" x14ac:dyDescent="0.15">
      <c r="A113" s="5">
        <v>89</v>
      </c>
      <c r="B113" s="22">
        <v>14</v>
      </c>
      <c r="C113" s="14">
        <v>50</v>
      </c>
      <c r="D113" s="18">
        <v>64</v>
      </c>
    </row>
    <row r="114" spans="1:4" ht="18" customHeight="1" x14ac:dyDescent="0.15">
      <c r="A114" s="5" t="s">
        <v>37</v>
      </c>
      <c r="B114" s="22">
        <v>163</v>
      </c>
      <c r="C114" s="14">
        <v>274</v>
      </c>
      <c r="D114" s="18">
        <v>437</v>
      </c>
    </row>
    <row r="115" spans="1:4" ht="18" customHeight="1" x14ac:dyDescent="0.15">
      <c r="A115" s="5">
        <v>90</v>
      </c>
      <c r="B115" s="22">
        <v>30</v>
      </c>
      <c r="C115" s="14">
        <v>64</v>
      </c>
      <c r="D115" s="18">
        <v>94</v>
      </c>
    </row>
    <row r="116" spans="1:4" ht="18" customHeight="1" x14ac:dyDescent="0.15">
      <c r="A116" s="5">
        <v>91</v>
      </c>
      <c r="B116" s="22">
        <v>13</v>
      </c>
      <c r="C116" s="14">
        <v>26</v>
      </c>
      <c r="D116" s="18">
        <v>39</v>
      </c>
    </row>
    <row r="117" spans="1:4" ht="18" customHeight="1" x14ac:dyDescent="0.15">
      <c r="A117" s="5">
        <v>92</v>
      </c>
      <c r="B117" s="22">
        <v>17</v>
      </c>
      <c r="C117" s="14">
        <v>25</v>
      </c>
      <c r="D117" s="18">
        <v>42</v>
      </c>
    </row>
    <row r="118" spans="1:4" ht="18" customHeight="1" x14ac:dyDescent="0.15">
      <c r="A118" s="5">
        <v>93</v>
      </c>
      <c r="B118" s="22">
        <v>9</v>
      </c>
      <c r="C118" s="14">
        <v>44</v>
      </c>
      <c r="D118" s="18">
        <v>53</v>
      </c>
    </row>
    <row r="119" spans="1:4" ht="18" customHeight="1" x14ac:dyDescent="0.15">
      <c r="A119" s="5">
        <v>94</v>
      </c>
      <c r="B119" s="22">
        <v>8</v>
      </c>
      <c r="C119" s="14">
        <v>30</v>
      </c>
      <c r="D119" s="18">
        <v>38</v>
      </c>
    </row>
    <row r="120" spans="1:4" ht="18" customHeight="1" x14ac:dyDescent="0.15">
      <c r="A120" s="5" t="s">
        <v>39</v>
      </c>
      <c r="B120" s="22">
        <v>77</v>
      </c>
      <c r="C120" s="14">
        <v>189</v>
      </c>
      <c r="D120" s="18">
        <v>266</v>
      </c>
    </row>
    <row r="121" spans="1:4" ht="18" customHeight="1" x14ac:dyDescent="0.15">
      <c r="A121" s="5">
        <v>95</v>
      </c>
      <c r="B121" s="22">
        <v>8</v>
      </c>
      <c r="C121" s="14">
        <v>31</v>
      </c>
      <c r="D121" s="18">
        <v>39</v>
      </c>
    </row>
    <row r="122" spans="1:4" ht="18" customHeight="1" x14ac:dyDescent="0.15">
      <c r="A122" s="5">
        <v>96</v>
      </c>
      <c r="B122" s="22">
        <v>3</v>
      </c>
      <c r="C122" s="14">
        <v>16</v>
      </c>
      <c r="D122" s="18">
        <v>19</v>
      </c>
    </row>
    <row r="123" spans="1:4" ht="18" customHeight="1" x14ac:dyDescent="0.15">
      <c r="A123" s="5">
        <v>97</v>
      </c>
      <c r="B123" s="22">
        <v>4</v>
      </c>
      <c r="C123" s="14">
        <v>14</v>
      </c>
      <c r="D123" s="18">
        <v>18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1</v>
      </c>
      <c r="C125" s="14">
        <v>8</v>
      </c>
      <c r="D125" s="18">
        <v>9</v>
      </c>
    </row>
    <row r="126" spans="1:4" ht="18" customHeight="1" x14ac:dyDescent="0.15">
      <c r="A126" s="5" t="s">
        <v>40</v>
      </c>
      <c r="B126" s="22">
        <v>17</v>
      </c>
      <c r="C126" s="14">
        <v>76</v>
      </c>
      <c r="D126" s="18">
        <v>93</v>
      </c>
    </row>
    <row r="127" spans="1:4" ht="18" customHeight="1" x14ac:dyDescent="0.15">
      <c r="A127" s="5">
        <v>100</v>
      </c>
      <c r="B127" s="22">
        <v>2</v>
      </c>
      <c r="C127" s="14">
        <v>4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8</v>
      </c>
      <c r="D128" s="18">
        <v>9</v>
      </c>
    </row>
    <row r="129" spans="1:4" ht="18" customHeight="1" x14ac:dyDescent="0.15">
      <c r="A129" s="5" t="s">
        <v>44</v>
      </c>
      <c r="B129" s="22">
        <v>3</v>
      </c>
      <c r="C129" s="14">
        <v>12</v>
      </c>
      <c r="D129" s="18">
        <v>15</v>
      </c>
    </row>
    <row r="130" spans="1:4" ht="18" customHeight="1" x14ac:dyDescent="0.15">
      <c r="A130" s="5" t="s">
        <v>46</v>
      </c>
      <c r="B130" s="22">
        <v>1681</v>
      </c>
      <c r="C130" s="14">
        <v>2278</v>
      </c>
      <c r="D130" s="18">
        <v>3959</v>
      </c>
    </row>
    <row r="131" spans="1:4" ht="18" customHeight="1" x14ac:dyDescent="0.15">
      <c r="A131" s="7" t="s">
        <v>45</v>
      </c>
      <c r="B131" s="23">
        <v>5865</v>
      </c>
      <c r="C131" s="15">
        <v>6162</v>
      </c>
      <c r="D131" s="19">
        <v>120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6</v>
      </c>
      <c r="D5" s="17">
        <v>7</v>
      </c>
    </row>
    <row r="6" spans="1:4" ht="18" customHeight="1" x14ac:dyDescent="0.15">
      <c r="A6" s="5">
        <v>1</v>
      </c>
      <c r="B6" s="22">
        <v>4</v>
      </c>
      <c r="C6" s="14">
        <v>11</v>
      </c>
      <c r="D6" s="18">
        <v>15</v>
      </c>
    </row>
    <row r="7" spans="1:4" ht="18" customHeight="1" x14ac:dyDescent="0.15">
      <c r="A7" s="5">
        <v>2</v>
      </c>
      <c r="B7" s="22">
        <v>10</v>
      </c>
      <c r="C7" s="14">
        <v>11</v>
      </c>
      <c r="D7" s="18">
        <v>21</v>
      </c>
    </row>
    <row r="8" spans="1:4" ht="18" customHeight="1" x14ac:dyDescent="0.15">
      <c r="A8" s="5">
        <v>3</v>
      </c>
      <c r="B8" s="22">
        <v>9</v>
      </c>
      <c r="C8" s="14">
        <v>11</v>
      </c>
      <c r="D8" s="18">
        <v>20</v>
      </c>
    </row>
    <row r="9" spans="1:4" ht="18" customHeight="1" x14ac:dyDescent="0.15">
      <c r="A9" s="5">
        <v>4</v>
      </c>
      <c r="B9" s="22">
        <v>12</v>
      </c>
      <c r="C9" s="14">
        <v>10</v>
      </c>
      <c r="D9" s="18">
        <v>22</v>
      </c>
    </row>
    <row r="10" spans="1:4" ht="18" customHeight="1" x14ac:dyDescent="0.15">
      <c r="A10" s="5" t="s">
        <v>7</v>
      </c>
      <c r="B10" s="22">
        <v>36</v>
      </c>
      <c r="C10" s="14">
        <v>49</v>
      </c>
      <c r="D10" s="18">
        <v>85</v>
      </c>
    </row>
    <row r="11" spans="1:4" ht="18" customHeight="1" x14ac:dyDescent="0.15">
      <c r="A11" s="5">
        <v>5</v>
      </c>
      <c r="B11" s="22">
        <v>12</v>
      </c>
      <c r="C11" s="14">
        <v>9</v>
      </c>
      <c r="D11" s="18">
        <v>21</v>
      </c>
    </row>
    <row r="12" spans="1:4" ht="18" customHeight="1" x14ac:dyDescent="0.15">
      <c r="A12" s="5">
        <v>6</v>
      </c>
      <c r="B12" s="22">
        <v>11</v>
      </c>
      <c r="C12" s="14">
        <v>10</v>
      </c>
      <c r="D12" s="18">
        <v>21</v>
      </c>
    </row>
    <row r="13" spans="1:4" ht="18" customHeight="1" x14ac:dyDescent="0.15">
      <c r="A13" s="5">
        <v>7</v>
      </c>
      <c r="B13" s="22">
        <v>5</v>
      </c>
      <c r="C13" s="14">
        <v>9</v>
      </c>
      <c r="D13" s="18">
        <v>14</v>
      </c>
    </row>
    <row r="14" spans="1:4" ht="18" customHeight="1" x14ac:dyDescent="0.15">
      <c r="A14" s="5">
        <v>8</v>
      </c>
      <c r="B14" s="22">
        <v>9</v>
      </c>
      <c r="C14" s="14">
        <v>18</v>
      </c>
      <c r="D14" s="18">
        <v>27</v>
      </c>
    </row>
    <row r="15" spans="1:4" ht="18" customHeight="1" x14ac:dyDescent="0.15">
      <c r="A15" s="5">
        <v>9</v>
      </c>
      <c r="B15" s="22">
        <v>11</v>
      </c>
      <c r="C15" s="14">
        <v>6</v>
      </c>
      <c r="D15" s="18">
        <v>17</v>
      </c>
    </row>
    <row r="16" spans="1:4" ht="18" customHeight="1" x14ac:dyDescent="0.15">
      <c r="A16" s="5" t="s">
        <v>11</v>
      </c>
      <c r="B16" s="22">
        <v>48</v>
      </c>
      <c r="C16" s="14">
        <v>52</v>
      </c>
      <c r="D16" s="18">
        <v>100</v>
      </c>
    </row>
    <row r="17" spans="1:4" ht="18" customHeight="1" x14ac:dyDescent="0.15">
      <c r="A17" s="5">
        <v>10</v>
      </c>
      <c r="B17" s="22">
        <v>13</v>
      </c>
      <c r="C17" s="14">
        <v>11</v>
      </c>
      <c r="D17" s="18">
        <v>24</v>
      </c>
    </row>
    <row r="18" spans="1:4" ht="18" customHeight="1" x14ac:dyDescent="0.15">
      <c r="A18" s="5">
        <v>11</v>
      </c>
      <c r="B18" s="22">
        <v>12</v>
      </c>
      <c r="C18" s="14">
        <v>12</v>
      </c>
      <c r="D18" s="18">
        <v>24</v>
      </c>
    </row>
    <row r="19" spans="1:4" ht="18" customHeight="1" x14ac:dyDescent="0.15">
      <c r="A19" s="5">
        <v>12</v>
      </c>
      <c r="B19" s="22">
        <v>8</v>
      </c>
      <c r="C19" s="14">
        <v>10</v>
      </c>
      <c r="D19" s="18">
        <v>18</v>
      </c>
    </row>
    <row r="20" spans="1:4" ht="18" customHeight="1" x14ac:dyDescent="0.15">
      <c r="A20" s="5">
        <v>13</v>
      </c>
      <c r="B20" s="22">
        <v>18</v>
      </c>
      <c r="C20" s="14">
        <v>18</v>
      </c>
      <c r="D20" s="18">
        <v>36</v>
      </c>
    </row>
    <row r="21" spans="1:4" ht="18" customHeight="1" x14ac:dyDescent="0.15">
      <c r="A21" s="5">
        <v>14</v>
      </c>
      <c r="B21" s="22">
        <v>11</v>
      </c>
      <c r="C21" s="14">
        <v>14</v>
      </c>
      <c r="D21" s="18">
        <v>25</v>
      </c>
    </row>
    <row r="22" spans="1:4" ht="18" customHeight="1" x14ac:dyDescent="0.15">
      <c r="A22" s="5" t="s">
        <v>12</v>
      </c>
      <c r="B22" s="22">
        <v>62</v>
      </c>
      <c r="C22" s="14">
        <v>65</v>
      </c>
      <c r="D22" s="18">
        <v>127</v>
      </c>
    </row>
    <row r="23" spans="1:4" ht="18" customHeight="1" x14ac:dyDescent="0.15">
      <c r="A23" s="5" t="s">
        <v>6</v>
      </c>
      <c r="B23" s="22">
        <v>146</v>
      </c>
      <c r="C23" s="14">
        <v>166</v>
      </c>
      <c r="D23" s="18">
        <v>312</v>
      </c>
    </row>
    <row r="24" spans="1:4" ht="18" customHeight="1" x14ac:dyDescent="0.15">
      <c r="A24" s="5">
        <v>15</v>
      </c>
      <c r="B24" s="22">
        <v>16</v>
      </c>
      <c r="C24" s="14">
        <v>7</v>
      </c>
      <c r="D24" s="18">
        <v>23</v>
      </c>
    </row>
    <row r="25" spans="1:4" ht="18" customHeight="1" x14ac:dyDescent="0.15">
      <c r="A25" s="5">
        <v>16</v>
      </c>
      <c r="B25" s="22">
        <v>11</v>
      </c>
      <c r="C25" s="14">
        <v>14</v>
      </c>
      <c r="D25" s="18">
        <v>25</v>
      </c>
    </row>
    <row r="26" spans="1:4" ht="18" customHeight="1" x14ac:dyDescent="0.15">
      <c r="A26" s="5">
        <v>17</v>
      </c>
      <c r="B26" s="22">
        <v>12</v>
      </c>
      <c r="C26" s="14">
        <v>14</v>
      </c>
      <c r="D26" s="18">
        <v>26</v>
      </c>
    </row>
    <row r="27" spans="1:4" ht="18" customHeight="1" x14ac:dyDescent="0.15">
      <c r="A27" s="5">
        <v>18</v>
      </c>
      <c r="B27" s="22">
        <v>16</v>
      </c>
      <c r="C27" s="14">
        <v>17</v>
      </c>
      <c r="D27" s="18">
        <v>33</v>
      </c>
    </row>
    <row r="28" spans="1:4" ht="18" customHeight="1" x14ac:dyDescent="0.15">
      <c r="A28" s="5">
        <v>19</v>
      </c>
      <c r="B28" s="22">
        <v>32</v>
      </c>
      <c r="C28" s="14">
        <v>26</v>
      </c>
      <c r="D28" s="18">
        <v>58</v>
      </c>
    </row>
    <row r="29" spans="1:4" ht="18" customHeight="1" x14ac:dyDescent="0.15">
      <c r="A29" s="5" t="s">
        <v>14</v>
      </c>
      <c r="B29" s="22">
        <v>87</v>
      </c>
      <c r="C29" s="14">
        <v>78</v>
      </c>
      <c r="D29" s="18">
        <v>165</v>
      </c>
    </row>
    <row r="30" spans="1:4" ht="18" customHeight="1" x14ac:dyDescent="0.15">
      <c r="A30" s="5">
        <v>20</v>
      </c>
      <c r="B30" s="22">
        <v>20</v>
      </c>
      <c r="C30" s="14">
        <v>19</v>
      </c>
      <c r="D30" s="18">
        <v>39</v>
      </c>
    </row>
    <row r="31" spans="1:4" ht="18" customHeight="1" x14ac:dyDescent="0.15">
      <c r="A31" s="5">
        <v>21</v>
      </c>
      <c r="B31" s="22">
        <v>11</v>
      </c>
      <c r="C31" s="14">
        <v>14</v>
      </c>
      <c r="D31" s="18">
        <v>25</v>
      </c>
    </row>
    <row r="32" spans="1:4" ht="18" customHeight="1" x14ac:dyDescent="0.15">
      <c r="A32" s="5">
        <v>22</v>
      </c>
      <c r="B32" s="22">
        <v>7</v>
      </c>
      <c r="C32" s="14">
        <v>15</v>
      </c>
      <c r="D32" s="18">
        <v>22</v>
      </c>
    </row>
    <row r="33" spans="1:4" ht="18" customHeight="1" x14ac:dyDescent="0.15">
      <c r="A33" s="5">
        <v>23</v>
      </c>
      <c r="B33" s="22">
        <v>16</v>
      </c>
      <c r="C33" s="14">
        <v>11</v>
      </c>
      <c r="D33" s="18">
        <v>27</v>
      </c>
    </row>
    <row r="34" spans="1:4" ht="18" customHeight="1" x14ac:dyDescent="0.15">
      <c r="A34" s="5">
        <v>24</v>
      </c>
      <c r="B34" s="22">
        <v>14</v>
      </c>
      <c r="C34" s="14">
        <v>9</v>
      </c>
      <c r="D34" s="18">
        <v>23</v>
      </c>
    </row>
    <row r="35" spans="1:4" ht="18" customHeight="1" x14ac:dyDescent="0.15">
      <c r="A35" s="5" t="s">
        <v>9</v>
      </c>
      <c r="B35" s="22">
        <v>68</v>
      </c>
      <c r="C35" s="14">
        <v>68</v>
      </c>
      <c r="D35" s="18">
        <v>136</v>
      </c>
    </row>
    <row r="36" spans="1:4" ht="18" customHeight="1" x14ac:dyDescent="0.15">
      <c r="A36" s="5">
        <v>25</v>
      </c>
      <c r="B36" s="22">
        <v>11</v>
      </c>
      <c r="C36" s="14">
        <v>11</v>
      </c>
      <c r="D36" s="18">
        <v>22</v>
      </c>
    </row>
    <row r="37" spans="1:4" ht="18" customHeight="1" x14ac:dyDescent="0.15">
      <c r="A37" s="5">
        <v>26</v>
      </c>
      <c r="B37" s="22">
        <v>15</v>
      </c>
      <c r="C37" s="14">
        <v>8</v>
      </c>
      <c r="D37" s="18">
        <v>23</v>
      </c>
    </row>
    <row r="38" spans="1:4" ht="18" customHeight="1" x14ac:dyDescent="0.15">
      <c r="A38" s="5">
        <v>27</v>
      </c>
      <c r="B38" s="22">
        <v>16</v>
      </c>
      <c r="C38" s="14">
        <v>9</v>
      </c>
      <c r="D38" s="18">
        <v>25</v>
      </c>
    </row>
    <row r="39" spans="1:4" ht="18" customHeight="1" x14ac:dyDescent="0.15">
      <c r="A39" s="5">
        <v>28</v>
      </c>
      <c r="B39" s="22">
        <v>15</v>
      </c>
      <c r="C39" s="14">
        <v>7</v>
      </c>
      <c r="D39" s="18">
        <v>22</v>
      </c>
    </row>
    <row r="40" spans="1:4" ht="18" customHeight="1" x14ac:dyDescent="0.15">
      <c r="A40" s="5">
        <v>29</v>
      </c>
      <c r="B40" s="22">
        <v>8</v>
      </c>
      <c r="C40" s="14">
        <v>9</v>
      </c>
      <c r="D40" s="18">
        <v>17</v>
      </c>
    </row>
    <row r="41" spans="1:4" ht="18" customHeight="1" x14ac:dyDescent="0.15">
      <c r="A41" s="5" t="s">
        <v>2</v>
      </c>
      <c r="B41" s="22">
        <v>65</v>
      </c>
      <c r="C41" s="14">
        <v>44</v>
      </c>
      <c r="D41" s="18">
        <v>109</v>
      </c>
    </row>
    <row r="42" spans="1:4" ht="18" customHeight="1" x14ac:dyDescent="0.15">
      <c r="A42" s="5">
        <v>30</v>
      </c>
      <c r="B42" s="22">
        <v>8</v>
      </c>
      <c r="C42" s="14">
        <v>10</v>
      </c>
      <c r="D42" s="18">
        <v>18</v>
      </c>
    </row>
    <row r="43" spans="1:4" ht="18" customHeight="1" x14ac:dyDescent="0.15">
      <c r="A43" s="5">
        <v>31</v>
      </c>
      <c r="B43" s="22">
        <v>13</v>
      </c>
      <c r="C43" s="14">
        <v>8</v>
      </c>
      <c r="D43" s="18">
        <v>21</v>
      </c>
    </row>
    <row r="44" spans="1:4" ht="18" customHeight="1" x14ac:dyDescent="0.15">
      <c r="A44" s="5">
        <v>32</v>
      </c>
      <c r="B44" s="22">
        <v>13</v>
      </c>
      <c r="C44" s="14">
        <v>13</v>
      </c>
      <c r="D44" s="18">
        <v>26</v>
      </c>
    </row>
    <row r="45" spans="1:4" ht="18" customHeight="1" x14ac:dyDescent="0.15">
      <c r="A45" s="5">
        <v>33</v>
      </c>
      <c r="B45" s="22">
        <v>17</v>
      </c>
      <c r="C45" s="14">
        <v>9</v>
      </c>
      <c r="D45" s="18">
        <v>26</v>
      </c>
    </row>
    <row r="46" spans="1:4" ht="18" customHeight="1" x14ac:dyDescent="0.15">
      <c r="A46" s="5">
        <v>34</v>
      </c>
      <c r="B46" s="22">
        <v>6</v>
      </c>
      <c r="C46" s="14">
        <v>9</v>
      </c>
      <c r="D46" s="18">
        <v>15</v>
      </c>
    </row>
    <row r="47" spans="1:4" ht="18" customHeight="1" x14ac:dyDescent="0.15">
      <c r="A47" s="5" t="s">
        <v>15</v>
      </c>
      <c r="B47" s="22">
        <v>57</v>
      </c>
      <c r="C47" s="14">
        <v>49</v>
      </c>
      <c r="D47" s="18">
        <v>106</v>
      </c>
    </row>
    <row r="48" spans="1:4" ht="18" customHeight="1" x14ac:dyDescent="0.15">
      <c r="A48" s="5">
        <v>35</v>
      </c>
      <c r="B48" s="22">
        <v>17</v>
      </c>
      <c r="C48" s="14">
        <v>7</v>
      </c>
      <c r="D48" s="18">
        <v>24</v>
      </c>
    </row>
    <row r="49" spans="1:4" ht="18" customHeight="1" x14ac:dyDescent="0.15">
      <c r="A49" s="5">
        <v>36</v>
      </c>
      <c r="B49" s="22">
        <v>11</v>
      </c>
      <c r="C49" s="14">
        <v>13</v>
      </c>
      <c r="D49" s="18">
        <v>24</v>
      </c>
    </row>
    <row r="50" spans="1:4" ht="18" customHeight="1" x14ac:dyDescent="0.15">
      <c r="A50" s="5">
        <v>37</v>
      </c>
      <c r="B50" s="22">
        <v>13</v>
      </c>
      <c r="C50" s="14">
        <v>13</v>
      </c>
      <c r="D50" s="18">
        <v>26</v>
      </c>
    </row>
    <row r="51" spans="1:4" ht="18" customHeight="1" x14ac:dyDescent="0.15">
      <c r="A51" s="5">
        <v>38</v>
      </c>
      <c r="B51" s="22">
        <v>15</v>
      </c>
      <c r="C51" s="14">
        <v>10</v>
      </c>
      <c r="D51" s="18">
        <v>25</v>
      </c>
    </row>
    <row r="52" spans="1:4" ht="18" customHeight="1" x14ac:dyDescent="0.15">
      <c r="A52" s="5">
        <v>39</v>
      </c>
      <c r="B52" s="22">
        <v>16</v>
      </c>
      <c r="C52" s="14">
        <v>12</v>
      </c>
      <c r="D52" s="18">
        <v>28</v>
      </c>
    </row>
    <row r="53" spans="1:4" ht="18" customHeight="1" x14ac:dyDescent="0.15">
      <c r="A53" s="5" t="s">
        <v>18</v>
      </c>
      <c r="B53" s="22">
        <v>72</v>
      </c>
      <c r="C53" s="14">
        <v>55</v>
      </c>
      <c r="D53" s="18">
        <v>127</v>
      </c>
    </row>
    <row r="54" spans="1:4" ht="18" customHeight="1" x14ac:dyDescent="0.15">
      <c r="A54" s="5">
        <v>40</v>
      </c>
      <c r="B54" s="22">
        <v>19</v>
      </c>
      <c r="C54" s="14">
        <v>12</v>
      </c>
      <c r="D54" s="18">
        <v>31</v>
      </c>
    </row>
    <row r="55" spans="1:4" ht="18" customHeight="1" x14ac:dyDescent="0.15">
      <c r="A55" s="5">
        <v>41</v>
      </c>
      <c r="B55" s="22">
        <v>17</v>
      </c>
      <c r="C55" s="14">
        <v>19</v>
      </c>
      <c r="D55" s="18">
        <v>36</v>
      </c>
    </row>
    <row r="56" spans="1:4" ht="18" customHeight="1" x14ac:dyDescent="0.15">
      <c r="A56" s="5">
        <v>42</v>
      </c>
      <c r="B56" s="22">
        <v>25</v>
      </c>
      <c r="C56" s="14">
        <v>17</v>
      </c>
      <c r="D56" s="18">
        <v>42</v>
      </c>
    </row>
    <row r="57" spans="1:4" ht="18" customHeight="1" x14ac:dyDescent="0.15">
      <c r="A57" s="5">
        <v>43</v>
      </c>
      <c r="B57" s="22">
        <v>14</v>
      </c>
      <c r="C57" s="14">
        <v>17</v>
      </c>
      <c r="D57" s="18">
        <v>31</v>
      </c>
    </row>
    <row r="58" spans="1:4" ht="18" customHeight="1" x14ac:dyDescent="0.15">
      <c r="A58" s="5">
        <v>44</v>
      </c>
      <c r="B58" s="22">
        <v>17</v>
      </c>
      <c r="C58" s="14">
        <v>16</v>
      </c>
      <c r="D58" s="18">
        <v>33</v>
      </c>
    </row>
    <row r="59" spans="1:4" ht="18" customHeight="1" x14ac:dyDescent="0.15">
      <c r="A59" s="5" t="s">
        <v>21</v>
      </c>
      <c r="B59" s="22">
        <v>92</v>
      </c>
      <c r="C59" s="14">
        <v>81</v>
      </c>
      <c r="D59" s="18">
        <v>173</v>
      </c>
    </row>
    <row r="60" spans="1:4" ht="18" customHeight="1" x14ac:dyDescent="0.15">
      <c r="A60" s="5">
        <v>45</v>
      </c>
      <c r="B60" s="22">
        <v>25</v>
      </c>
      <c r="C60" s="14">
        <v>17</v>
      </c>
      <c r="D60" s="18">
        <v>42</v>
      </c>
    </row>
    <row r="61" spans="1:4" ht="18" customHeight="1" x14ac:dyDescent="0.15">
      <c r="A61" s="5">
        <v>46</v>
      </c>
      <c r="B61" s="22">
        <v>21</v>
      </c>
      <c r="C61" s="14">
        <v>17</v>
      </c>
      <c r="D61" s="18">
        <v>38</v>
      </c>
    </row>
    <row r="62" spans="1:4" ht="18" customHeight="1" x14ac:dyDescent="0.15">
      <c r="A62" s="5">
        <v>47</v>
      </c>
      <c r="B62" s="22">
        <v>20</v>
      </c>
      <c r="C62" s="14">
        <v>16</v>
      </c>
      <c r="D62" s="18">
        <v>36</v>
      </c>
    </row>
    <row r="63" spans="1:4" ht="18" customHeight="1" x14ac:dyDescent="0.15">
      <c r="A63" s="5">
        <v>48</v>
      </c>
      <c r="B63" s="22">
        <v>20</v>
      </c>
      <c r="C63" s="14">
        <v>18</v>
      </c>
      <c r="D63" s="18">
        <v>38</v>
      </c>
    </row>
    <row r="64" spans="1:4" ht="18" customHeight="1" x14ac:dyDescent="0.15">
      <c r="A64" s="5">
        <v>49</v>
      </c>
      <c r="B64" s="22">
        <v>16</v>
      </c>
      <c r="C64" s="14">
        <v>32</v>
      </c>
      <c r="D64" s="18">
        <v>48</v>
      </c>
    </row>
    <row r="65" spans="1:4" ht="18" customHeight="1" x14ac:dyDescent="0.15">
      <c r="A65" s="5" t="s">
        <v>17</v>
      </c>
      <c r="B65" s="22">
        <v>102</v>
      </c>
      <c r="C65" s="14">
        <v>100</v>
      </c>
      <c r="D65" s="18">
        <v>202</v>
      </c>
    </row>
    <row r="66" spans="1:4" ht="18" customHeight="1" x14ac:dyDescent="0.15">
      <c r="A66" s="5">
        <v>50</v>
      </c>
      <c r="B66" s="22">
        <v>22</v>
      </c>
      <c r="C66" s="14">
        <v>22</v>
      </c>
      <c r="D66" s="18">
        <v>44</v>
      </c>
    </row>
    <row r="67" spans="1:4" ht="18" customHeight="1" x14ac:dyDescent="0.15">
      <c r="A67" s="5">
        <v>51</v>
      </c>
      <c r="B67" s="22">
        <v>23</v>
      </c>
      <c r="C67" s="14">
        <v>22</v>
      </c>
      <c r="D67" s="18">
        <v>45</v>
      </c>
    </row>
    <row r="68" spans="1:4" ht="18" customHeight="1" x14ac:dyDescent="0.15">
      <c r="A68" s="5">
        <v>52</v>
      </c>
      <c r="B68" s="22">
        <v>25</v>
      </c>
      <c r="C68" s="14">
        <v>31</v>
      </c>
      <c r="D68" s="18">
        <v>56</v>
      </c>
    </row>
    <row r="69" spans="1:4" ht="18" customHeight="1" x14ac:dyDescent="0.15">
      <c r="A69" s="5">
        <v>53</v>
      </c>
      <c r="B69" s="22">
        <v>28</v>
      </c>
      <c r="C69" s="14">
        <v>12</v>
      </c>
      <c r="D69" s="18">
        <v>40</v>
      </c>
    </row>
    <row r="70" spans="1:4" ht="18" customHeight="1" x14ac:dyDescent="0.15">
      <c r="A70" s="5">
        <v>54</v>
      </c>
      <c r="B70" s="22">
        <v>22</v>
      </c>
      <c r="C70" s="14">
        <v>33</v>
      </c>
      <c r="D70" s="18">
        <v>55</v>
      </c>
    </row>
    <row r="71" spans="1:4" ht="18" customHeight="1" x14ac:dyDescent="0.15">
      <c r="A71" s="5" t="s">
        <v>22</v>
      </c>
      <c r="B71" s="22">
        <v>120</v>
      </c>
      <c r="C71" s="14">
        <v>120</v>
      </c>
      <c r="D71" s="18">
        <v>240</v>
      </c>
    </row>
    <row r="72" spans="1:4" ht="18" customHeight="1" x14ac:dyDescent="0.15">
      <c r="A72" s="5">
        <v>55</v>
      </c>
      <c r="B72" s="22">
        <v>21</v>
      </c>
      <c r="C72" s="14">
        <v>23</v>
      </c>
      <c r="D72" s="18">
        <v>44</v>
      </c>
    </row>
    <row r="73" spans="1:4" ht="18" customHeight="1" x14ac:dyDescent="0.15">
      <c r="A73" s="5">
        <v>56</v>
      </c>
      <c r="B73" s="22">
        <v>24</v>
      </c>
      <c r="C73" s="14">
        <v>15</v>
      </c>
      <c r="D73" s="18">
        <v>39</v>
      </c>
    </row>
    <row r="74" spans="1:4" ht="18" customHeight="1" x14ac:dyDescent="0.15">
      <c r="A74" s="5">
        <v>57</v>
      </c>
      <c r="B74" s="22">
        <v>23</v>
      </c>
      <c r="C74" s="14">
        <v>24</v>
      </c>
      <c r="D74" s="18">
        <v>47</v>
      </c>
    </row>
    <row r="75" spans="1:4" ht="18" customHeight="1" x14ac:dyDescent="0.15">
      <c r="A75" s="5">
        <v>58</v>
      </c>
      <c r="B75" s="22">
        <v>12</v>
      </c>
      <c r="C75" s="14">
        <v>16</v>
      </c>
      <c r="D75" s="18">
        <v>28</v>
      </c>
    </row>
    <row r="76" spans="1:4" ht="18" customHeight="1" x14ac:dyDescent="0.15">
      <c r="A76" s="5">
        <v>59</v>
      </c>
      <c r="B76" s="22">
        <v>17</v>
      </c>
      <c r="C76" s="14">
        <v>19</v>
      </c>
      <c r="D76" s="18">
        <v>36</v>
      </c>
    </row>
    <row r="77" spans="1:4" ht="18" customHeight="1" x14ac:dyDescent="0.15">
      <c r="A77" s="5" t="s">
        <v>27</v>
      </c>
      <c r="B77" s="22">
        <v>97</v>
      </c>
      <c r="C77" s="14">
        <v>97</v>
      </c>
      <c r="D77" s="18">
        <v>194</v>
      </c>
    </row>
    <row r="78" spans="1:4" ht="18" customHeight="1" x14ac:dyDescent="0.15">
      <c r="A78" s="5">
        <v>60</v>
      </c>
      <c r="B78" s="22">
        <v>24</v>
      </c>
      <c r="C78" s="14">
        <v>19</v>
      </c>
      <c r="D78" s="18">
        <v>43</v>
      </c>
    </row>
    <row r="79" spans="1:4" ht="18" customHeight="1" x14ac:dyDescent="0.15">
      <c r="A79" s="5">
        <v>61</v>
      </c>
      <c r="B79" s="22">
        <v>14</v>
      </c>
      <c r="C79" s="14">
        <v>25</v>
      </c>
      <c r="D79" s="18">
        <v>39</v>
      </c>
    </row>
    <row r="80" spans="1:4" ht="18" customHeight="1" x14ac:dyDescent="0.15">
      <c r="A80" s="5">
        <v>62</v>
      </c>
      <c r="B80" s="22">
        <v>22</v>
      </c>
      <c r="C80" s="14">
        <v>23</v>
      </c>
      <c r="D80" s="18">
        <v>45</v>
      </c>
    </row>
    <row r="81" spans="1:4" ht="18" customHeight="1" x14ac:dyDescent="0.15">
      <c r="A81" s="5">
        <v>63</v>
      </c>
      <c r="B81" s="22">
        <v>16</v>
      </c>
      <c r="C81" s="14">
        <v>25</v>
      </c>
      <c r="D81" s="18">
        <v>41</v>
      </c>
    </row>
    <row r="82" spans="1:4" ht="18" customHeight="1" x14ac:dyDescent="0.15">
      <c r="A82" s="5">
        <v>64</v>
      </c>
      <c r="B82" s="22">
        <v>21</v>
      </c>
      <c r="C82" s="14">
        <v>14</v>
      </c>
      <c r="D82" s="18">
        <v>35</v>
      </c>
    </row>
    <row r="83" spans="1:4" ht="18" customHeight="1" x14ac:dyDescent="0.15">
      <c r="A83" s="5" t="s">
        <v>28</v>
      </c>
      <c r="B83" s="22">
        <v>97</v>
      </c>
      <c r="C83" s="14">
        <v>106</v>
      </c>
      <c r="D83" s="18">
        <v>203</v>
      </c>
    </row>
    <row r="84" spans="1:4" ht="18" customHeight="1" x14ac:dyDescent="0.15">
      <c r="A84" s="5" t="s">
        <v>31</v>
      </c>
      <c r="B84" s="22">
        <v>857</v>
      </c>
      <c r="C84" s="14">
        <v>798</v>
      </c>
      <c r="D84" s="18">
        <v>1655</v>
      </c>
    </row>
    <row r="85" spans="1:4" ht="18" customHeight="1" x14ac:dyDescent="0.15">
      <c r="A85" s="5">
        <v>65</v>
      </c>
      <c r="B85" s="22">
        <v>17</v>
      </c>
      <c r="C85" s="14">
        <v>20</v>
      </c>
      <c r="D85" s="18">
        <v>37</v>
      </c>
    </row>
    <row r="86" spans="1:4" ht="18" customHeight="1" x14ac:dyDescent="0.15">
      <c r="A86" s="5">
        <v>66</v>
      </c>
      <c r="B86" s="22">
        <v>20</v>
      </c>
      <c r="C86" s="14">
        <v>17</v>
      </c>
      <c r="D86" s="18">
        <v>37</v>
      </c>
    </row>
    <row r="87" spans="1:4" ht="18" customHeight="1" x14ac:dyDescent="0.15">
      <c r="A87" s="5">
        <v>67</v>
      </c>
      <c r="B87" s="22">
        <v>14</v>
      </c>
      <c r="C87" s="14">
        <v>19</v>
      </c>
      <c r="D87" s="18">
        <v>33</v>
      </c>
    </row>
    <row r="88" spans="1:4" ht="18" customHeight="1" x14ac:dyDescent="0.15">
      <c r="A88" s="5">
        <v>68</v>
      </c>
      <c r="B88" s="22">
        <v>14</v>
      </c>
      <c r="C88" s="14">
        <v>18</v>
      </c>
      <c r="D88" s="18">
        <v>32</v>
      </c>
    </row>
    <row r="89" spans="1:4" ht="18" customHeight="1" x14ac:dyDescent="0.15">
      <c r="A89" s="5">
        <v>69</v>
      </c>
      <c r="B89" s="22">
        <v>19</v>
      </c>
      <c r="C89" s="14">
        <v>13</v>
      </c>
      <c r="D89" s="18">
        <v>32</v>
      </c>
    </row>
    <row r="90" spans="1:4" ht="18" customHeight="1" x14ac:dyDescent="0.15">
      <c r="A90" s="5" t="s">
        <v>20</v>
      </c>
      <c r="B90" s="22">
        <v>84</v>
      </c>
      <c r="C90" s="14">
        <v>87</v>
      </c>
      <c r="D90" s="18">
        <v>171</v>
      </c>
    </row>
    <row r="91" spans="1:4" ht="18" customHeight="1" x14ac:dyDescent="0.15">
      <c r="A91" s="5">
        <v>70</v>
      </c>
      <c r="B91" s="22">
        <v>8</v>
      </c>
      <c r="C91" s="14">
        <v>17</v>
      </c>
      <c r="D91" s="18">
        <v>25</v>
      </c>
    </row>
    <row r="92" spans="1:4" ht="18" customHeight="1" x14ac:dyDescent="0.15">
      <c r="A92" s="5">
        <v>71</v>
      </c>
      <c r="B92" s="22">
        <v>14</v>
      </c>
      <c r="C92" s="14">
        <v>24</v>
      </c>
      <c r="D92" s="18">
        <v>38</v>
      </c>
    </row>
    <row r="93" spans="1:4" ht="18" customHeight="1" x14ac:dyDescent="0.15">
      <c r="A93" s="5">
        <v>72</v>
      </c>
      <c r="B93" s="22">
        <v>14</v>
      </c>
      <c r="C93" s="14">
        <v>20</v>
      </c>
      <c r="D93" s="18">
        <v>34</v>
      </c>
    </row>
    <row r="94" spans="1:4" ht="18" customHeight="1" x14ac:dyDescent="0.15">
      <c r="A94" s="5">
        <v>73</v>
      </c>
      <c r="B94" s="22">
        <v>17</v>
      </c>
      <c r="C94" s="14">
        <v>28</v>
      </c>
      <c r="D94" s="18">
        <v>45</v>
      </c>
    </row>
    <row r="95" spans="1:4" ht="18" customHeight="1" x14ac:dyDescent="0.15">
      <c r="A95" s="5">
        <v>74</v>
      </c>
      <c r="B95" s="22">
        <v>16</v>
      </c>
      <c r="C95" s="14">
        <v>27</v>
      </c>
      <c r="D95" s="18">
        <v>43</v>
      </c>
    </row>
    <row r="96" spans="1:4" ht="18" customHeight="1" x14ac:dyDescent="0.15">
      <c r="A96" s="5" t="s">
        <v>33</v>
      </c>
      <c r="B96" s="22">
        <v>69</v>
      </c>
      <c r="C96" s="14">
        <v>116</v>
      </c>
      <c r="D96" s="18">
        <v>185</v>
      </c>
    </row>
    <row r="97" spans="1:4" ht="18" customHeight="1" x14ac:dyDescent="0.15">
      <c r="A97" s="5">
        <v>75</v>
      </c>
      <c r="B97" s="22">
        <v>14</v>
      </c>
      <c r="C97" s="14">
        <v>21</v>
      </c>
      <c r="D97" s="18">
        <v>35</v>
      </c>
    </row>
    <row r="98" spans="1:4" ht="18" customHeight="1" x14ac:dyDescent="0.15">
      <c r="A98" s="5">
        <v>76</v>
      </c>
      <c r="B98" s="22">
        <v>14</v>
      </c>
      <c r="C98" s="14">
        <v>25</v>
      </c>
      <c r="D98" s="18">
        <v>39</v>
      </c>
    </row>
    <row r="99" spans="1:4" ht="18" customHeight="1" x14ac:dyDescent="0.15">
      <c r="A99" s="5">
        <v>77</v>
      </c>
      <c r="B99" s="22">
        <v>30</v>
      </c>
      <c r="C99" s="14">
        <v>31</v>
      </c>
      <c r="D99" s="18">
        <v>61</v>
      </c>
    </row>
    <row r="100" spans="1:4" ht="18" customHeight="1" x14ac:dyDescent="0.15">
      <c r="A100" s="5">
        <v>78</v>
      </c>
      <c r="B100" s="22">
        <v>17</v>
      </c>
      <c r="C100" s="14">
        <v>32</v>
      </c>
      <c r="D100" s="18">
        <v>49</v>
      </c>
    </row>
    <row r="101" spans="1:4" ht="18" customHeight="1" x14ac:dyDescent="0.15">
      <c r="A101" s="5">
        <v>79</v>
      </c>
      <c r="B101" s="22">
        <v>17</v>
      </c>
      <c r="C101" s="14">
        <v>23</v>
      </c>
      <c r="D101" s="18">
        <v>40</v>
      </c>
    </row>
    <row r="102" spans="1:4" ht="18" customHeight="1" x14ac:dyDescent="0.15">
      <c r="A102" s="5" t="s">
        <v>0</v>
      </c>
      <c r="B102" s="22">
        <v>92</v>
      </c>
      <c r="C102" s="14">
        <v>132</v>
      </c>
      <c r="D102" s="18">
        <v>224</v>
      </c>
    </row>
    <row r="103" spans="1:4" ht="18" customHeight="1" x14ac:dyDescent="0.15">
      <c r="A103" s="5">
        <v>80</v>
      </c>
      <c r="B103" s="22">
        <v>14</v>
      </c>
      <c r="C103" s="14">
        <v>10</v>
      </c>
      <c r="D103" s="18">
        <v>24</v>
      </c>
    </row>
    <row r="104" spans="1:4" ht="18" customHeight="1" x14ac:dyDescent="0.15">
      <c r="A104" s="5">
        <v>81</v>
      </c>
      <c r="B104" s="22">
        <v>13</v>
      </c>
      <c r="C104" s="14">
        <v>9</v>
      </c>
      <c r="D104" s="18">
        <v>22</v>
      </c>
    </row>
    <row r="105" spans="1:4" ht="18" customHeight="1" x14ac:dyDescent="0.15">
      <c r="A105" s="5">
        <v>82</v>
      </c>
      <c r="B105" s="22">
        <v>16</v>
      </c>
      <c r="C105" s="14">
        <v>20</v>
      </c>
      <c r="D105" s="18">
        <v>36</v>
      </c>
    </row>
    <row r="106" spans="1:4" ht="18" customHeight="1" x14ac:dyDescent="0.15">
      <c r="A106" s="5">
        <v>83</v>
      </c>
      <c r="B106" s="22">
        <v>7</v>
      </c>
      <c r="C106" s="14">
        <v>18</v>
      </c>
      <c r="D106" s="18">
        <v>25</v>
      </c>
    </row>
    <row r="107" spans="1:4" ht="18" customHeight="1" x14ac:dyDescent="0.15">
      <c r="A107" s="5">
        <v>84</v>
      </c>
      <c r="B107" s="22">
        <v>14</v>
      </c>
      <c r="C107" s="14">
        <v>10</v>
      </c>
      <c r="D107" s="18">
        <v>24</v>
      </c>
    </row>
    <row r="108" spans="1:4" ht="18" customHeight="1" x14ac:dyDescent="0.15">
      <c r="A108" s="5" t="s">
        <v>35</v>
      </c>
      <c r="B108" s="22">
        <v>64</v>
      </c>
      <c r="C108" s="14">
        <v>67</v>
      </c>
      <c r="D108" s="18">
        <v>131</v>
      </c>
    </row>
    <row r="109" spans="1:4" ht="18" customHeight="1" x14ac:dyDescent="0.15">
      <c r="A109" s="5">
        <v>85</v>
      </c>
      <c r="B109" s="22">
        <v>11</v>
      </c>
      <c r="C109" s="14">
        <v>13</v>
      </c>
      <c r="D109" s="18">
        <v>24</v>
      </c>
    </row>
    <row r="110" spans="1:4" ht="18" customHeight="1" x14ac:dyDescent="0.15">
      <c r="A110" s="5">
        <v>86</v>
      </c>
      <c r="B110" s="22">
        <v>5</v>
      </c>
      <c r="C110" s="14">
        <v>15</v>
      </c>
      <c r="D110" s="18">
        <v>20</v>
      </c>
    </row>
    <row r="111" spans="1:4" ht="18" customHeight="1" x14ac:dyDescent="0.15">
      <c r="A111" s="5">
        <v>87</v>
      </c>
      <c r="B111" s="22">
        <v>4</v>
      </c>
      <c r="C111" s="14">
        <v>10</v>
      </c>
      <c r="D111" s="18">
        <v>14</v>
      </c>
    </row>
    <row r="112" spans="1:4" ht="18" customHeight="1" x14ac:dyDescent="0.15">
      <c r="A112" s="5">
        <v>88</v>
      </c>
      <c r="B112" s="22">
        <v>6</v>
      </c>
      <c r="C112" s="14">
        <v>10</v>
      </c>
      <c r="D112" s="18">
        <v>16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32</v>
      </c>
      <c r="C114" s="14">
        <v>60</v>
      </c>
      <c r="D114" s="18">
        <v>92</v>
      </c>
    </row>
    <row r="115" spans="1:4" ht="18" customHeight="1" x14ac:dyDescent="0.15">
      <c r="A115" s="5">
        <v>90</v>
      </c>
      <c r="B115" s="22">
        <v>5</v>
      </c>
      <c r="C115" s="14">
        <v>10</v>
      </c>
      <c r="D115" s="18">
        <v>15</v>
      </c>
    </row>
    <row r="116" spans="1:4" ht="18" customHeight="1" x14ac:dyDescent="0.15">
      <c r="A116" s="5">
        <v>91</v>
      </c>
      <c r="B116" s="22">
        <v>4</v>
      </c>
      <c r="C116" s="14">
        <v>9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4</v>
      </c>
      <c r="C118" s="14">
        <v>9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16</v>
      </c>
      <c r="C120" s="14">
        <v>44</v>
      </c>
      <c r="D120" s="18">
        <v>60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9</v>
      </c>
      <c r="D126" s="18">
        <v>20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358</v>
      </c>
      <c r="C130" s="14">
        <v>532</v>
      </c>
      <c r="D130" s="18">
        <v>890</v>
      </c>
    </row>
    <row r="131" spans="1:4" ht="18" customHeight="1" x14ac:dyDescent="0.15">
      <c r="A131" s="7" t="s">
        <v>45</v>
      </c>
      <c r="B131" s="23">
        <v>1361</v>
      </c>
      <c r="C131" s="15">
        <v>1496</v>
      </c>
      <c r="D131" s="19">
        <v>28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15</v>
      </c>
      <c r="D5" s="17">
        <v>26</v>
      </c>
    </row>
    <row r="6" spans="1:4" ht="18" customHeight="1" x14ac:dyDescent="0.15">
      <c r="A6" s="5">
        <v>1</v>
      </c>
      <c r="B6" s="22">
        <v>5</v>
      </c>
      <c r="C6" s="14">
        <v>10</v>
      </c>
      <c r="D6" s="18">
        <v>15</v>
      </c>
    </row>
    <row r="7" spans="1:4" ht="18" customHeight="1" x14ac:dyDescent="0.15">
      <c r="A7" s="5">
        <v>2</v>
      </c>
      <c r="B7" s="22">
        <v>16</v>
      </c>
      <c r="C7" s="14">
        <v>10</v>
      </c>
      <c r="D7" s="18">
        <v>26</v>
      </c>
    </row>
    <row r="8" spans="1:4" ht="18" customHeight="1" x14ac:dyDescent="0.15">
      <c r="A8" s="5">
        <v>3</v>
      </c>
      <c r="B8" s="22">
        <v>11</v>
      </c>
      <c r="C8" s="14">
        <v>13</v>
      </c>
      <c r="D8" s="18">
        <v>24</v>
      </c>
    </row>
    <row r="9" spans="1:4" ht="18" customHeight="1" x14ac:dyDescent="0.15">
      <c r="A9" s="5">
        <v>4</v>
      </c>
      <c r="B9" s="22">
        <v>12</v>
      </c>
      <c r="C9" s="14">
        <v>16</v>
      </c>
      <c r="D9" s="18">
        <v>28</v>
      </c>
    </row>
    <row r="10" spans="1:4" ht="18" customHeight="1" x14ac:dyDescent="0.15">
      <c r="A10" s="5" t="s">
        <v>7</v>
      </c>
      <c r="B10" s="22">
        <v>55</v>
      </c>
      <c r="C10" s="14">
        <v>64</v>
      </c>
      <c r="D10" s="18">
        <v>119</v>
      </c>
    </row>
    <row r="11" spans="1:4" ht="18" customHeight="1" x14ac:dyDescent="0.15">
      <c r="A11" s="5">
        <v>5</v>
      </c>
      <c r="B11" s="22">
        <v>7</v>
      </c>
      <c r="C11" s="14">
        <v>14</v>
      </c>
      <c r="D11" s="18">
        <v>21</v>
      </c>
    </row>
    <row r="12" spans="1:4" ht="18" customHeight="1" x14ac:dyDescent="0.15">
      <c r="A12" s="5">
        <v>6</v>
      </c>
      <c r="B12" s="22">
        <v>10</v>
      </c>
      <c r="C12" s="14">
        <v>15</v>
      </c>
      <c r="D12" s="18">
        <v>25</v>
      </c>
    </row>
    <row r="13" spans="1:4" ht="18" customHeight="1" x14ac:dyDescent="0.15">
      <c r="A13" s="5">
        <v>7</v>
      </c>
      <c r="B13" s="22">
        <v>15</v>
      </c>
      <c r="C13" s="14">
        <v>13</v>
      </c>
      <c r="D13" s="18">
        <v>28</v>
      </c>
    </row>
    <row r="14" spans="1:4" ht="18" customHeight="1" x14ac:dyDescent="0.15">
      <c r="A14" s="5">
        <v>8</v>
      </c>
      <c r="B14" s="22">
        <v>11</v>
      </c>
      <c r="C14" s="14">
        <v>17</v>
      </c>
      <c r="D14" s="18">
        <v>28</v>
      </c>
    </row>
    <row r="15" spans="1:4" ht="18" customHeight="1" x14ac:dyDescent="0.15">
      <c r="A15" s="5">
        <v>9</v>
      </c>
      <c r="B15" s="22">
        <v>17</v>
      </c>
      <c r="C15" s="14">
        <v>14</v>
      </c>
      <c r="D15" s="18">
        <v>31</v>
      </c>
    </row>
    <row r="16" spans="1:4" ht="18" customHeight="1" x14ac:dyDescent="0.15">
      <c r="A16" s="5" t="s">
        <v>11</v>
      </c>
      <c r="B16" s="22">
        <v>60</v>
      </c>
      <c r="C16" s="14">
        <v>73</v>
      </c>
      <c r="D16" s="18">
        <v>133</v>
      </c>
    </row>
    <row r="17" spans="1:4" ht="18" customHeight="1" x14ac:dyDescent="0.15">
      <c r="A17" s="5">
        <v>10</v>
      </c>
      <c r="B17" s="22">
        <v>12</v>
      </c>
      <c r="C17" s="14">
        <v>6</v>
      </c>
      <c r="D17" s="18">
        <v>18</v>
      </c>
    </row>
    <row r="18" spans="1:4" ht="18" customHeight="1" x14ac:dyDescent="0.15">
      <c r="A18" s="5">
        <v>11</v>
      </c>
      <c r="B18" s="22">
        <v>12</v>
      </c>
      <c r="C18" s="14">
        <v>15</v>
      </c>
      <c r="D18" s="18">
        <v>27</v>
      </c>
    </row>
    <row r="19" spans="1:4" ht="18" customHeight="1" x14ac:dyDescent="0.15">
      <c r="A19" s="5">
        <v>12</v>
      </c>
      <c r="B19" s="22">
        <v>10</v>
      </c>
      <c r="C19" s="14">
        <v>15</v>
      </c>
      <c r="D19" s="18">
        <v>25</v>
      </c>
    </row>
    <row r="20" spans="1:4" ht="18" customHeight="1" x14ac:dyDescent="0.15">
      <c r="A20" s="5">
        <v>13</v>
      </c>
      <c r="B20" s="22">
        <v>19</v>
      </c>
      <c r="C20" s="14">
        <v>15</v>
      </c>
      <c r="D20" s="18">
        <v>34</v>
      </c>
    </row>
    <row r="21" spans="1:4" ht="18" customHeight="1" x14ac:dyDescent="0.15">
      <c r="A21" s="5">
        <v>14</v>
      </c>
      <c r="B21" s="22">
        <v>15</v>
      </c>
      <c r="C21" s="14">
        <v>15</v>
      </c>
      <c r="D21" s="18">
        <v>30</v>
      </c>
    </row>
    <row r="22" spans="1:4" ht="18" customHeight="1" x14ac:dyDescent="0.15">
      <c r="A22" s="5" t="s">
        <v>12</v>
      </c>
      <c r="B22" s="22">
        <v>68</v>
      </c>
      <c r="C22" s="14">
        <v>66</v>
      </c>
      <c r="D22" s="18">
        <v>134</v>
      </c>
    </row>
    <row r="23" spans="1:4" ht="18" customHeight="1" x14ac:dyDescent="0.15">
      <c r="A23" s="5" t="s">
        <v>6</v>
      </c>
      <c r="B23" s="22">
        <v>183</v>
      </c>
      <c r="C23" s="14">
        <v>203</v>
      </c>
      <c r="D23" s="18">
        <v>386</v>
      </c>
    </row>
    <row r="24" spans="1:4" ht="18" customHeight="1" x14ac:dyDescent="0.15">
      <c r="A24" s="5">
        <v>15</v>
      </c>
      <c r="B24" s="22">
        <v>18</v>
      </c>
      <c r="C24" s="14">
        <v>15</v>
      </c>
      <c r="D24" s="18">
        <v>33</v>
      </c>
    </row>
    <row r="25" spans="1:4" ht="18" customHeight="1" x14ac:dyDescent="0.15">
      <c r="A25" s="5">
        <v>16</v>
      </c>
      <c r="B25" s="22">
        <v>15</v>
      </c>
      <c r="C25" s="14">
        <v>13</v>
      </c>
      <c r="D25" s="18">
        <v>28</v>
      </c>
    </row>
    <row r="26" spans="1:4" ht="18" customHeight="1" x14ac:dyDescent="0.15">
      <c r="A26" s="5">
        <v>17</v>
      </c>
      <c r="B26" s="22">
        <v>13</v>
      </c>
      <c r="C26" s="14">
        <v>9</v>
      </c>
      <c r="D26" s="18">
        <v>22</v>
      </c>
    </row>
    <row r="27" spans="1:4" ht="18" customHeight="1" x14ac:dyDescent="0.15">
      <c r="A27" s="5">
        <v>18</v>
      </c>
      <c r="B27" s="22">
        <v>12</v>
      </c>
      <c r="C27" s="14">
        <v>18</v>
      </c>
      <c r="D27" s="18">
        <v>30</v>
      </c>
    </row>
    <row r="28" spans="1:4" ht="18" customHeight="1" x14ac:dyDescent="0.15">
      <c r="A28" s="5">
        <v>19</v>
      </c>
      <c r="B28" s="22">
        <v>13</v>
      </c>
      <c r="C28" s="14">
        <v>21</v>
      </c>
      <c r="D28" s="18">
        <v>34</v>
      </c>
    </row>
    <row r="29" spans="1:4" ht="18" customHeight="1" x14ac:dyDescent="0.15">
      <c r="A29" s="5" t="s">
        <v>14</v>
      </c>
      <c r="B29" s="22">
        <v>71</v>
      </c>
      <c r="C29" s="14">
        <v>76</v>
      </c>
      <c r="D29" s="18">
        <v>147</v>
      </c>
    </row>
    <row r="30" spans="1:4" ht="18" customHeight="1" x14ac:dyDescent="0.15">
      <c r="A30" s="5">
        <v>20</v>
      </c>
      <c r="B30" s="22">
        <v>16</v>
      </c>
      <c r="C30" s="14">
        <v>8</v>
      </c>
      <c r="D30" s="18">
        <v>24</v>
      </c>
    </row>
    <row r="31" spans="1:4" ht="18" customHeight="1" x14ac:dyDescent="0.15">
      <c r="A31" s="5">
        <v>21</v>
      </c>
      <c r="B31" s="22">
        <v>9</v>
      </c>
      <c r="C31" s="14">
        <v>17</v>
      </c>
      <c r="D31" s="18">
        <v>26</v>
      </c>
    </row>
    <row r="32" spans="1:4" ht="18" customHeight="1" x14ac:dyDescent="0.15">
      <c r="A32" s="5">
        <v>22</v>
      </c>
      <c r="B32" s="22">
        <v>19</v>
      </c>
      <c r="C32" s="14">
        <v>20</v>
      </c>
      <c r="D32" s="18">
        <v>39</v>
      </c>
    </row>
    <row r="33" spans="1:4" ht="18" customHeight="1" x14ac:dyDescent="0.15">
      <c r="A33" s="5">
        <v>23</v>
      </c>
      <c r="B33" s="22">
        <v>16</v>
      </c>
      <c r="C33" s="14">
        <v>15</v>
      </c>
      <c r="D33" s="18">
        <v>31</v>
      </c>
    </row>
    <row r="34" spans="1:4" ht="18" customHeight="1" x14ac:dyDescent="0.15">
      <c r="A34" s="5">
        <v>24</v>
      </c>
      <c r="B34" s="22">
        <v>20</v>
      </c>
      <c r="C34" s="14">
        <v>15</v>
      </c>
      <c r="D34" s="18">
        <v>35</v>
      </c>
    </row>
    <row r="35" spans="1:4" ht="18" customHeight="1" x14ac:dyDescent="0.15">
      <c r="A35" s="5" t="s">
        <v>9</v>
      </c>
      <c r="B35" s="22">
        <v>80</v>
      </c>
      <c r="C35" s="14">
        <v>75</v>
      </c>
      <c r="D35" s="18">
        <v>155</v>
      </c>
    </row>
    <row r="36" spans="1:4" ht="18" customHeight="1" x14ac:dyDescent="0.15">
      <c r="A36" s="5">
        <v>25</v>
      </c>
      <c r="B36" s="22">
        <v>18</v>
      </c>
      <c r="C36" s="14">
        <v>14</v>
      </c>
      <c r="D36" s="18">
        <v>32</v>
      </c>
    </row>
    <row r="37" spans="1:4" ht="18" customHeight="1" x14ac:dyDescent="0.15">
      <c r="A37" s="5">
        <v>26</v>
      </c>
      <c r="B37" s="22">
        <v>20</v>
      </c>
      <c r="C37" s="14">
        <v>24</v>
      </c>
      <c r="D37" s="18">
        <v>44</v>
      </c>
    </row>
    <row r="38" spans="1:4" ht="18" customHeight="1" x14ac:dyDescent="0.15">
      <c r="A38" s="5">
        <v>27</v>
      </c>
      <c r="B38" s="22">
        <v>24</v>
      </c>
      <c r="C38" s="14">
        <v>17</v>
      </c>
      <c r="D38" s="18">
        <v>41</v>
      </c>
    </row>
    <row r="39" spans="1:4" ht="18" customHeight="1" x14ac:dyDescent="0.15">
      <c r="A39" s="5">
        <v>28</v>
      </c>
      <c r="B39" s="22">
        <v>26</v>
      </c>
      <c r="C39" s="14">
        <v>17</v>
      </c>
      <c r="D39" s="18">
        <v>43</v>
      </c>
    </row>
    <row r="40" spans="1:4" ht="18" customHeight="1" x14ac:dyDescent="0.15">
      <c r="A40" s="5">
        <v>29</v>
      </c>
      <c r="B40" s="22">
        <v>17</v>
      </c>
      <c r="C40" s="14">
        <v>23</v>
      </c>
      <c r="D40" s="18">
        <v>40</v>
      </c>
    </row>
    <row r="41" spans="1:4" ht="18" customHeight="1" x14ac:dyDescent="0.15">
      <c r="A41" s="5" t="s">
        <v>2</v>
      </c>
      <c r="B41" s="22">
        <v>105</v>
      </c>
      <c r="C41" s="14">
        <v>95</v>
      </c>
      <c r="D41" s="18">
        <v>200</v>
      </c>
    </row>
    <row r="42" spans="1:4" ht="18" customHeight="1" x14ac:dyDescent="0.15">
      <c r="A42" s="5">
        <v>30</v>
      </c>
      <c r="B42" s="22">
        <v>21</v>
      </c>
      <c r="C42" s="14">
        <v>16</v>
      </c>
      <c r="D42" s="18">
        <v>37</v>
      </c>
    </row>
    <row r="43" spans="1:4" ht="18" customHeight="1" x14ac:dyDescent="0.15">
      <c r="A43" s="5">
        <v>31</v>
      </c>
      <c r="B43" s="22">
        <v>19</v>
      </c>
      <c r="C43" s="14">
        <v>30</v>
      </c>
      <c r="D43" s="18">
        <v>49</v>
      </c>
    </row>
    <row r="44" spans="1:4" ht="18" customHeight="1" x14ac:dyDescent="0.15">
      <c r="A44" s="5">
        <v>32</v>
      </c>
      <c r="B44" s="22">
        <v>18</v>
      </c>
      <c r="C44" s="14">
        <v>18</v>
      </c>
      <c r="D44" s="18">
        <v>36</v>
      </c>
    </row>
    <row r="45" spans="1:4" ht="18" customHeight="1" x14ac:dyDescent="0.15">
      <c r="A45" s="5">
        <v>33</v>
      </c>
      <c r="B45" s="22">
        <v>17</v>
      </c>
      <c r="C45" s="14">
        <v>22</v>
      </c>
      <c r="D45" s="18">
        <v>39</v>
      </c>
    </row>
    <row r="46" spans="1:4" ht="18" customHeight="1" x14ac:dyDescent="0.15">
      <c r="A46" s="5">
        <v>34</v>
      </c>
      <c r="B46" s="22">
        <v>19</v>
      </c>
      <c r="C46" s="14">
        <v>14</v>
      </c>
      <c r="D46" s="18">
        <v>33</v>
      </c>
    </row>
    <row r="47" spans="1:4" ht="18" customHeight="1" x14ac:dyDescent="0.15">
      <c r="A47" s="5" t="s">
        <v>15</v>
      </c>
      <c r="B47" s="22">
        <v>94</v>
      </c>
      <c r="C47" s="14">
        <v>100</v>
      </c>
      <c r="D47" s="18">
        <v>194</v>
      </c>
    </row>
    <row r="48" spans="1:4" ht="18" customHeight="1" x14ac:dyDescent="0.15">
      <c r="A48" s="5">
        <v>35</v>
      </c>
      <c r="B48" s="22">
        <v>17</v>
      </c>
      <c r="C48" s="14">
        <v>17</v>
      </c>
      <c r="D48" s="18">
        <v>34</v>
      </c>
    </row>
    <row r="49" spans="1:4" ht="18" customHeight="1" x14ac:dyDescent="0.15">
      <c r="A49" s="5">
        <v>36</v>
      </c>
      <c r="B49" s="22">
        <v>27</v>
      </c>
      <c r="C49" s="14">
        <v>15</v>
      </c>
      <c r="D49" s="18">
        <v>42</v>
      </c>
    </row>
    <row r="50" spans="1:4" ht="18" customHeight="1" x14ac:dyDescent="0.15">
      <c r="A50" s="5">
        <v>37</v>
      </c>
      <c r="B50" s="22">
        <v>19</v>
      </c>
      <c r="C50" s="14">
        <v>15</v>
      </c>
      <c r="D50" s="18">
        <v>34</v>
      </c>
    </row>
    <row r="51" spans="1:4" ht="18" customHeight="1" x14ac:dyDescent="0.15">
      <c r="A51" s="5">
        <v>38</v>
      </c>
      <c r="B51" s="22">
        <v>20</v>
      </c>
      <c r="C51" s="14">
        <v>14</v>
      </c>
      <c r="D51" s="18">
        <v>34</v>
      </c>
    </row>
    <row r="52" spans="1:4" ht="18" customHeight="1" x14ac:dyDescent="0.15">
      <c r="A52" s="5">
        <v>39</v>
      </c>
      <c r="B52" s="22">
        <v>24</v>
      </c>
      <c r="C52" s="14">
        <v>25</v>
      </c>
      <c r="D52" s="18">
        <v>49</v>
      </c>
    </row>
    <row r="53" spans="1:4" ht="18" customHeight="1" x14ac:dyDescent="0.15">
      <c r="A53" s="5" t="s">
        <v>18</v>
      </c>
      <c r="B53" s="22">
        <v>107</v>
      </c>
      <c r="C53" s="14">
        <v>86</v>
      </c>
      <c r="D53" s="18">
        <v>193</v>
      </c>
    </row>
    <row r="54" spans="1:4" ht="18" customHeight="1" x14ac:dyDescent="0.15">
      <c r="A54" s="5">
        <v>40</v>
      </c>
      <c r="B54" s="22">
        <v>27</v>
      </c>
      <c r="C54" s="14">
        <v>19</v>
      </c>
      <c r="D54" s="18">
        <v>46</v>
      </c>
    </row>
    <row r="55" spans="1:4" ht="18" customHeight="1" x14ac:dyDescent="0.15">
      <c r="A55" s="5">
        <v>41</v>
      </c>
      <c r="B55" s="22">
        <v>17</v>
      </c>
      <c r="C55" s="14">
        <v>23</v>
      </c>
      <c r="D55" s="18">
        <v>40</v>
      </c>
    </row>
    <row r="56" spans="1:4" ht="18" customHeight="1" x14ac:dyDescent="0.15">
      <c r="A56" s="5">
        <v>42</v>
      </c>
      <c r="B56" s="22">
        <v>17</v>
      </c>
      <c r="C56" s="14">
        <v>25</v>
      </c>
      <c r="D56" s="18">
        <v>42</v>
      </c>
    </row>
    <row r="57" spans="1:4" ht="18" customHeight="1" x14ac:dyDescent="0.15">
      <c r="A57" s="5">
        <v>43</v>
      </c>
      <c r="B57" s="22">
        <v>21</v>
      </c>
      <c r="C57" s="14">
        <v>23</v>
      </c>
      <c r="D57" s="18">
        <v>44</v>
      </c>
    </row>
    <row r="58" spans="1:4" ht="18" customHeight="1" x14ac:dyDescent="0.15">
      <c r="A58" s="5">
        <v>44</v>
      </c>
      <c r="B58" s="22">
        <v>16</v>
      </c>
      <c r="C58" s="14">
        <v>17</v>
      </c>
      <c r="D58" s="18">
        <v>33</v>
      </c>
    </row>
    <row r="59" spans="1:4" ht="18" customHeight="1" x14ac:dyDescent="0.15">
      <c r="A59" s="5" t="s">
        <v>21</v>
      </c>
      <c r="B59" s="22">
        <v>98</v>
      </c>
      <c r="C59" s="14">
        <v>107</v>
      </c>
      <c r="D59" s="18">
        <v>205</v>
      </c>
    </row>
    <row r="60" spans="1:4" ht="18" customHeight="1" x14ac:dyDescent="0.15">
      <c r="A60" s="5">
        <v>45</v>
      </c>
      <c r="B60" s="22">
        <v>18</v>
      </c>
      <c r="C60" s="14">
        <v>21</v>
      </c>
      <c r="D60" s="18">
        <v>39</v>
      </c>
    </row>
    <row r="61" spans="1:4" ht="18" customHeight="1" x14ac:dyDescent="0.15">
      <c r="A61" s="5">
        <v>46</v>
      </c>
      <c r="B61" s="22">
        <v>20</v>
      </c>
      <c r="C61" s="14">
        <v>29</v>
      </c>
      <c r="D61" s="18">
        <v>49</v>
      </c>
    </row>
    <row r="62" spans="1:4" ht="18" customHeight="1" x14ac:dyDescent="0.15">
      <c r="A62" s="5">
        <v>47</v>
      </c>
      <c r="B62" s="22">
        <v>23</v>
      </c>
      <c r="C62" s="14">
        <v>26</v>
      </c>
      <c r="D62" s="18">
        <v>49</v>
      </c>
    </row>
    <row r="63" spans="1:4" ht="18" customHeight="1" x14ac:dyDescent="0.15">
      <c r="A63" s="5">
        <v>48</v>
      </c>
      <c r="B63" s="22">
        <v>28</v>
      </c>
      <c r="C63" s="14">
        <v>21</v>
      </c>
      <c r="D63" s="18">
        <v>49</v>
      </c>
    </row>
    <row r="64" spans="1:4" ht="18" customHeight="1" x14ac:dyDescent="0.15">
      <c r="A64" s="5">
        <v>49</v>
      </c>
      <c r="B64" s="22">
        <v>31</v>
      </c>
      <c r="C64" s="14">
        <v>21</v>
      </c>
      <c r="D64" s="18">
        <v>52</v>
      </c>
    </row>
    <row r="65" spans="1:4" ht="18" customHeight="1" x14ac:dyDescent="0.15">
      <c r="A65" s="5" t="s">
        <v>17</v>
      </c>
      <c r="B65" s="22">
        <v>120</v>
      </c>
      <c r="C65" s="14">
        <v>118</v>
      </c>
      <c r="D65" s="18">
        <v>238</v>
      </c>
    </row>
    <row r="66" spans="1:4" ht="18" customHeight="1" x14ac:dyDescent="0.15">
      <c r="A66" s="5">
        <v>50</v>
      </c>
      <c r="B66" s="22">
        <v>31</v>
      </c>
      <c r="C66" s="14">
        <v>30</v>
      </c>
      <c r="D66" s="18">
        <v>61</v>
      </c>
    </row>
    <row r="67" spans="1:4" ht="18" customHeight="1" x14ac:dyDescent="0.15">
      <c r="A67" s="5">
        <v>51</v>
      </c>
      <c r="B67" s="22">
        <v>38</v>
      </c>
      <c r="C67" s="14">
        <v>25</v>
      </c>
      <c r="D67" s="18">
        <v>63</v>
      </c>
    </row>
    <row r="68" spans="1:4" ht="18" customHeight="1" x14ac:dyDescent="0.15">
      <c r="A68" s="5">
        <v>52</v>
      </c>
      <c r="B68" s="22">
        <v>36</v>
      </c>
      <c r="C68" s="14">
        <v>32</v>
      </c>
      <c r="D68" s="18">
        <v>68</v>
      </c>
    </row>
    <row r="69" spans="1:4" ht="18" customHeight="1" x14ac:dyDescent="0.15">
      <c r="A69" s="5">
        <v>53</v>
      </c>
      <c r="B69" s="22">
        <v>33</v>
      </c>
      <c r="C69" s="14">
        <v>27</v>
      </c>
      <c r="D69" s="18">
        <v>60</v>
      </c>
    </row>
    <row r="70" spans="1:4" ht="18" customHeight="1" x14ac:dyDescent="0.15">
      <c r="A70" s="5">
        <v>54</v>
      </c>
      <c r="B70" s="22">
        <v>36</v>
      </c>
      <c r="C70" s="14">
        <v>27</v>
      </c>
      <c r="D70" s="18">
        <v>63</v>
      </c>
    </row>
    <row r="71" spans="1:4" ht="18" customHeight="1" x14ac:dyDescent="0.15">
      <c r="A71" s="5" t="s">
        <v>22</v>
      </c>
      <c r="B71" s="22">
        <v>174</v>
      </c>
      <c r="C71" s="14">
        <v>141</v>
      </c>
      <c r="D71" s="18">
        <v>315</v>
      </c>
    </row>
    <row r="72" spans="1:4" ht="18" customHeight="1" x14ac:dyDescent="0.15">
      <c r="A72" s="5">
        <v>55</v>
      </c>
      <c r="B72" s="22">
        <v>24</v>
      </c>
      <c r="C72" s="14">
        <v>22</v>
      </c>
      <c r="D72" s="18">
        <v>46</v>
      </c>
    </row>
    <row r="73" spans="1:4" ht="18" customHeight="1" x14ac:dyDescent="0.15">
      <c r="A73" s="5">
        <v>56</v>
      </c>
      <c r="B73" s="22">
        <v>28</v>
      </c>
      <c r="C73" s="14">
        <v>29</v>
      </c>
      <c r="D73" s="18">
        <v>57</v>
      </c>
    </row>
    <row r="74" spans="1:4" ht="18" customHeight="1" x14ac:dyDescent="0.15">
      <c r="A74" s="5">
        <v>57</v>
      </c>
      <c r="B74" s="22">
        <v>27</v>
      </c>
      <c r="C74" s="14">
        <v>26</v>
      </c>
      <c r="D74" s="18">
        <v>53</v>
      </c>
    </row>
    <row r="75" spans="1:4" ht="18" customHeight="1" x14ac:dyDescent="0.15">
      <c r="A75" s="5">
        <v>58</v>
      </c>
      <c r="B75" s="22">
        <v>34</v>
      </c>
      <c r="C75" s="14">
        <v>33</v>
      </c>
      <c r="D75" s="18">
        <v>67</v>
      </c>
    </row>
    <row r="76" spans="1:4" ht="18" customHeight="1" x14ac:dyDescent="0.15">
      <c r="A76" s="5">
        <v>59</v>
      </c>
      <c r="B76" s="22">
        <v>26</v>
      </c>
      <c r="C76" s="14">
        <v>25</v>
      </c>
      <c r="D76" s="18">
        <v>51</v>
      </c>
    </row>
    <row r="77" spans="1:4" ht="18" customHeight="1" x14ac:dyDescent="0.15">
      <c r="A77" s="5" t="s">
        <v>27</v>
      </c>
      <c r="B77" s="22">
        <v>139</v>
      </c>
      <c r="C77" s="14">
        <v>135</v>
      </c>
      <c r="D77" s="18">
        <v>274</v>
      </c>
    </row>
    <row r="78" spans="1:4" ht="18" customHeight="1" x14ac:dyDescent="0.15">
      <c r="A78" s="5">
        <v>60</v>
      </c>
      <c r="B78" s="22">
        <v>22</v>
      </c>
      <c r="C78" s="14">
        <v>23</v>
      </c>
      <c r="D78" s="18">
        <v>45</v>
      </c>
    </row>
    <row r="79" spans="1:4" ht="18" customHeight="1" x14ac:dyDescent="0.15">
      <c r="A79" s="5">
        <v>61</v>
      </c>
      <c r="B79" s="22">
        <v>33</v>
      </c>
      <c r="C79" s="14">
        <v>27</v>
      </c>
      <c r="D79" s="18">
        <v>60</v>
      </c>
    </row>
    <row r="80" spans="1:4" ht="18" customHeight="1" x14ac:dyDescent="0.15">
      <c r="A80" s="5">
        <v>62</v>
      </c>
      <c r="B80" s="22">
        <v>35</v>
      </c>
      <c r="C80" s="14">
        <v>28</v>
      </c>
      <c r="D80" s="18">
        <v>63</v>
      </c>
    </row>
    <row r="81" spans="1:4" ht="18" customHeight="1" x14ac:dyDescent="0.15">
      <c r="A81" s="5">
        <v>63</v>
      </c>
      <c r="B81" s="22">
        <v>21</v>
      </c>
      <c r="C81" s="14">
        <v>22</v>
      </c>
      <c r="D81" s="18">
        <v>43</v>
      </c>
    </row>
    <row r="82" spans="1:4" ht="18" customHeight="1" x14ac:dyDescent="0.15">
      <c r="A82" s="5">
        <v>64</v>
      </c>
      <c r="B82" s="22">
        <v>24</v>
      </c>
      <c r="C82" s="14">
        <v>25</v>
      </c>
      <c r="D82" s="18">
        <v>49</v>
      </c>
    </row>
    <row r="83" spans="1:4" ht="18" customHeight="1" x14ac:dyDescent="0.15">
      <c r="A83" s="5" t="s">
        <v>28</v>
      </c>
      <c r="B83" s="22">
        <v>135</v>
      </c>
      <c r="C83" s="14">
        <v>125</v>
      </c>
      <c r="D83" s="18">
        <v>260</v>
      </c>
    </row>
    <row r="84" spans="1:4" ht="18" customHeight="1" x14ac:dyDescent="0.15">
      <c r="A84" s="5" t="s">
        <v>31</v>
      </c>
      <c r="B84" s="22">
        <v>1123</v>
      </c>
      <c r="C84" s="14">
        <v>1058</v>
      </c>
      <c r="D84" s="18">
        <v>2181</v>
      </c>
    </row>
    <row r="85" spans="1:4" ht="18" customHeight="1" x14ac:dyDescent="0.15">
      <c r="A85" s="5">
        <v>65</v>
      </c>
      <c r="B85" s="22">
        <v>24</v>
      </c>
      <c r="C85" s="14">
        <v>20</v>
      </c>
      <c r="D85" s="18">
        <v>44</v>
      </c>
    </row>
    <row r="86" spans="1:4" ht="18" customHeight="1" x14ac:dyDescent="0.15">
      <c r="A86" s="5">
        <v>66</v>
      </c>
      <c r="B86" s="22">
        <v>26</v>
      </c>
      <c r="C86" s="14">
        <v>29</v>
      </c>
      <c r="D86" s="18">
        <v>55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18</v>
      </c>
      <c r="C88" s="14">
        <v>19</v>
      </c>
      <c r="D88" s="18">
        <v>37</v>
      </c>
    </row>
    <row r="89" spans="1:4" ht="18" customHeight="1" x14ac:dyDescent="0.15">
      <c r="A89" s="5">
        <v>69</v>
      </c>
      <c r="B89" s="22">
        <v>17</v>
      </c>
      <c r="C89" s="14">
        <v>29</v>
      </c>
      <c r="D89" s="18">
        <v>46</v>
      </c>
    </row>
    <row r="90" spans="1:4" ht="18" customHeight="1" x14ac:dyDescent="0.15">
      <c r="A90" s="5" t="s">
        <v>20</v>
      </c>
      <c r="B90" s="22">
        <v>106</v>
      </c>
      <c r="C90" s="14">
        <v>123</v>
      </c>
      <c r="D90" s="18">
        <v>229</v>
      </c>
    </row>
    <row r="91" spans="1:4" ht="18" customHeight="1" x14ac:dyDescent="0.15">
      <c r="A91" s="5">
        <v>70</v>
      </c>
      <c r="B91" s="22">
        <v>26</v>
      </c>
      <c r="C91" s="14">
        <v>19</v>
      </c>
      <c r="D91" s="18">
        <v>45</v>
      </c>
    </row>
    <row r="92" spans="1:4" ht="18" customHeight="1" x14ac:dyDescent="0.15">
      <c r="A92" s="5">
        <v>71</v>
      </c>
      <c r="B92" s="22">
        <v>24</v>
      </c>
      <c r="C92" s="14">
        <v>22</v>
      </c>
      <c r="D92" s="18">
        <v>46</v>
      </c>
    </row>
    <row r="93" spans="1:4" ht="18" customHeight="1" x14ac:dyDescent="0.15">
      <c r="A93" s="5">
        <v>72</v>
      </c>
      <c r="B93" s="22">
        <v>21</v>
      </c>
      <c r="C93" s="14">
        <v>30</v>
      </c>
      <c r="D93" s="18">
        <v>51</v>
      </c>
    </row>
    <row r="94" spans="1:4" ht="18" customHeight="1" x14ac:dyDescent="0.15">
      <c r="A94" s="5">
        <v>73</v>
      </c>
      <c r="B94" s="22">
        <v>28</v>
      </c>
      <c r="C94" s="14">
        <v>31</v>
      </c>
      <c r="D94" s="18">
        <v>59</v>
      </c>
    </row>
    <row r="95" spans="1:4" ht="18" customHeight="1" x14ac:dyDescent="0.15">
      <c r="A95" s="5">
        <v>74</v>
      </c>
      <c r="B95" s="22">
        <v>35</v>
      </c>
      <c r="C95" s="14">
        <v>36</v>
      </c>
      <c r="D95" s="18">
        <v>71</v>
      </c>
    </row>
    <row r="96" spans="1:4" ht="18" customHeight="1" x14ac:dyDescent="0.15">
      <c r="A96" s="5" t="s">
        <v>33</v>
      </c>
      <c r="B96" s="22">
        <v>134</v>
      </c>
      <c r="C96" s="14">
        <v>138</v>
      </c>
      <c r="D96" s="18">
        <v>272</v>
      </c>
    </row>
    <row r="97" spans="1:4" ht="18" customHeight="1" x14ac:dyDescent="0.15">
      <c r="A97" s="5">
        <v>75</v>
      </c>
      <c r="B97" s="22">
        <v>26</v>
      </c>
      <c r="C97" s="14">
        <v>33</v>
      </c>
      <c r="D97" s="18">
        <v>59</v>
      </c>
    </row>
    <row r="98" spans="1:4" ht="18" customHeight="1" x14ac:dyDescent="0.15">
      <c r="A98" s="5">
        <v>76</v>
      </c>
      <c r="B98" s="22">
        <v>26</v>
      </c>
      <c r="C98" s="14">
        <v>31</v>
      </c>
      <c r="D98" s="18">
        <v>57</v>
      </c>
    </row>
    <row r="99" spans="1:4" ht="18" customHeight="1" x14ac:dyDescent="0.15">
      <c r="A99" s="5">
        <v>77</v>
      </c>
      <c r="B99" s="22">
        <v>41</v>
      </c>
      <c r="C99" s="14">
        <v>42</v>
      </c>
      <c r="D99" s="18">
        <v>83</v>
      </c>
    </row>
    <row r="100" spans="1:4" ht="18" customHeight="1" x14ac:dyDescent="0.15">
      <c r="A100" s="5">
        <v>78</v>
      </c>
      <c r="B100" s="22">
        <v>32</v>
      </c>
      <c r="C100" s="14">
        <v>53</v>
      </c>
      <c r="D100" s="18">
        <v>85</v>
      </c>
    </row>
    <row r="101" spans="1:4" ht="18" customHeight="1" x14ac:dyDescent="0.15">
      <c r="A101" s="5">
        <v>79</v>
      </c>
      <c r="B101" s="22">
        <v>29</v>
      </c>
      <c r="C101" s="14">
        <v>34</v>
      </c>
      <c r="D101" s="18">
        <v>63</v>
      </c>
    </row>
    <row r="102" spans="1:4" ht="18" customHeight="1" x14ac:dyDescent="0.15">
      <c r="A102" s="5" t="s">
        <v>0</v>
      </c>
      <c r="B102" s="22">
        <v>154</v>
      </c>
      <c r="C102" s="14">
        <v>193</v>
      </c>
      <c r="D102" s="18">
        <v>347</v>
      </c>
    </row>
    <row r="103" spans="1:4" ht="18" customHeight="1" x14ac:dyDescent="0.15">
      <c r="A103" s="5">
        <v>80</v>
      </c>
      <c r="B103" s="22">
        <v>7</v>
      </c>
      <c r="C103" s="14">
        <v>21</v>
      </c>
      <c r="D103" s="18">
        <v>28</v>
      </c>
    </row>
    <row r="104" spans="1:4" ht="18" customHeight="1" x14ac:dyDescent="0.15">
      <c r="A104" s="5">
        <v>81</v>
      </c>
      <c r="B104" s="22">
        <v>16</v>
      </c>
      <c r="C104" s="14">
        <v>27</v>
      </c>
      <c r="D104" s="18">
        <v>43</v>
      </c>
    </row>
    <row r="105" spans="1:4" ht="18" customHeight="1" x14ac:dyDescent="0.15">
      <c r="A105" s="5">
        <v>82</v>
      </c>
      <c r="B105" s="22">
        <v>10</v>
      </c>
      <c r="C105" s="14">
        <v>31</v>
      </c>
      <c r="D105" s="18">
        <v>41</v>
      </c>
    </row>
    <row r="106" spans="1:4" ht="18" customHeight="1" x14ac:dyDescent="0.15">
      <c r="A106" s="5">
        <v>83</v>
      </c>
      <c r="B106" s="22">
        <v>19</v>
      </c>
      <c r="C106" s="14">
        <v>25</v>
      </c>
      <c r="D106" s="18">
        <v>44</v>
      </c>
    </row>
    <row r="107" spans="1:4" ht="18" customHeight="1" x14ac:dyDescent="0.15">
      <c r="A107" s="5">
        <v>84</v>
      </c>
      <c r="B107" s="22">
        <v>31</v>
      </c>
      <c r="C107" s="14">
        <v>29</v>
      </c>
      <c r="D107" s="18">
        <v>60</v>
      </c>
    </row>
    <row r="108" spans="1:4" ht="18" customHeight="1" x14ac:dyDescent="0.15">
      <c r="A108" s="5" t="s">
        <v>35</v>
      </c>
      <c r="B108" s="22">
        <v>83</v>
      </c>
      <c r="C108" s="14">
        <v>133</v>
      </c>
      <c r="D108" s="18">
        <v>216</v>
      </c>
    </row>
    <row r="109" spans="1:4" ht="18" customHeight="1" x14ac:dyDescent="0.15">
      <c r="A109" s="5">
        <v>85</v>
      </c>
      <c r="B109" s="22">
        <v>16</v>
      </c>
      <c r="C109" s="14">
        <v>20</v>
      </c>
      <c r="D109" s="18">
        <v>36</v>
      </c>
    </row>
    <row r="110" spans="1:4" ht="18" customHeight="1" x14ac:dyDescent="0.15">
      <c r="A110" s="5">
        <v>86</v>
      </c>
      <c r="B110" s="22">
        <v>8</v>
      </c>
      <c r="C110" s="14">
        <v>19</v>
      </c>
      <c r="D110" s="18">
        <v>27</v>
      </c>
    </row>
    <row r="111" spans="1:4" ht="18" customHeight="1" x14ac:dyDescent="0.15">
      <c r="A111" s="5">
        <v>87</v>
      </c>
      <c r="B111" s="22">
        <v>5</v>
      </c>
      <c r="C111" s="14">
        <v>14</v>
      </c>
      <c r="D111" s="18">
        <v>19</v>
      </c>
    </row>
    <row r="112" spans="1:4" ht="18" customHeight="1" x14ac:dyDescent="0.15">
      <c r="A112" s="5">
        <v>88</v>
      </c>
      <c r="B112" s="22">
        <v>13</v>
      </c>
      <c r="C112" s="14">
        <v>12</v>
      </c>
      <c r="D112" s="18">
        <v>25</v>
      </c>
    </row>
    <row r="113" spans="1:4" ht="18" customHeight="1" x14ac:dyDescent="0.15">
      <c r="A113" s="5">
        <v>89</v>
      </c>
      <c r="B113" s="22">
        <v>10</v>
      </c>
      <c r="C113" s="14">
        <v>13</v>
      </c>
      <c r="D113" s="18">
        <v>23</v>
      </c>
    </row>
    <row r="114" spans="1:4" ht="18" customHeight="1" x14ac:dyDescent="0.15">
      <c r="A114" s="5" t="s">
        <v>37</v>
      </c>
      <c r="B114" s="22">
        <v>52</v>
      </c>
      <c r="C114" s="14">
        <v>78</v>
      </c>
      <c r="D114" s="18">
        <v>130</v>
      </c>
    </row>
    <row r="115" spans="1:4" ht="18" customHeight="1" x14ac:dyDescent="0.15">
      <c r="A115" s="5">
        <v>90</v>
      </c>
      <c r="B115" s="22">
        <v>4</v>
      </c>
      <c r="C115" s="14">
        <v>10</v>
      </c>
      <c r="D115" s="18">
        <v>14</v>
      </c>
    </row>
    <row r="116" spans="1:4" ht="18" customHeight="1" x14ac:dyDescent="0.15">
      <c r="A116" s="5">
        <v>91</v>
      </c>
      <c r="B116" s="22">
        <v>7</v>
      </c>
      <c r="C116" s="14">
        <v>5</v>
      </c>
      <c r="D116" s="18">
        <v>12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1</v>
      </c>
      <c r="C119" s="14">
        <v>9</v>
      </c>
      <c r="D119" s="18">
        <v>10</v>
      </c>
    </row>
    <row r="120" spans="1:4" ht="18" customHeight="1" x14ac:dyDescent="0.15">
      <c r="A120" s="5" t="s">
        <v>39</v>
      </c>
      <c r="B120" s="22">
        <v>19</v>
      </c>
      <c r="C120" s="14">
        <v>46</v>
      </c>
      <c r="D120" s="18">
        <v>65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6</v>
      </c>
      <c r="D126" s="18">
        <v>20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52</v>
      </c>
      <c r="C130" s="14">
        <v>730</v>
      </c>
      <c r="D130" s="18">
        <v>1282</v>
      </c>
    </row>
    <row r="131" spans="1:4" ht="18" customHeight="1" x14ac:dyDescent="0.15">
      <c r="A131" s="7" t="s">
        <v>45</v>
      </c>
      <c r="B131" s="23">
        <v>1858</v>
      </c>
      <c r="C131" s="15">
        <v>1991</v>
      </c>
      <c r="D131" s="19">
        <v>38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5</v>
      </c>
      <c r="D5" s="17">
        <v>11</v>
      </c>
    </row>
    <row r="6" spans="1:4" ht="18" customHeight="1" x14ac:dyDescent="0.15">
      <c r="A6" s="5">
        <v>1</v>
      </c>
      <c r="B6" s="22">
        <v>6</v>
      </c>
      <c r="C6" s="14">
        <v>4</v>
      </c>
      <c r="D6" s="18">
        <v>10</v>
      </c>
    </row>
    <row r="7" spans="1:4" ht="18" customHeight="1" x14ac:dyDescent="0.15">
      <c r="A7" s="5">
        <v>2</v>
      </c>
      <c r="B7" s="22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2">
        <v>6</v>
      </c>
      <c r="C8" s="14">
        <v>6</v>
      </c>
      <c r="D8" s="18">
        <v>12</v>
      </c>
    </row>
    <row r="9" spans="1:4" ht="18" customHeight="1" x14ac:dyDescent="0.15">
      <c r="A9" s="5">
        <v>4</v>
      </c>
      <c r="B9" s="22">
        <v>2</v>
      </c>
      <c r="C9" s="14">
        <v>6</v>
      </c>
      <c r="D9" s="18">
        <v>8</v>
      </c>
    </row>
    <row r="10" spans="1:4" ht="18" customHeight="1" x14ac:dyDescent="0.15">
      <c r="A10" s="5" t="s">
        <v>7</v>
      </c>
      <c r="B10" s="22">
        <v>23</v>
      </c>
      <c r="C10" s="14">
        <v>23</v>
      </c>
      <c r="D10" s="18">
        <v>46</v>
      </c>
    </row>
    <row r="11" spans="1:4" ht="18" customHeight="1" x14ac:dyDescent="0.15">
      <c r="A11" s="5">
        <v>5</v>
      </c>
      <c r="B11" s="22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2">
        <v>4</v>
      </c>
      <c r="C12" s="14">
        <v>5</v>
      </c>
      <c r="D12" s="18">
        <v>9</v>
      </c>
    </row>
    <row r="13" spans="1:4" ht="18" customHeight="1" x14ac:dyDescent="0.15">
      <c r="A13" s="5">
        <v>7</v>
      </c>
      <c r="B13" s="22">
        <v>11</v>
      </c>
      <c r="C13" s="14">
        <v>6</v>
      </c>
      <c r="D13" s="18">
        <v>17</v>
      </c>
    </row>
    <row r="14" spans="1:4" ht="18" customHeight="1" x14ac:dyDescent="0.15">
      <c r="A14" s="5">
        <v>8</v>
      </c>
      <c r="B14" s="22">
        <v>4</v>
      </c>
      <c r="C14" s="14">
        <v>4</v>
      </c>
      <c r="D14" s="18">
        <v>8</v>
      </c>
    </row>
    <row r="15" spans="1:4" ht="18" customHeight="1" x14ac:dyDescent="0.15">
      <c r="A15" s="5">
        <v>9</v>
      </c>
      <c r="B15" s="22">
        <v>6</v>
      </c>
      <c r="C15" s="14">
        <v>5</v>
      </c>
      <c r="D15" s="18">
        <v>11</v>
      </c>
    </row>
    <row r="16" spans="1:4" ht="18" customHeight="1" x14ac:dyDescent="0.15">
      <c r="A16" s="5" t="s">
        <v>11</v>
      </c>
      <c r="B16" s="22">
        <v>29</v>
      </c>
      <c r="C16" s="14">
        <v>26</v>
      </c>
      <c r="D16" s="18">
        <v>55</v>
      </c>
    </row>
    <row r="17" spans="1:4" ht="18" customHeight="1" x14ac:dyDescent="0.15">
      <c r="A17" s="5">
        <v>10</v>
      </c>
      <c r="B17" s="22">
        <v>3</v>
      </c>
      <c r="C17" s="14">
        <v>7</v>
      </c>
      <c r="D17" s="18">
        <v>10</v>
      </c>
    </row>
    <row r="18" spans="1:4" ht="18" customHeight="1" x14ac:dyDescent="0.15">
      <c r="A18" s="5">
        <v>11</v>
      </c>
      <c r="B18" s="22">
        <v>9</v>
      </c>
      <c r="C18" s="14">
        <v>4</v>
      </c>
      <c r="D18" s="18">
        <v>13</v>
      </c>
    </row>
    <row r="19" spans="1:4" ht="18" customHeight="1" x14ac:dyDescent="0.15">
      <c r="A19" s="5">
        <v>12</v>
      </c>
      <c r="B19" s="22">
        <v>5</v>
      </c>
      <c r="C19" s="14">
        <v>7</v>
      </c>
      <c r="D19" s="18">
        <v>12</v>
      </c>
    </row>
    <row r="20" spans="1:4" ht="18" customHeight="1" x14ac:dyDescent="0.15">
      <c r="A20" s="5">
        <v>13</v>
      </c>
      <c r="B20" s="22">
        <v>8</v>
      </c>
      <c r="C20" s="14">
        <v>7</v>
      </c>
      <c r="D20" s="18">
        <v>15</v>
      </c>
    </row>
    <row r="21" spans="1:4" ht="18" customHeight="1" x14ac:dyDescent="0.15">
      <c r="A21" s="5">
        <v>14</v>
      </c>
      <c r="B21" s="22">
        <v>8</v>
      </c>
      <c r="C21" s="14">
        <v>7</v>
      </c>
      <c r="D21" s="18">
        <v>15</v>
      </c>
    </row>
    <row r="22" spans="1:4" ht="18" customHeight="1" x14ac:dyDescent="0.15">
      <c r="A22" s="5" t="s">
        <v>12</v>
      </c>
      <c r="B22" s="22">
        <v>33</v>
      </c>
      <c r="C22" s="14">
        <v>32</v>
      </c>
      <c r="D22" s="18">
        <v>65</v>
      </c>
    </row>
    <row r="23" spans="1:4" ht="18" customHeight="1" x14ac:dyDescent="0.15">
      <c r="A23" s="5" t="s">
        <v>6</v>
      </c>
      <c r="B23" s="22">
        <v>85</v>
      </c>
      <c r="C23" s="14">
        <v>81</v>
      </c>
      <c r="D23" s="18">
        <v>166</v>
      </c>
    </row>
    <row r="24" spans="1:4" ht="18" customHeight="1" x14ac:dyDescent="0.15">
      <c r="A24" s="5">
        <v>15</v>
      </c>
      <c r="B24" s="22">
        <v>8</v>
      </c>
      <c r="C24" s="14">
        <v>4</v>
      </c>
      <c r="D24" s="18">
        <v>12</v>
      </c>
    </row>
    <row r="25" spans="1:4" ht="18" customHeight="1" x14ac:dyDescent="0.15">
      <c r="A25" s="5">
        <v>16</v>
      </c>
      <c r="B25" s="22">
        <v>8</v>
      </c>
      <c r="C25" s="14">
        <v>14</v>
      </c>
      <c r="D25" s="18">
        <v>22</v>
      </c>
    </row>
    <row r="26" spans="1:4" ht="18" customHeight="1" x14ac:dyDescent="0.15">
      <c r="A26" s="5">
        <v>17</v>
      </c>
      <c r="B26" s="22">
        <v>3</v>
      </c>
      <c r="C26" s="14">
        <v>3</v>
      </c>
      <c r="D26" s="18">
        <v>6</v>
      </c>
    </row>
    <row r="27" spans="1:4" ht="18" customHeight="1" x14ac:dyDescent="0.15">
      <c r="A27" s="5">
        <v>18</v>
      </c>
      <c r="B27" s="22">
        <v>10</v>
      </c>
      <c r="C27" s="14">
        <v>8</v>
      </c>
      <c r="D27" s="18">
        <v>18</v>
      </c>
    </row>
    <row r="28" spans="1:4" ht="18" customHeight="1" x14ac:dyDescent="0.15">
      <c r="A28" s="5">
        <v>19</v>
      </c>
      <c r="B28" s="22">
        <v>3</v>
      </c>
      <c r="C28" s="14">
        <v>6</v>
      </c>
      <c r="D28" s="18">
        <v>9</v>
      </c>
    </row>
    <row r="29" spans="1:4" ht="18" customHeight="1" x14ac:dyDescent="0.15">
      <c r="A29" s="5" t="s">
        <v>14</v>
      </c>
      <c r="B29" s="22">
        <v>32</v>
      </c>
      <c r="C29" s="14">
        <v>35</v>
      </c>
      <c r="D29" s="18">
        <v>67</v>
      </c>
    </row>
    <row r="30" spans="1:4" ht="18" customHeight="1" x14ac:dyDescent="0.15">
      <c r="A30" s="5">
        <v>20</v>
      </c>
      <c r="B30" s="22">
        <v>7</v>
      </c>
      <c r="C30" s="14">
        <v>3</v>
      </c>
      <c r="D30" s="18">
        <v>10</v>
      </c>
    </row>
    <row r="31" spans="1:4" ht="18" customHeight="1" x14ac:dyDescent="0.15">
      <c r="A31" s="5">
        <v>21</v>
      </c>
      <c r="B31" s="22">
        <v>8</v>
      </c>
      <c r="C31" s="14">
        <v>5</v>
      </c>
      <c r="D31" s="18">
        <v>13</v>
      </c>
    </row>
    <row r="32" spans="1:4" ht="18" customHeight="1" x14ac:dyDescent="0.15">
      <c r="A32" s="5">
        <v>22</v>
      </c>
      <c r="B32" s="22">
        <v>12</v>
      </c>
      <c r="C32" s="14">
        <v>10</v>
      </c>
      <c r="D32" s="18">
        <v>22</v>
      </c>
    </row>
    <row r="33" spans="1:4" ht="18" customHeight="1" x14ac:dyDescent="0.15">
      <c r="A33" s="5">
        <v>23</v>
      </c>
      <c r="B33" s="22">
        <v>9</v>
      </c>
      <c r="C33" s="14">
        <v>4</v>
      </c>
      <c r="D33" s="18">
        <v>13</v>
      </c>
    </row>
    <row r="34" spans="1:4" ht="18" customHeight="1" x14ac:dyDescent="0.15">
      <c r="A34" s="5">
        <v>24</v>
      </c>
      <c r="B34" s="22">
        <v>8</v>
      </c>
      <c r="C34" s="14">
        <v>4</v>
      </c>
      <c r="D34" s="18">
        <v>12</v>
      </c>
    </row>
    <row r="35" spans="1:4" ht="18" customHeight="1" x14ac:dyDescent="0.15">
      <c r="A35" s="5" t="s">
        <v>9</v>
      </c>
      <c r="B35" s="22">
        <v>44</v>
      </c>
      <c r="C35" s="14">
        <v>26</v>
      </c>
      <c r="D35" s="18">
        <v>70</v>
      </c>
    </row>
    <row r="36" spans="1:4" ht="18" customHeight="1" x14ac:dyDescent="0.15">
      <c r="A36" s="5">
        <v>25</v>
      </c>
      <c r="B36" s="22">
        <v>5</v>
      </c>
      <c r="C36" s="14">
        <v>8</v>
      </c>
      <c r="D36" s="18">
        <v>13</v>
      </c>
    </row>
    <row r="37" spans="1:4" ht="18" customHeight="1" x14ac:dyDescent="0.15">
      <c r="A37" s="5">
        <v>26</v>
      </c>
      <c r="B37" s="22">
        <v>9</v>
      </c>
      <c r="C37" s="14">
        <v>4</v>
      </c>
      <c r="D37" s="18">
        <v>13</v>
      </c>
    </row>
    <row r="38" spans="1:4" ht="18" customHeight="1" x14ac:dyDescent="0.15">
      <c r="A38" s="5">
        <v>27</v>
      </c>
      <c r="B38" s="22">
        <v>10</v>
      </c>
      <c r="C38" s="14">
        <v>8</v>
      </c>
      <c r="D38" s="18">
        <v>18</v>
      </c>
    </row>
    <row r="39" spans="1:4" ht="18" customHeight="1" x14ac:dyDescent="0.15">
      <c r="A39" s="5">
        <v>28</v>
      </c>
      <c r="B39" s="22">
        <v>8</v>
      </c>
      <c r="C39" s="14">
        <v>4</v>
      </c>
      <c r="D39" s="18">
        <v>12</v>
      </c>
    </row>
    <row r="40" spans="1:4" ht="18" customHeight="1" x14ac:dyDescent="0.15">
      <c r="A40" s="5">
        <v>29</v>
      </c>
      <c r="B40" s="22">
        <v>9</v>
      </c>
      <c r="C40" s="14">
        <v>3</v>
      </c>
      <c r="D40" s="18">
        <v>12</v>
      </c>
    </row>
    <row r="41" spans="1:4" ht="18" customHeight="1" x14ac:dyDescent="0.15">
      <c r="A41" s="5" t="s">
        <v>2</v>
      </c>
      <c r="B41" s="22">
        <v>41</v>
      </c>
      <c r="C41" s="14">
        <v>27</v>
      </c>
      <c r="D41" s="18">
        <v>68</v>
      </c>
    </row>
    <row r="42" spans="1:4" ht="18" customHeight="1" x14ac:dyDescent="0.15">
      <c r="A42" s="5">
        <v>30</v>
      </c>
      <c r="B42" s="22">
        <v>10</v>
      </c>
      <c r="C42" s="14">
        <v>6</v>
      </c>
      <c r="D42" s="18">
        <v>16</v>
      </c>
    </row>
    <row r="43" spans="1:4" ht="18" customHeight="1" x14ac:dyDescent="0.15">
      <c r="A43" s="5">
        <v>31</v>
      </c>
      <c r="B43" s="22">
        <v>10</v>
      </c>
      <c r="C43" s="14">
        <v>5</v>
      </c>
      <c r="D43" s="18">
        <v>15</v>
      </c>
    </row>
    <row r="44" spans="1:4" ht="18" customHeight="1" x14ac:dyDescent="0.15">
      <c r="A44" s="5">
        <v>32</v>
      </c>
      <c r="B44" s="22">
        <v>4</v>
      </c>
      <c r="C44" s="14">
        <v>9</v>
      </c>
      <c r="D44" s="18">
        <v>13</v>
      </c>
    </row>
    <row r="45" spans="1:4" ht="18" customHeight="1" x14ac:dyDescent="0.15">
      <c r="A45" s="5">
        <v>33</v>
      </c>
      <c r="B45" s="22">
        <v>10</v>
      </c>
      <c r="C45" s="14">
        <v>5</v>
      </c>
      <c r="D45" s="18">
        <v>15</v>
      </c>
    </row>
    <row r="46" spans="1:4" ht="18" customHeight="1" x14ac:dyDescent="0.15">
      <c r="A46" s="5">
        <v>34</v>
      </c>
      <c r="B46" s="22">
        <v>5</v>
      </c>
      <c r="C46" s="14">
        <v>3</v>
      </c>
      <c r="D46" s="18">
        <v>8</v>
      </c>
    </row>
    <row r="47" spans="1:4" ht="18" customHeight="1" x14ac:dyDescent="0.15">
      <c r="A47" s="5" t="s">
        <v>15</v>
      </c>
      <c r="B47" s="22">
        <v>39</v>
      </c>
      <c r="C47" s="14">
        <v>28</v>
      </c>
      <c r="D47" s="18">
        <v>67</v>
      </c>
    </row>
    <row r="48" spans="1:4" ht="18" customHeight="1" x14ac:dyDescent="0.15">
      <c r="A48" s="5">
        <v>35</v>
      </c>
      <c r="B48" s="22">
        <v>11</v>
      </c>
      <c r="C48" s="14">
        <v>3</v>
      </c>
      <c r="D48" s="18">
        <v>14</v>
      </c>
    </row>
    <row r="49" spans="1:4" ht="18" customHeight="1" x14ac:dyDescent="0.15">
      <c r="A49" s="5">
        <v>36</v>
      </c>
      <c r="B49" s="22">
        <v>12</v>
      </c>
      <c r="C49" s="14">
        <v>5</v>
      </c>
      <c r="D49" s="18">
        <v>17</v>
      </c>
    </row>
    <row r="50" spans="1:4" ht="18" customHeight="1" x14ac:dyDescent="0.15">
      <c r="A50" s="5">
        <v>37</v>
      </c>
      <c r="B50" s="22">
        <v>10</v>
      </c>
      <c r="C50" s="14">
        <v>6</v>
      </c>
      <c r="D50" s="18">
        <v>16</v>
      </c>
    </row>
    <row r="51" spans="1:4" ht="18" customHeight="1" x14ac:dyDescent="0.15">
      <c r="A51" s="5">
        <v>38</v>
      </c>
      <c r="B51" s="22">
        <v>8</v>
      </c>
      <c r="C51" s="14">
        <v>7</v>
      </c>
      <c r="D51" s="18">
        <v>15</v>
      </c>
    </row>
    <row r="52" spans="1:4" ht="18" customHeight="1" x14ac:dyDescent="0.15">
      <c r="A52" s="5">
        <v>39</v>
      </c>
      <c r="B52" s="22">
        <v>8</v>
      </c>
      <c r="C52" s="14">
        <v>8</v>
      </c>
      <c r="D52" s="18">
        <v>16</v>
      </c>
    </row>
    <row r="53" spans="1:4" ht="18" customHeight="1" x14ac:dyDescent="0.15">
      <c r="A53" s="5" t="s">
        <v>18</v>
      </c>
      <c r="B53" s="22">
        <v>49</v>
      </c>
      <c r="C53" s="14">
        <v>29</v>
      </c>
      <c r="D53" s="18">
        <v>78</v>
      </c>
    </row>
    <row r="54" spans="1:4" ht="18" customHeight="1" x14ac:dyDescent="0.15">
      <c r="A54" s="5">
        <v>40</v>
      </c>
      <c r="B54" s="22">
        <v>8</v>
      </c>
      <c r="C54" s="14">
        <v>5</v>
      </c>
      <c r="D54" s="18">
        <v>13</v>
      </c>
    </row>
    <row r="55" spans="1:4" ht="18" customHeight="1" x14ac:dyDescent="0.15">
      <c r="A55" s="5">
        <v>41</v>
      </c>
      <c r="B55" s="22">
        <v>15</v>
      </c>
      <c r="C55" s="14">
        <v>7</v>
      </c>
      <c r="D55" s="18">
        <v>22</v>
      </c>
    </row>
    <row r="56" spans="1:4" ht="18" customHeight="1" x14ac:dyDescent="0.15">
      <c r="A56" s="5">
        <v>42</v>
      </c>
      <c r="B56" s="22">
        <v>6</v>
      </c>
      <c r="C56" s="14">
        <v>7</v>
      </c>
      <c r="D56" s="18">
        <v>13</v>
      </c>
    </row>
    <row r="57" spans="1:4" ht="18" customHeight="1" x14ac:dyDescent="0.15">
      <c r="A57" s="5">
        <v>43</v>
      </c>
      <c r="B57" s="22">
        <v>14</v>
      </c>
      <c r="C57" s="14">
        <v>3</v>
      </c>
      <c r="D57" s="18">
        <v>17</v>
      </c>
    </row>
    <row r="58" spans="1:4" ht="18" customHeight="1" x14ac:dyDescent="0.15">
      <c r="A58" s="5">
        <v>44</v>
      </c>
      <c r="B58" s="22">
        <v>10</v>
      </c>
      <c r="C58" s="14">
        <v>12</v>
      </c>
      <c r="D58" s="18">
        <v>22</v>
      </c>
    </row>
    <row r="59" spans="1:4" ht="18" customHeight="1" x14ac:dyDescent="0.15">
      <c r="A59" s="5" t="s">
        <v>21</v>
      </c>
      <c r="B59" s="22">
        <v>53</v>
      </c>
      <c r="C59" s="14">
        <v>34</v>
      </c>
      <c r="D59" s="18">
        <v>87</v>
      </c>
    </row>
    <row r="60" spans="1:4" ht="18" customHeight="1" x14ac:dyDescent="0.15">
      <c r="A60" s="5">
        <v>45</v>
      </c>
      <c r="B60" s="22">
        <v>10</v>
      </c>
      <c r="C60" s="14">
        <v>6</v>
      </c>
      <c r="D60" s="18">
        <v>16</v>
      </c>
    </row>
    <row r="61" spans="1:4" ht="18" customHeight="1" x14ac:dyDescent="0.15">
      <c r="A61" s="5">
        <v>46</v>
      </c>
      <c r="B61" s="22">
        <v>8</v>
      </c>
      <c r="C61" s="14">
        <v>14</v>
      </c>
      <c r="D61" s="18">
        <v>22</v>
      </c>
    </row>
    <row r="62" spans="1:4" ht="18" customHeight="1" x14ac:dyDescent="0.15">
      <c r="A62" s="5">
        <v>47</v>
      </c>
      <c r="B62" s="22">
        <v>6</v>
      </c>
      <c r="C62" s="14">
        <v>9</v>
      </c>
      <c r="D62" s="18">
        <v>15</v>
      </c>
    </row>
    <row r="63" spans="1:4" ht="18" customHeight="1" x14ac:dyDescent="0.15">
      <c r="A63" s="5">
        <v>48</v>
      </c>
      <c r="B63" s="22">
        <v>11</v>
      </c>
      <c r="C63" s="14">
        <v>5</v>
      </c>
      <c r="D63" s="18">
        <v>16</v>
      </c>
    </row>
    <row r="64" spans="1:4" ht="18" customHeight="1" x14ac:dyDescent="0.15">
      <c r="A64" s="5">
        <v>49</v>
      </c>
      <c r="B64" s="22">
        <v>14</v>
      </c>
      <c r="C64" s="14">
        <v>14</v>
      </c>
      <c r="D64" s="18">
        <v>28</v>
      </c>
    </row>
    <row r="65" spans="1:4" ht="18" customHeight="1" x14ac:dyDescent="0.15">
      <c r="A65" s="5" t="s">
        <v>17</v>
      </c>
      <c r="B65" s="22">
        <v>49</v>
      </c>
      <c r="C65" s="14">
        <v>48</v>
      </c>
      <c r="D65" s="18">
        <v>97</v>
      </c>
    </row>
    <row r="66" spans="1:4" ht="18" customHeight="1" x14ac:dyDescent="0.15">
      <c r="A66" s="5">
        <v>50</v>
      </c>
      <c r="B66" s="22">
        <v>14</v>
      </c>
      <c r="C66" s="14">
        <v>12</v>
      </c>
      <c r="D66" s="18">
        <v>26</v>
      </c>
    </row>
    <row r="67" spans="1:4" ht="18" customHeight="1" x14ac:dyDescent="0.15">
      <c r="A67" s="5">
        <v>51</v>
      </c>
      <c r="B67" s="22">
        <v>6</v>
      </c>
      <c r="C67" s="14">
        <v>10</v>
      </c>
      <c r="D67" s="18">
        <v>16</v>
      </c>
    </row>
    <row r="68" spans="1:4" ht="18" customHeight="1" x14ac:dyDescent="0.15">
      <c r="A68" s="5">
        <v>52</v>
      </c>
      <c r="B68" s="22">
        <v>15</v>
      </c>
      <c r="C68" s="14">
        <v>10</v>
      </c>
      <c r="D68" s="18">
        <v>25</v>
      </c>
    </row>
    <row r="69" spans="1:4" ht="18" customHeight="1" x14ac:dyDescent="0.15">
      <c r="A69" s="5">
        <v>53</v>
      </c>
      <c r="B69" s="22">
        <v>9</v>
      </c>
      <c r="C69" s="14">
        <v>16</v>
      </c>
      <c r="D69" s="18">
        <v>25</v>
      </c>
    </row>
    <row r="70" spans="1:4" ht="18" customHeight="1" x14ac:dyDescent="0.15">
      <c r="A70" s="5">
        <v>54</v>
      </c>
      <c r="B70" s="22">
        <v>12</v>
      </c>
      <c r="C70" s="14">
        <v>12</v>
      </c>
      <c r="D70" s="18">
        <v>24</v>
      </c>
    </row>
    <row r="71" spans="1:4" ht="18" customHeight="1" x14ac:dyDescent="0.15">
      <c r="A71" s="5" t="s">
        <v>22</v>
      </c>
      <c r="B71" s="22">
        <v>56</v>
      </c>
      <c r="C71" s="14">
        <v>60</v>
      </c>
      <c r="D71" s="18">
        <v>116</v>
      </c>
    </row>
    <row r="72" spans="1:4" ht="18" customHeight="1" x14ac:dyDescent="0.15">
      <c r="A72" s="5">
        <v>55</v>
      </c>
      <c r="B72" s="22">
        <v>15</v>
      </c>
      <c r="C72" s="14">
        <v>14</v>
      </c>
      <c r="D72" s="18">
        <v>29</v>
      </c>
    </row>
    <row r="73" spans="1:4" ht="18" customHeight="1" x14ac:dyDescent="0.15">
      <c r="A73" s="5">
        <v>56</v>
      </c>
      <c r="B73" s="22">
        <v>11</v>
      </c>
      <c r="C73" s="14">
        <v>7</v>
      </c>
      <c r="D73" s="18">
        <v>18</v>
      </c>
    </row>
    <row r="74" spans="1:4" ht="18" customHeight="1" x14ac:dyDescent="0.15">
      <c r="A74" s="5">
        <v>57</v>
      </c>
      <c r="B74" s="22">
        <v>9</v>
      </c>
      <c r="C74" s="14">
        <v>6</v>
      </c>
      <c r="D74" s="18">
        <v>15</v>
      </c>
    </row>
    <row r="75" spans="1:4" ht="18" customHeight="1" x14ac:dyDescent="0.15">
      <c r="A75" s="5">
        <v>58</v>
      </c>
      <c r="B75" s="22">
        <v>11</v>
      </c>
      <c r="C75" s="14">
        <v>13</v>
      </c>
      <c r="D75" s="18">
        <v>24</v>
      </c>
    </row>
    <row r="76" spans="1:4" ht="18" customHeight="1" x14ac:dyDescent="0.15">
      <c r="A76" s="5">
        <v>59</v>
      </c>
      <c r="B76" s="22">
        <v>10</v>
      </c>
      <c r="C76" s="14">
        <v>10</v>
      </c>
      <c r="D76" s="18">
        <v>20</v>
      </c>
    </row>
    <row r="77" spans="1:4" ht="18" customHeight="1" x14ac:dyDescent="0.15">
      <c r="A77" s="5" t="s">
        <v>27</v>
      </c>
      <c r="B77" s="22">
        <v>56</v>
      </c>
      <c r="C77" s="14">
        <v>50</v>
      </c>
      <c r="D77" s="18">
        <v>106</v>
      </c>
    </row>
    <row r="78" spans="1:4" ht="18" customHeight="1" x14ac:dyDescent="0.15">
      <c r="A78" s="5">
        <v>60</v>
      </c>
      <c r="B78" s="22">
        <v>7</v>
      </c>
      <c r="C78" s="14">
        <v>5</v>
      </c>
      <c r="D78" s="18">
        <v>12</v>
      </c>
    </row>
    <row r="79" spans="1:4" ht="18" customHeight="1" x14ac:dyDescent="0.15">
      <c r="A79" s="5">
        <v>61</v>
      </c>
      <c r="B79" s="22">
        <v>13</v>
      </c>
      <c r="C79" s="14">
        <v>11</v>
      </c>
      <c r="D79" s="18">
        <v>24</v>
      </c>
    </row>
    <row r="80" spans="1:4" ht="18" customHeight="1" x14ac:dyDescent="0.15">
      <c r="A80" s="5">
        <v>62</v>
      </c>
      <c r="B80" s="22">
        <v>9</v>
      </c>
      <c r="C80" s="14">
        <v>11</v>
      </c>
      <c r="D80" s="18">
        <v>20</v>
      </c>
    </row>
    <row r="81" spans="1:4" ht="18" customHeight="1" x14ac:dyDescent="0.15">
      <c r="A81" s="5">
        <v>63</v>
      </c>
      <c r="B81" s="22">
        <v>14</v>
      </c>
      <c r="C81" s="14">
        <v>15</v>
      </c>
      <c r="D81" s="18">
        <v>29</v>
      </c>
    </row>
    <row r="82" spans="1:4" ht="18" customHeight="1" x14ac:dyDescent="0.15">
      <c r="A82" s="5">
        <v>64</v>
      </c>
      <c r="B82" s="22">
        <v>5</v>
      </c>
      <c r="C82" s="14">
        <v>6</v>
      </c>
      <c r="D82" s="18">
        <v>11</v>
      </c>
    </row>
    <row r="83" spans="1:4" ht="18" customHeight="1" x14ac:dyDescent="0.15">
      <c r="A83" s="5" t="s">
        <v>28</v>
      </c>
      <c r="B83" s="22">
        <v>48</v>
      </c>
      <c r="C83" s="14">
        <v>48</v>
      </c>
      <c r="D83" s="18">
        <v>96</v>
      </c>
    </row>
    <row r="84" spans="1:4" ht="18" customHeight="1" x14ac:dyDescent="0.15">
      <c r="A84" s="5" t="s">
        <v>31</v>
      </c>
      <c r="B84" s="22">
        <v>467</v>
      </c>
      <c r="C84" s="14">
        <v>385</v>
      </c>
      <c r="D84" s="18">
        <v>852</v>
      </c>
    </row>
    <row r="85" spans="1:4" ht="18" customHeight="1" x14ac:dyDescent="0.15">
      <c r="A85" s="5">
        <v>65</v>
      </c>
      <c r="B85" s="22">
        <v>11</v>
      </c>
      <c r="C85" s="14">
        <v>4</v>
      </c>
      <c r="D85" s="18">
        <v>15</v>
      </c>
    </row>
    <row r="86" spans="1:4" ht="18" customHeight="1" x14ac:dyDescent="0.15">
      <c r="A86" s="5">
        <v>66</v>
      </c>
      <c r="B86" s="22">
        <v>10</v>
      </c>
      <c r="C86" s="14">
        <v>17</v>
      </c>
      <c r="D86" s="18">
        <v>27</v>
      </c>
    </row>
    <row r="87" spans="1:4" ht="18" customHeight="1" x14ac:dyDescent="0.15">
      <c r="A87" s="5">
        <v>67</v>
      </c>
      <c r="B87" s="22">
        <v>13</v>
      </c>
      <c r="C87" s="14">
        <v>9</v>
      </c>
      <c r="D87" s="18">
        <v>22</v>
      </c>
    </row>
    <row r="88" spans="1:4" ht="18" customHeight="1" x14ac:dyDescent="0.15">
      <c r="A88" s="5">
        <v>68</v>
      </c>
      <c r="B88" s="22">
        <v>10</v>
      </c>
      <c r="C88" s="14">
        <v>15</v>
      </c>
      <c r="D88" s="18">
        <v>25</v>
      </c>
    </row>
    <row r="89" spans="1:4" ht="18" customHeight="1" x14ac:dyDescent="0.15">
      <c r="A89" s="5">
        <v>69</v>
      </c>
      <c r="B89" s="22">
        <v>9</v>
      </c>
      <c r="C89" s="14">
        <v>11</v>
      </c>
      <c r="D89" s="18">
        <v>20</v>
      </c>
    </row>
    <row r="90" spans="1:4" ht="18" customHeight="1" x14ac:dyDescent="0.15">
      <c r="A90" s="5" t="s">
        <v>20</v>
      </c>
      <c r="B90" s="22">
        <v>53</v>
      </c>
      <c r="C90" s="14">
        <v>56</v>
      </c>
      <c r="D90" s="18">
        <v>109</v>
      </c>
    </row>
    <row r="91" spans="1:4" ht="18" customHeight="1" x14ac:dyDescent="0.15">
      <c r="A91" s="5">
        <v>70</v>
      </c>
      <c r="B91" s="22">
        <v>7</v>
      </c>
      <c r="C91" s="14">
        <v>5</v>
      </c>
      <c r="D91" s="18">
        <v>12</v>
      </c>
    </row>
    <row r="92" spans="1:4" ht="18" customHeight="1" x14ac:dyDescent="0.15">
      <c r="A92" s="5">
        <v>71</v>
      </c>
      <c r="B92" s="22">
        <v>12</v>
      </c>
      <c r="C92" s="14">
        <v>12</v>
      </c>
      <c r="D92" s="18">
        <v>24</v>
      </c>
    </row>
    <row r="93" spans="1:4" ht="18" customHeight="1" x14ac:dyDescent="0.15">
      <c r="A93" s="5">
        <v>72</v>
      </c>
      <c r="B93" s="22">
        <v>5</v>
      </c>
      <c r="C93" s="14">
        <v>10</v>
      </c>
      <c r="D93" s="18">
        <v>15</v>
      </c>
    </row>
    <row r="94" spans="1:4" ht="18" customHeight="1" x14ac:dyDescent="0.15">
      <c r="A94" s="5">
        <v>73</v>
      </c>
      <c r="B94" s="22">
        <v>14</v>
      </c>
      <c r="C94" s="14">
        <v>10</v>
      </c>
      <c r="D94" s="18">
        <v>24</v>
      </c>
    </row>
    <row r="95" spans="1:4" ht="18" customHeight="1" x14ac:dyDescent="0.15">
      <c r="A95" s="5">
        <v>74</v>
      </c>
      <c r="B95" s="22">
        <v>10</v>
      </c>
      <c r="C95" s="14">
        <v>16</v>
      </c>
      <c r="D95" s="18">
        <v>26</v>
      </c>
    </row>
    <row r="96" spans="1:4" ht="18" customHeight="1" x14ac:dyDescent="0.15">
      <c r="A96" s="5" t="s">
        <v>33</v>
      </c>
      <c r="B96" s="22">
        <v>48</v>
      </c>
      <c r="C96" s="14">
        <v>53</v>
      </c>
      <c r="D96" s="18">
        <v>101</v>
      </c>
    </row>
    <row r="97" spans="1:4" ht="18" customHeight="1" x14ac:dyDescent="0.15">
      <c r="A97" s="5">
        <v>75</v>
      </c>
      <c r="B97" s="22">
        <v>8</v>
      </c>
      <c r="C97" s="14">
        <v>13</v>
      </c>
      <c r="D97" s="18">
        <v>21</v>
      </c>
    </row>
    <row r="98" spans="1:4" ht="18" customHeight="1" x14ac:dyDescent="0.15">
      <c r="A98" s="5">
        <v>76</v>
      </c>
      <c r="B98" s="22">
        <v>9</v>
      </c>
      <c r="C98" s="14">
        <v>9</v>
      </c>
      <c r="D98" s="18">
        <v>18</v>
      </c>
    </row>
    <row r="99" spans="1:4" ht="18" customHeight="1" x14ac:dyDescent="0.15">
      <c r="A99" s="5">
        <v>77</v>
      </c>
      <c r="B99" s="22">
        <v>20</v>
      </c>
      <c r="C99" s="14">
        <v>13</v>
      </c>
      <c r="D99" s="18">
        <v>33</v>
      </c>
    </row>
    <row r="100" spans="1:4" ht="18" customHeight="1" x14ac:dyDescent="0.15">
      <c r="A100" s="5">
        <v>78</v>
      </c>
      <c r="B100" s="22">
        <v>12</v>
      </c>
      <c r="C100" s="14">
        <v>18</v>
      </c>
      <c r="D100" s="18">
        <v>30</v>
      </c>
    </row>
    <row r="101" spans="1:4" ht="18" customHeight="1" x14ac:dyDescent="0.15">
      <c r="A101" s="5">
        <v>79</v>
      </c>
      <c r="B101" s="22">
        <v>13</v>
      </c>
      <c r="C101" s="14">
        <v>16</v>
      </c>
      <c r="D101" s="18">
        <v>29</v>
      </c>
    </row>
    <row r="102" spans="1:4" ht="18" customHeight="1" x14ac:dyDescent="0.15">
      <c r="A102" s="5" t="s">
        <v>0</v>
      </c>
      <c r="B102" s="22">
        <v>62</v>
      </c>
      <c r="C102" s="14">
        <v>69</v>
      </c>
      <c r="D102" s="18">
        <v>131</v>
      </c>
    </row>
    <row r="103" spans="1:4" ht="18" customHeight="1" x14ac:dyDescent="0.15">
      <c r="A103" s="5">
        <v>80</v>
      </c>
      <c r="B103" s="22">
        <v>4</v>
      </c>
      <c r="C103" s="14">
        <v>9</v>
      </c>
      <c r="D103" s="18">
        <v>13</v>
      </c>
    </row>
    <row r="104" spans="1:4" ht="18" customHeight="1" x14ac:dyDescent="0.15">
      <c r="A104" s="5">
        <v>81</v>
      </c>
      <c r="B104" s="22">
        <v>9</v>
      </c>
      <c r="C104" s="14">
        <v>7</v>
      </c>
      <c r="D104" s="18">
        <v>16</v>
      </c>
    </row>
    <row r="105" spans="1:4" ht="18" customHeight="1" x14ac:dyDescent="0.15">
      <c r="A105" s="5">
        <v>82</v>
      </c>
      <c r="B105" s="22">
        <v>5</v>
      </c>
      <c r="C105" s="14">
        <v>8</v>
      </c>
      <c r="D105" s="18">
        <v>13</v>
      </c>
    </row>
    <row r="106" spans="1:4" ht="18" customHeight="1" x14ac:dyDescent="0.15">
      <c r="A106" s="5">
        <v>83</v>
      </c>
      <c r="B106" s="22">
        <v>9</v>
      </c>
      <c r="C106" s="14">
        <v>7</v>
      </c>
      <c r="D106" s="18">
        <v>16</v>
      </c>
    </row>
    <row r="107" spans="1:4" ht="18" customHeight="1" x14ac:dyDescent="0.15">
      <c r="A107" s="5">
        <v>84</v>
      </c>
      <c r="B107" s="22">
        <v>10</v>
      </c>
      <c r="C107" s="14">
        <v>14</v>
      </c>
      <c r="D107" s="18">
        <v>24</v>
      </c>
    </row>
    <row r="108" spans="1:4" ht="18" customHeight="1" x14ac:dyDescent="0.15">
      <c r="A108" s="5" t="s">
        <v>35</v>
      </c>
      <c r="B108" s="22">
        <v>37</v>
      </c>
      <c r="C108" s="14">
        <v>45</v>
      </c>
      <c r="D108" s="18">
        <v>82</v>
      </c>
    </row>
    <row r="109" spans="1:4" ht="18" customHeight="1" x14ac:dyDescent="0.15">
      <c r="A109" s="5">
        <v>85</v>
      </c>
      <c r="B109" s="22">
        <v>2</v>
      </c>
      <c r="C109" s="14">
        <v>11</v>
      </c>
      <c r="D109" s="18">
        <v>13</v>
      </c>
    </row>
    <row r="110" spans="1:4" ht="18" customHeight="1" x14ac:dyDescent="0.15">
      <c r="A110" s="5">
        <v>86</v>
      </c>
      <c r="B110" s="22">
        <v>5</v>
      </c>
      <c r="C110" s="14">
        <v>9</v>
      </c>
      <c r="D110" s="18">
        <v>14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4</v>
      </c>
      <c r="C112" s="14">
        <v>10</v>
      </c>
      <c r="D112" s="18">
        <v>14</v>
      </c>
    </row>
    <row r="113" spans="1:4" ht="18" customHeight="1" x14ac:dyDescent="0.15">
      <c r="A113" s="5">
        <v>89</v>
      </c>
      <c r="B113" s="22">
        <v>4</v>
      </c>
      <c r="C113" s="14">
        <v>12</v>
      </c>
      <c r="D113" s="18">
        <v>16</v>
      </c>
    </row>
    <row r="114" spans="1:4" ht="18" customHeight="1" x14ac:dyDescent="0.15">
      <c r="A114" s="5" t="s">
        <v>37</v>
      </c>
      <c r="B114" s="22">
        <v>19</v>
      </c>
      <c r="C114" s="14">
        <v>50</v>
      </c>
      <c r="D114" s="18">
        <v>69</v>
      </c>
    </row>
    <row r="115" spans="1:4" ht="18" customHeight="1" x14ac:dyDescent="0.15">
      <c r="A115" s="5">
        <v>90</v>
      </c>
      <c r="B115" s="22">
        <v>3</v>
      </c>
      <c r="C115" s="14">
        <v>12</v>
      </c>
      <c r="D115" s="18">
        <v>15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5</v>
      </c>
      <c r="C120" s="14">
        <v>26</v>
      </c>
      <c r="D120" s="18">
        <v>31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7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6</v>
      </c>
      <c r="C130" s="14">
        <v>308</v>
      </c>
      <c r="D130" s="18">
        <v>534</v>
      </c>
    </row>
    <row r="131" spans="1:4" ht="18" customHeight="1" x14ac:dyDescent="0.15">
      <c r="A131" s="7" t="s">
        <v>45</v>
      </c>
      <c r="B131" s="23">
        <v>778</v>
      </c>
      <c r="C131" s="15">
        <v>774</v>
      </c>
      <c r="D131" s="19">
        <v>15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0</v>
      </c>
      <c r="D5" s="17">
        <v>1</v>
      </c>
    </row>
    <row r="6" spans="1:4" ht="18" customHeight="1" x14ac:dyDescent="0.15">
      <c r="A6" s="5">
        <v>1</v>
      </c>
      <c r="B6" s="22">
        <v>4</v>
      </c>
      <c r="C6" s="14">
        <v>5</v>
      </c>
      <c r="D6" s="18">
        <v>9</v>
      </c>
    </row>
    <row r="7" spans="1:4" ht="18" customHeight="1" x14ac:dyDescent="0.15">
      <c r="A7" s="5">
        <v>2</v>
      </c>
      <c r="B7" s="22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2">
        <v>2</v>
      </c>
      <c r="C8" s="14">
        <v>0</v>
      </c>
      <c r="D8" s="18">
        <v>2</v>
      </c>
    </row>
    <row r="9" spans="1:4" ht="18" customHeight="1" x14ac:dyDescent="0.15">
      <c r="A9" s="5">
        <v>4</v>
      </c>
      <c r="B9" s="22">
        <v>3</v>
      </c>
      <c r="C9" s="14">
        <v>2</v>
      </c>
      <c r="D9" s="18">
        <v>5</v>
      </c>
    </row>
    <row r="10" spans="1:4" ht="18" customHeight="1" x14ac:dyDescent="0.15">
      <c r="A10" s="5" t="s">
        <v>7</v>
      </c>
      <c r="B10" s="22">
        <v>12</v>
      </c>
      <c r="C10" s="14">
        <v>10</v>
      </c>
      <c r="D10" s="18">
        <v>22</v>
      </c>
    </row>
    <row r="11" spans="1:4" ht="18" customHeight="1" x14ac:dyDescent="0.15">
      <c r="A11" s="5">
        <v>5</v>
      </c>
      <c r="B11" s="22">
        <v>1</v>
      </c>
      <c r="C11" s="14">
        <v>3</v>
      </c>
      <c r="D11" s="18">
        <v>4</v>
      </c>
    </row>
    <row r="12" spans="1:4" ht="18" customHeight="1" x14ac:dyDescent="0.15">
      <c r="A12" s="5">
        <v>6</v>
      </c>
      <c r="B12" s="22">
        <v>4</v>
      </c>
      <c r="C12" s="14">
        <v>5</v>
      </c>
      <c r="D12" s="18">
        <v>9</v>
      </c>
    </row>
    <row r="13" spans="1:4" ht="18" customHeight="1" x14ac:dyDescent="0.15">
      <c r="A13" s="5">
        <v>7</v>
      </c>
      <c r="B13" s="22">
        <v>2</v>
      </c>
      <c r="C13" s="14">
        <v>5</v>
      </c>
      <c r="D13" s="18">
        <v>7</v>
      </c>
    </row>
    <row r="14" spans="1:4" ht="18" customHeight="1" x14ac:dyDescent="0.15">
      <c r="A14" s="5">
        <v>8</v>
      </c>
      <c r="B14" s="22">
        <v>6</v>
      </c>
      <c r="C14" s="14">
        <v>6</v>
      </c>
      <c r="D14" s="18">
        <v>12</v>
      </c>
    </row>
    <row r="15" spans="1:4" ht="18" customHeight="1" x14ac:dyDescent="0.15">
      <c r="A15" s="5">
        <v>9</v>
      </c>
      <c r="B15" s="22">
        <v>3</v>
      </c>
      <c r="C15" s="14">
        <v>1</v>
      </c>
      <c r="D15" s="18">
        <v>4</v>
      </c>
    </row>
    <row r="16" spans="1:4" ht="18" customHeight="1" x14ac:dyDescent="0.15">
      <c r="A16" s="5" t="s">
        <v>11</v>
      </c>
      <c r="B16" s="22">
        <v>16</v>
      </c>
      <c r="C16" s="14">
        <v>20</v>
      </c>
      <c r="D16" s="18">
        <v>36</v>
      </c>
    </row>
    <row r="17" spans="1:4" ht="18" customHeight="1" x14ac:dyDescent="0.15">
      <c r="A17" s="5">
        <v>10</v>
      </c>
      <c r="B17" s="22">
        <v>5</v>
      </c>
      <c r="C17" s="14">
        <v>8</v>
      </c>
      <c r="D17" s="18">
        <v>13</v>
      </c>
    </row>
    <row r="18" spans="1:4" ht="18" customHeight="1" x14ac:dyDescent="0.15">
      <c r="A18" s="5">
        <v>11</v>
      </c>
      <c r="B18" s="22">
        <v>3</v>
      </c>
      <c r="C18" s="14">
        <v>1</v>
      </c>
      <c r="D18" s="18">
        <v>4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4</v>
      </c>
      <c r="C20" s="14">
        <v>4</v>
      </c>
      <c r="D20" s="18">
        <v>8</v>
      </c>
    </row>
    <row r="21" spans="1:4" ht="18" customHeight="1" x14ac:dyDescent="0.15">
      <c r="A21" s="5">
        <v>14</v>
      </c>
      <c r="B21" s="22">
        <v>3</v>
      </c>
      <c r="C21" s="14">
        <v>3</v>
      </c>
      <c r="D21" s="18">
        <v>6</v>
      </c>
    </row>
    <row r="22" spans="1:4" ht="18" customHeight="1" x14ac:dyDescent="0.15">
      <c r="A22" s="5" t="s">
        <v>12</v>
      </c>
      <c r="B22" s="22">
        <v>18</v>
      </c>
      <c r="C22" s="14">
        <v>21</v>
      </c>
      <c r="D22" s="18">
        <v>39</v>
      </c>
    </row>
    <row r="23" spans="1:4" ht="18" customHeight="1" x14ac:dyDescent="0.15">
      <c r="A23" s="5" t="s">
        <v>6</v>
      </c>
      <c r="B23" s="22">
        <v>46</v>
      </c>
      <c r="C23" s="14">
        <v>51</v>
      </c>
      <c r="D23" s="18">
        <v>97</v>
      </c>
    </row>
    <row r="24" spans="1:4" ht="18" customHeight="1" x14ac:dyDescent="0.15">
      <c r="A24" s="5">
        <v>15</v>
      </c>
      <c r="B24" s="22">
        <v>2</v>
      </c>
      <c r="C24" s="14">
        <v>5</v>
      </c>
      <c r="D24" s="18">
        <v>7</v>
      </c>
    </row>
    <row r="25" spans="1:4" ht="18" customHeight="1" x14ac:dyDescent="0.15">
      <c r="A25" s="5">
        <v>16</v>
      </c>
      <c r="B25" s="22">
        <v>3</v>
      </c>
      <c r="C25" s="14">
        <v>3</v>
      </c>
      <c r="D25" s="18">
        <v>6</v>
      </c>
    </row>
    <row r="26" spans="1:4" ht="18" customHeight="1" x14ac:dyDescent="0.15">
      <c r="A26" s="5">
        <v>17</v>
      </c>
      <c r="B26" s="22">
        <v>3</v>
      </c>
      <c r="C26" s="14">
        <v>1</v>
      </c>
      <c r="D26" s="18">
        <v>4</v>
      </c>
    </row>
    <row r="27" spans="1:4" ht="18" customHeight="1" x14ac:dyDescent="0.15">
      <c r="A27" s="5">
        <v>18</v>
      </c>
      <c r="B27" s="22">
        <v>4</v>
      </c>
      <c r="C27" s="14">
        <v>5</v>
      </c>
      <c r="D27" s="18">
        <v>9</v>
      </c>
    </row>
    <row r="28" spans="1:4" ht="18" customHeight="1" x14ac:dyDescent="0.15">
      <c r="A28" s="5">
        <v>19</v>
      </c>
      <c r="B28" s="22">
        <v>12</v>
      </c>
      <c r="C28" s="14">
        <v>19</v>
      </c>
      <c r="D28" s="18">
        <v>31</v>
      </c>
    </row>
    <row r="29" spans="1:4" ht="18" customHeight="1" x14ac:dyDescent="0.15">
      <c r="A29" s="5" t="s">
        <v>14</v>
      </c>
      <c r="B29" s="22">
        <v>24</v>
      </c>
      <c r="C29" s="14">
        <v>33</v>
      </c>
      <c r="D29" s="18">
        <v>57</v>
      </c>
    </row>
    <row r="30" spans="1:4" ht="18" customHeight="1" x14ac:dyDescent="0.15">
      <c r="A30" s="5">
        <v>20</v>
      </c>
      <c r="B30" s="22">
        <v>17</v>
      </c>
      <c r="C30" s="14">
        <v>18</v>
      </c>
      <c r="D30" s="18">
        <v>35</v>
      </c>
    </row>
    <row r="31" spans="1:4" ht="18" customHeight="1" x14ac:dyDescent="0.15">
      <c r="A31" s="5">
        <v>21</v>
      </c>
      <c r="B31" s="22">
        <v>20</v>
      </c>
      <c r="C31" s="14">
        <v>29</v>
      </c>
      <c r="D31" s="18">
        <v>49</v>
      </c>
    </row>
    <row r="32" spans="1:4" ht="18" customHeight="1" x14ac:dyDescent="0.15">
      <c r="A32" s="5">
        <v>22</v>
      </c>
      <c r="B32" s="22">
        <v>28</v>
      </c>
      <c r="C32" s="14">
        <v>22</v>
      </c>
      <c r="D32" s="18">
        <v>50</v>
      </c>
    </row>
    <row r="33" spans="1:4" ht="18" customHeight="1" x14ac:dyDescent="0.15">
      <c r="A33" s="5">
        <v>23</v>
      </c>
      <c r="B33" s="22">
        <v>26</v>
      </c>
      <c r="C33" s="14">
        <v>24</v>
      </c>
      <c r="D33" s="18">
        <v>50</v>
      </c>
    </row>
    <row r="34" spans="1:4" ht="18" customHeight="1" x14ac:dyDescent="0.15">
      <c r="A34" s="5">
        <v>24</v>
      </c>
      <c r="B34" s="22">
        <v>29</v>
      </c>
      <c r="C34" s="14">
        <v>24</v>
      </c>
      <c r="D34" s="18">
        <v>53</v>
      </c>
    </row>
    <row r="35" spans="1:4" ht="18" customHeight="1" x14ac:dyDescent="0.15">
      <c r="A35" s="5" t="s">
        <v>9</v>
      </c>
      <c r="B35" s="22">
        <v>120</v>
      </c>
      <c r="C35" s="14">
        <v>117</v>
      </c>
      <c r="D35" s="18">
        <v>237</v>
      </c>
    </row>
    <row r="36" spans="1:4" ht="18" customHeight="1" x14ac:dyDescent="0.15">
      <c r="A36" s="5">
        <v>25</v>
      </c>
      <c r="B36" s="22">
        <v>27</v>
      </c>
      <c r="C36" s="14">
        <v>25</v>
      </c>
      <c r="D36" s="18">
        <v>52</v>
      </c>
    </row>
    <row r="37" spans="1:4" ht="18" customHeight="1" x14ac:dyDescent="0.15">
      <c r="A37" s="5">
        <v>26</v>
      </c>
      <c r="B37" s="22">
        <v>17</v>
      </c>
      <c r="C37" s="14">
        <v>19</v>
      </c>
      <c r="D37" s="18">
        <v>36</v>
      </c>
    </row>
    <row r="38" spans="1:4" ht="18" customHeight="1" x14ac:dyDescent="0.15">
      <c r="A38" s="5">
        <v>27</v>
      </c>
      <c r="B38" s="22">
        <v>12</v>
      </c>
      <c r="C38" s="14">
        <v>22</v>
      </c>
      <c r="D38" s="18">
        <v>34</v>
      </c>
    </row>
    <row r="39" spans="1:4" ht="18" customHeight="1" x14ac:dyDescent="0.15">
      <c r="A39" s="5">
        <v>28</v>
      </c>
      <c r="B39" s="22">
        <v>8</v>
      </c>
      <c r="C39" s="14">
        <v>16</v>
      </c>
      <c r="D39" s="18">
        <v>24</v>
      </c>
    </row>
    <row r="40" spans="1:4" ht="18" customHeight="1" x14ac:dyDescent="0.15">
      <c r="A40" s="5">
        <v>29</v>
      </c>
      <c r="B40" s="22">
        <v>14</v>
      </c>
      <c r="C40" s="14">
        <v>9</v>
      </c>
      <c r="D40" s="18">
        <v>23</v>
      </c>
    </row>
    <row r="41" spans="1:4" ht="18" customHeight="1" x14ac:dyDescent="0.15">
      <c r="A41" s="5" t="s">
        <v>2</v>
      </c>
      <c r="B41" s="22">
        <v>78</v>
      </c>
      <c r="C41" s="14">
        <v>91</v>
      </c>
      <c r="D41" s="18">
        <v>169</v>
      </c>
    </row>
    <row r="42" spans="1:4" ht="18" customHeight="1" x14ac:dyDescent="0.15">
      <c r="A42" s="5">
        <v>30</v>
      </c>
      <c r="B42" s="22">
        <v>12</v>
      </c>
      <c r="C42" s="14">
        <v>4</v>
      </c>
      <c r="D42" s="18">
        <v>16</v>
      </c>
    </row>
    <row r="43" spans="1:4" ht="18" customHeight="1" x14ac:dyDescent="0.15">
      <c r="A43" s="5">
        <v>31</v>
      </c>
      <c r="B43" s="22">
        <v>9</v>
      </c>
      <c r="C43" s="14">
        <v>6</v>
      </c>
      <c r="D43" s="18">
        <v>15</v>
      </c>
    </row>
    <row r="44" spans="1:4" ht="18" customHeight="1" x14ac:dyDescent="0.15">
      <c r="A44" s="5">
        <v>32</v>
      </c>
      <c r="B44" s="22">
        <v>6</v>
      </c>
      <c r="C44" s="14">
        <v>8</v>
      </c>
      <c r="D44" s="18">
        <v>14</v>
      </c>
    </row>
    <row r="45" spans="1:4" ht="18" customHeight="1" x14ac:dyDescent="0.15">
      <c r="A45" s="5">
        <v>33</v>
      </c>
      <c r="B45" s="22">
        <v>4</v>
      </c>
      <c r="C45" s="14">
        <v>12</v>
      </c>
      <c r="D45" s="18">
        <v>16</v>
      </c>
    </row>
    <row r="46" spans="1:4" ht="18" customHeight="1" x14ac:dyDescent="0.15">
      <c r="A46" s="5">
        <v>34</v>
      </c>
      <c r="B46" s="22">
        <v>6</v>
      </c>
      <c r="C46" s="14">
        <v>9</v>
      </c>
      <c r="D46" s="18">
        <v>15</v>
      </c>
    </row>
    <row r="47" spans="1:4" ht="18" customHeight="1" x14ac:dyDescent="0.15">
      <c r="A47" s="5" t="s">
        <v>15</v>
      </c>
      <c r="B47" s="22">
        <v>37</v>
      </c>
      <c r="C47" s="14">
        <v>39</v>
      </c>
      <c r="D47" s="18">
        <v>76</v>
      </c>
    </row>
    <row r="48" spans="1:4" ht="18" customHeight="1" x14ac:dyDescent="0.15">
      <c r="A48" s="5">
        <v>35</v>
      </c>
      <c r="B48" s="22">
        <v>6</v>
      </c>
      <c r="C48" s="14">
        <v>5</v>
      </c>
      <c r="D48" s="18">
        <v>11</v>
      </c>
    </row>
    <row r="49" spans="1:4" ht="18" customHeight="1" x14ac:dyDescent="0.15">
      <c r="A49" s="5">
        <v>36</v>
      </c>
      <c r="B49" s="22">
        <v>10</v>
      </c>
      <c r="C49" s="14">
        <v>6</v>
      </c>
      <c r="D49" s="18">
        <v>16</v>
      </c>
    </row>
    <row r="50" spans="1:4" ht="18" customHeight="1" x14ac:dyDescent="0.15">
      <c r="A50" s="5">
        <v>37</v>
      </c>
      <c r="B50" s="22">
        <v>15</v>
      </c>
      <c r="C50" s="14">
        <v>6</v>
      </c>
      <c r="D50" s="18">
        <v>21</v>
      </c>
    </row>
    <row r="51" spans="1:4" ht="18" customHeight="1" x14ac:dyDescent="0.15">
      <c r="A51" s="5">
        <v>38</v>
      </c>
      <c r="B51" s="22">
        <v>7</v>
      </c>
      <c r="C51" s="14">
        <v>5</v>
      </c>
      <c r="D51" s="18">
        <v>12</v>
      </c>
    </row>
    <row r="52" spans="1:4" ht="18" customHeight="1" x14ac:dyDescent="0.15">
      <c r="A52" s="5">
        <v>39</v>
      </c>
      <c r="B52" s="22">
        <v>10</v>
      </c>
      <c r="C52" s="14">
        <v>5</v>
      </c>
      <c r="D52" s="18">
        <v>15</v>
      </c>
    </row>
    <row r="53" spans="1:4" ht="18" customHeight="1" x14ac:dyDescent="0.15">
      <c r="A53" s="5" t="s">
        <v>18</v>
      </c>
      <c r="B53" s="22">
        <v>48</v>
      </c>
      <c r="C53" s="14">
        <v>27</v>
      </c>
      <c r="D53" s="18">
        <v>75</v>
      </c>
    </row>
    <row r="54" spans="1:4" ht="18" customHeight="1" x14ac:dyDescent="0.15">
      <c r="A54" s="5">
        <v>40</v>
      </c>
      <c r="B54" s="22">
        <v>8</v>
      </c>
      <c r="C54" s="14">
        <v>6</v>
      </c>
      <c r="D54" s="18">
        <v>14</v>
      </c>
    </row>
    <row r="55" spans="1:4" ht="18" customHeight="1" x14ac:dyDescent="0.15">
      <c r="A55" s="5">
        <v>41</v>
      </c>
      <c r="B55" s="22">
        <v>8</v>
      </c>
      <c r="C55" s="14">
        <v>6</v>
      </c>
      <c r="D55" s="18">
        <v>14</v>
      </c>
    </row>
    <row r="56" spans="1:4" ht="18" customHeight="1" x14ac:dyDescent="0.15">
      <c r="A56" s="5">
        <v>42</v>
      </c>
      <c r="B56" s="22">
        <v>8</v>
      </c>
      <c r="C56" s="14">
        <v>2</v>
      </c>
      <c r="D56" s="18">
        <v>10</v>
      </c>
    </row>
    <row r="57" spans="1:4" ht="18" customHeight="1" x14ac:dyDescent="0.15">
      <c r="A57" s="5">
        <v>43</v>
      </c>
      <c r="B57" s="22">
        <v>10</v>
      </c>
      <c r="C57" s="14">
        <v>6</v>
      </c>
      <c r="D57" s="18">
        <v>16</v>
      </c>
    </row>
    <row r="58" spans="1:4" ht="18" customHeight="1" x14ac:dyDescent="0.15">
      <c r="A58" s="5">
        <v>44</v>
      </c>
      <c r="B58" s="22">
        <v>9</v>
      </c>
      <c r="C58" s="14">
        <v>5</v>
      </c>
      <c r="D58" s="18">
        <v>14</v>
      </c>
    </row>
    <row r="59" spans="1:4" ht="18" customHeight="1" x14ac:dyDescent="0.15">
      <c r="A59" s="5" t="s">
        <v>21</v>
      </c>
      <c r="B59" s="22">
        <v>43</v>
      </c>
      <c r="C59" s="14">
        <v>25</v>
      </c>
      <c r="D59" s="18">
        <v>68</v>
      </c>
    </row>
    <row r="60" spans="1:4" ht="18" customHeight="1" x14ac:dyDescent="0.15">
      <c r="A60" s="5">
        <v>45</v>
      </c>
      <c r="B60" s="22">
        <v>18</v>
      </c>
      <c r="C60" s="14">
        <v>5</v>
      </c>
      <c r="D60" s="18">
        <v>23</v>
      </c>
    </row>
    <row r="61" spans="1:4" ht="18" customHeight="1" x14ac:dyDescent="0.15">
      <c r="A61" s="5">
        <v>46</v>
      </c>
      <c r="B61" s="22">
        <v>8</v>
      </c>
      <c r="C61" s="14">
        <v>7</v>
      </c>
      <c r="D61" s="18">
        <v>15</v>
      </c>
    </row>
    <row r="62" spans="1:4" ht="18" customHeight="1" x14ac:dyDescent="0.15">
      <c r="A62" s="5">
        <v>47</v>
      </c>
      <c r="B62" s="22">
        <v>5</v>
      </c>
      <c r="C62" s="14">
        <v>3</v>
      </c>
      <c r="D62" s="18">
        <v>8</v>
      </c>
    </row>
    <row r="63" spans="1:4" ht="18" customHeight="1" x14ac:dyDescent="0.15">
      <c r="A63" s="5">
        <v>48</v>
      </c>
      <c r="B63" s="22">
        <v>9</v>
      </c>
      <c r="C63" s="14">
        <v>13</v>
      </c>
      <c r="D63" s="18">
        <v>22</v>
      </c>
    </row>
    <row r="64" spans="1:4" ht="18" customHeight="1" x14ac:dyDescent="0.15">
      <c r="A64" s="5">
        <v>49</v>
      </c>
      <c r="B64" s="22">
        <v>10</v>
      </c>
      <c r="C64" s="14">
        <v>10</v>
      </c>
      <c r="D64" s="18">
        <v>20</v>
      </c>
    </row>
    <row r="65" spans="1:4" ht="18" customHeight="1" x14ac:dyDescent="0.15">
      <c r="A65" s="5" t="s">
        <v>17</v>
      </c>
      <c r="B65" s="22">
        <v>50</v>
      </c>
      <c r="C65" s="14">
        <v>38</v>
      </c>
      <c r="D65" s="18">
        <v>88</v>
      </c>
    </row>
    <row r="66" spans="1:4" ht="18" customHeight="1" x14ac:dyDescent="0.15">
      <c r="A66" s="5">
        <v>50</v>
      </c>
      <c r="B66" s="22">
        <v>16</v>
      </c>
      <c r="C66" s="14">
        <v>13</v>
      </c>
      <c r="D66" s="18">
        <v>29</v>
      </c>
    </row>
    <row r="67" spans="1:4" ht="18" customHeight="1" x14ac:dyDescent="0.15">
      <c r="A67" s="5">
        <v>51</v>
      </c>
      <c r="B67" s="22">
        <v>14</v>
      </c>
      <c r="C67" s="14">
        <v>7</v>
      </c>
      <c r="D67" s="18">
        <v>21</v>
      </c>
    </row>
    <row r="68" spans="1:4" ht="18" customHeight="1" x14ac:dyDescent="0.15">
      <c r="A68" s="5">
        <v>52</v>
      </c>
      <c r="B68" s="22">
        <v>19</v>
      </c>
      <c r="C68" s="14">
        <v>15</v>
      </c>
      <c r="D68" s="18">
        <v>34</v>
      </c>
    </row>
    <row r="69" spans="1:4" ht="18" customHeight="1" x14ac:dyDescent="0.15">
      <c r="A69" s="5">
        <v>53</v>
      </c>
      <c r="B69" s="22">
        <v>13</v>
      </c>
      <c r="C69" s="14">
        <v>5</v>
      </c>
      <c r="D69" s="18">
        <v>18</v>
      </c>
    </row>
    <row r="70" spans="1:4" ht="18" customHeight="1" x14ac:dyDescent="0.15">
      <c r="A70" s="5">
        <v>54</v>
      </c>
      <c r="B70" s="22">
        <v>11</v>
      </c>
      <c r="C70" s="14">
        <v>9</v>
      </c>
      <c r="D70" s="18">
        <v>20</v>
      </c>
    </row>
    <row r="71" spans="1:4" ht="18" customHeight="1" x14ac:dyDescent="0.15">
      <c r="A71" s="5" t="s">
        <v>22</v>
      </c>
      <c r="B71" s="22">
        <v>73</v>
      </c>
      <c r="C71" s="14">
        <v>49</v>
      </c>
      <c r="D71" s="18">
        <v>122</v>
      </c>
    </row>
    <row r="72" spans="1:4" ht="18" customHeight="1" x14ac:dyDescent="0.15">
      <c r="A72" s="5">
        <v>55</v>
      </c>
      <c r="B72" s="22">
        <v>7</v>
      </c>
      <c r="C72" s="14">
        <v>9</v>
      </c>
      <c r="D72" s="18">
        <v>16</v>
      </c>
    </row>
    <row r="73" spans="1:4" ht="18" customHeight="1" x14ac:dyDescent="0.15">
      <c r="A73" s="5">
        <v>56</v>
      </c>
      <c r="B73" s="22">
        <v>14</v>
      </c>
      <c r="C73" s="14">
        <v>10</v>
      </c>
      <c r="D73" s="18">
        <v>24</v>
      </c>
    </row>
    <row r="74" spans="1:4" ht="18" customHeight="1" x14ac:dyDescent="0.15">
      <c r="A74" s="5">
        <v>57</v>
      </c>
      <c r="B74" s="22">
        <v>12</v>
      </c>
      <c r="C74" s="14">
        <v>10</v>
      </c>
      <c r="D74" s="18">
        <v>22</v>
      </c>
    </row>
    <row r="75" spans="1:4" ht="18" customHeight="1" x14ac:dyDescent="0.15">
      <c r="A75" s="5">
        <v>58</v>
      </c>
      <c r="B75" s="22">
        <v>8</v>
      </c>
      <c r="C75" s="14">
        <v>8</v>
      </c>
      <c r="D75" s="18">
        <v>16</v>
      </c>
    </row>
    <row r="76" spans="1:4" ht="18" customHeight="1" x14ac:dyDescent="0.15">
      <c r="A76" s="5">
        <v>59</v>
      </c>
      <c r="B76" s="22">
        <v>14</v>
      </c>
      <c r="C76" s="14">
        <v>10</v>
      </c>
      <c r="D76" s="18">
        <v>24</v>
      </c>
    </row>
    <row r="77" spans="1:4" ht="18" customHeight="1" x14ac:dyDescent="0.15">
      <c r="A77" s="5" t="s">
        <v>27</v>
      </c>
      <c r="B77" s="22">
        <v>55</v>
      </c>
      <c r="C77" s="14">
        <v>47</v>
      </c>
      <c r="D77" s="18">
        <v>102</v>
      </c>
    </row>
    <row r="78" spans="1:4" ht="18" customHeight="1" x14ac:dyDescent="0.15">
      <c r="A78" s="5">
        <v>60</v>
      </c>
      <c r="B78" s="22">
        <v>10</v>
      </c>
      <c r="C78" s="14">
        <v>8</v>
      </c>
      <c r="D78" s="18">
        <v>18</v>
      </c>
    </row>
    <row r="79" spans="1:4" ht="18" customHeight="1" x14ac:dyDescent="0.15">
      <c r="A79" s="5">
        <v>61</v>
      </c>
      <c r="B79" s="22">
        <v>16</v>
      </c>
      <c r="C79" s="14">
        <v>8</v>
      </c>
      <c r="D79" s="18">
        <v>24</v>
      </c>
    </row>
    <row r="80" spans="1:4" ht="18" customHeight="1" x14ac:dyDescent="0.15">
      <c r="A80" s="5">
        <v>62</v>
      </c>
      <c r="B80" s="22">
        <v>7</v>
      </c>
      <c r="C80" s="14">
        <v>7</v>
      </c>
      <c r="D80" s="18">
        <v>14</v>
      </c>
    </row>
    <row r="81" spans="1:4" ht="18" customHeight="1" x14ac:dyDescent="0.15">
      <c r="A81" s="5">
        <v>63</v>
      </c>
      <c r="B81" s="22">
        <v>6</v>
      </c>
      <c r="C81" s="14">
        <v>17</v>
      </c>
      <c r="D81" s="18">
        <v>23</v>
      </c>
    </row>
    <row r="82" spans="1:4" ht="18" customHeight="1" x14ac:dyDescent="0.15">
      <c r="A82" s="5">
        <v>64</v>
      </c>
      <c r="B82" s="22">
        <v>10</v>
      </c>
      <c r="C82" s="14">
        <v>8</v>
      </c>
      <c r="D82" s="18">
        <v>18</v>
      </c>
    </row>
    <row r="83" spans="1:4" ht="18" customHeight="1" x14ac:dyDescent="0.15">
      <c r="A83" s="5" t="s">
        <v>28</v>
      </c>
      <c r="B83" s="22">
        <v>49</v>
      </c>
      <c r="C83" s="14">
        <v>48</v>
      </c>
      <c r="D83" s="18">
        <v>97</v>
      </c>
    </row>
    <row r="84" spans="1:4" ht="18" customHeight="1" x14ac:dyDescent="0.15">
      <c r="A84" s="5" t="s">
        <v>31</v>
      </c>
      <c r="B84" s="22">
        <v>577</v>
      </c>
      <c r="C84" s="14">
        <v>514</v>
      </c>
      <c r="D84" s="18">
        <v>1091</v>
      </c>
    </row>
    <row r="85" spans="1:4" ht="18" customHeight="1" x14ac:dyDescent="0.15">
      <c r="A85" s="5">
        <v>65</v>
      </c>
      <c r="B85" s="22">
        <v>10</v>
      </c>
      <c r="C85" s="14">
        <v>12</v>
      </c>
      <c r="D85" s="18">
        <v>22</v>
      </c>
    </row>
    <row r="86" spans="1:4" ht="18" customHeight="1" x14ac:dyDescent="0.15">
      <c r="A86" s="5">
        <v>66</v>
      </c>
      <c r="B86" s="22">
        <v>8</v>
      </c>
      <c r="C86" s="14">
        <v>6</v>
      </c>
      <c r="D86" s="18">
        <v>14</v>
      </c>
    </row>
    <row r="87" spans="1:4" ht="18" customHeight="1" x14ac:dyDescent="0.15">
      <c r="A87" s="5">
        <v>67</v>
      </c>
      <c r="B87" s="22">
        <v>8</v>
      </c>
      <c r="C87" s="14">
        <v>5</v>
      </c>
      <c r="D87" s="18">
        <v>13</v>
      </c>
    </row>
    <row r="88" spans="1:4" ht="18" customHeight="1" x14ac:dyDescent="0.15">
      <c r="A88" s="5">
        <v>68</v>
      </c>
      <c r="B88" s="22">
        <v>10</v>
      </c>
      <c r="C88" s="14">
        <v>7</v>
      </c>
      <c r="D88" s="18">
        <v>17</v>
      </c>
    </row>
    <row r="89" spans="1:4" ht="18" customHeight="1" x14ac:dyDescent="0.15">
      <c r="A89" s="5">
        <v>69</v>
      </c>
      <c r="B89" s="22">
        <v>8</v>
      </c>
      <c r="C89" s="14">
        <v>6</v>
      </c>
      <c r="D89" s="18">
        <v>14</v>
      </c>
    </row>
    <row r="90" spans="1:4" ht="18" customHeight="1" x14ac:dyDescent="0.15">
      <c r="A90" s="5" t="s">
        <v>20</v>
      </c>
      <c r="B90" s="22">
        <v>44</v>
      </c>
      <c r="C90" s="14">
        <v>36</v>
      </c>
      <c r="D90" s="18">
        <v>80</v>
      </c>
    </row>
    <row r="91" spans="1:4" ht="18" customHeight="1" x14ac:dyDescent="0.15">
      <c r="A91" s="5">
        <v>70</v>
      </c>
      <c r="B91" s="22">
        <v>10</v>
      </c>
      <c r="C91" s="14">
        <v>11</v>
      </c>
      <c r="D91" s="18">
        <v>21</v>
      </c>
    </row>
    <row r="92" spans="1:4" ht="18" customHeight="1" x14ac:dyDescent="0.15">
      <c r="A92" s="5">
        <v>71</v>
      </c>
      <c r="B92" s="22">
        <v>6</v>
      </c>
      <c r="C92" s="14">
        <v>5</v>
      </c>
      <c r="D92" s="18">
        <v>11</v>
      </c>
    </row>
    <row r="93" spans="1:4" ht="18" customHeight="1" x14ac:dyDescent="0.15">
      <c r="A93" s="5">
        <v>72</v>
      </c>
      <c r="B93" s="22">
        <v>7</v>
      </c>
      <c r="C93" s="14">
        <v>13</v>
      </c>
      <c r="D93" s="18">
        <v>20</v>
      </c>
    </row>
    <row r="94" spans="1:4" ht="18" customHeight="1" x14ac:dyDescent="0.15">
      <c r="A94" s="5">
        <v>73</v>
      </c>
      <c r="B94" s="22">
        <v>11</v>
      </c>
      <c r="C94" s="14">
        <v>9</v>
      </c>
      <c r="D94" s="18">
        <v>20</v>
      </c>
    </row>
    <row r="95" spans="1:4" ht="18" customHeight="1" x14ac:dyDescent="0.15">
      <c r="A95" s="5">
        <v>74</v>
      </c>
      <c r="B95" s="22">
        <v>7</v>
      </c>
      <c r="C95" s="14">
        <v>9</v>
      </c>
      <c r="D95" s="18">
        <v>16</v>
      </c>
    </row>
    <row r="96" spans="1:4" ht="18" customHeight="1" x14ac:dyDescent="0.15">
      <c r="A96" s="5" t="s">
        <v>33</v>
      </c>
      <c r="B96" s="22">
        <v>41</v>
      </c>
      <c r="C96" s="14">
        <v>47</v>
      </c>
      <c r="D96" s="18">
        <v>88</v>
      </c>
    </row>
    <row r="97" spans="1:4" ht="18" customHeight="1" x14ac:dyDescent="0.15">
      <c r="A97" s="5">
        <v>75</v>
      </c>
      <c r="B97" s="22">
        <v>12</v>
      </c>
      <c r="C97" s="14">
        <v>16</v>
      </c>
      <c r="D97" s="18">
        <v>28</v>
      </c>
    </row>
    <row r="98" spans="1:4" ht="18" customHeight="1" x14ac:dyDescent="0.15">
      <c r="A98" s="5">
        <v>76</v>
      </c>
      <c r="B98" s="22">
        <v>10</v>
      </c>
      <c r="C98" s="14">
        <v>21</v>
      </c>
      <c r="D98" s="18">
        <v>31</v>
      </c>
    </row>
    <row r="99" spans="1:4" ht="18" customHeight="1" x14ac:dyDescent="0.15">
      <c r="A99" s="5">
        <v>77</v>
      </c>
      <c r="B99" s="22">
        <v>14</v>
      </c>
      <c r="C99" s="14">
        <v>17</v>
      </c>
      <c r="D99" s="18">
        <v>31</v>
      </c>
    </row>
    <row r="100" spans="1:4" ht="18" customHeight="1" x14ac:dyDescent="0.15">
      <c r="A100" s="5">
        <v>78</v>
      </c>
      <c r="B100" s="22">
        <v>16</v>
      </c>
      <c r="C100" s="14">
        <v>12</v>
      </c>
      <c r="D100" s="18">
        <v>28</v>
      </c>
    </row>
    <row r="101" spans="1:4" ht="18" customHeight="1" x14ac:dyDescent="0.15">
      <c r="A101" s="5">
        <v>79</v>
      </c>
      <c r="B101" s="22">
        <v>11</v>
      </c>
      <c r="C101" s="14">
        <v>15</v>
      </c>
      <c r="D101" s="18">
        <v>26</v>
      </c>
    </row>
    <row r="102" spans="1:4" ht="18" customHeight="1" x14ac:dyDescent="0.15">
      <c r="A102" s="5" t="s">
        <v>0</v>
      </c>
      <c r="B102" s="22">
        <v>63</v>
      </c>
      <c r="C102" s="14">
        <v>81</v>
      </c>
      <c r="D102" s="18">
        <v>144</v>
      </c>
    </row>
    <row r="103" spans="1:4" ht="18" customHeight="1" x14ac:dyDescent="0.15">
      <c r="A103" s="5">
        <v>80</v>
      </c>
      <c r="B103" s="22">
        <v>1</v>
      </c>
      <c r="C103" s="14">
        <v>3</v>
      </c>
      <c r="D103" s="18">
        <v>4</v>
      </c>
    </row>
    <row r="104" spans="1:4" ht="18" customHeight="1" x14ac:dyDescent="0.15">
      <c r="A104" s="5">
        <v>81</v>
      </c>
      <c r="B104" s="22">
        <v>6</v>
      </c>
      <c r="C104" s="14">
        <v>12</v>
      </c>
      <c r="D104" s="18">
        <v>18</v>
      </c>
    </row>
    <row r="105" spans="1:4" ht="18" customHeight="1" x14ac:dyDescent="0.15">
      <c r="A105" s="5">
        <v>82</v>
      </c>
      <c r="B105" s="22">
        <v>7</v>
      </c>
      <c r="C105" s="14">
        <v>5</v>
      </c>
      <c r="D105" s="18">
        <v>12</v>
      </c>
    </row>
    <row r="106" spans="1:4" ht="18" customHeight="1" x14ac:dyDescent="0.15">
      <c r="A106" s="5">
        <v>83</v>
      </c>
      <c r="B106" s="22">
        <v>8</v>
      </c>
      <c r="C106" s="14">
        <v>5</v>
      </c>
      <c r="D106" s="18">
        <v>13</v>
      </c>
    </row>
    <row r="107" spans="1:4" ht="18" customHeight="1" x14ac:dyDescent="0.15">
      <c r="A107" s="5">
        <v>84</v>
      </c>
      <c r="B107" s="22">
        <v>6</v>
      </c>
      <c r="C107" s="14">
        <v>5</v>
      </c>
      <c r="D107" s="18">
        <v>11</v>
      </c>
    </row>
    <row r="108" spans="1:4" ht="18" customHeight="1" x14ac:dyDescent="0.15">
      <c r="A108" s="5" t="s">
        <v>35</v>
      </c>
      <c r="B108" s="22">
        <v>28</v>
      </c>
      <c r="C108" s="14">
        <v>30</v>
      </c>
      <c r="D108" s="18">
        <v>58</v>
      </c>
    </row>
    <row r="109" spans="1:4" ht="18" customHeight="1" x14ac:dyDescent="0.15">
      <c r="A109" s="5">
        <v>85</v>
      </c>
      <c r="B109" s="22">
        <v>0</v>
      </c>
      <c r="C109" s="14">
        <v>7</v>
      </c>
      <c r="D109" s="18">
        <v>7</v>
      </c>
    </row>
    <row r="110" spans="1:4" ht="18" customHeight="1" x14ac:dyDescent="0.15">
      <c r="A110" s="5">
        <v>86</v>
      </c>
      <c r="B110" s="22">
        <v>6</v>
      </c>
      <c r="C110" s="14">
        <v>10</v>
      </c>
      <c r="D110" s="18">
        <v>16</v>
      </c>
    </row>
    <row r="111" spans="1:4" ht="18" customHeight="1" x14ac:dyDescent="0.15">
      <c r="A111" s="5">
        <v>87</v>
      </c>
      <c r="B111" s="22">
        <v>3</v>
      </c>
      <c r="C111" s="14">
        <v>4</v>
      </c>
      <c r="D111" s="18">
        <v>7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0</v>
      </c>
      <c r="C113" s="14">
        <v>3</v>
      </c>
      <c r="D113" s="18">
        <v>3</v>
      </c>
    </row>
    <row r="114" spans="1:4" ht="18" customHeight="1" x14ac:dyDescent="0.15">
      <c r="A114" s="5" t="s">
        <v>37</v>
      </c>
      <c r="B114" s="22">
        <v>13</v>
      </c>
      <c r="C114" s="14">
        <v>28</v>
      </c>
      <c r="D114" s="18">
        <v>41</v>
      </c>
    </row>
    <row r="115" spans="1:4" ht="18" customHeight="1" x14ac:dyDescent="0.15">
      <c r="A115" s="5">
        <v>90</v>
      </c>
      <c r="B115" s="22">
        <v>1</v>
      </c>
      <c r="C115" s="14">
        <v>9</v>
      </c>
      <c r="D115" s="18">
        <v>10</v>
      </c>
    </row>
    <row r="116" spans="1:4" ht="18" customHeight="1" x14ac:dyDescent="0.15">
      <c r="A116" s="5">
        <v>91</v>
      </c>
      <c r="B116" s="22">
        <v>5</v>
      </c>
      <c r="C116" s="14">
        <v>2</v>
      </c>
      <c r="D116" s="18">
        <v>7</v>
      </c>
    </row>
    <row r="117" spans="1:4" ht="18" customHeight="1" x14ac:dyDescent="0.15">
      <c r="A117" s="5">
        <v>92</v>
      </c>
      <c r="B117" s="22">
        <v>0</v>
      </c>
      <c r="C117" s="14">
        <v>3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6</v>
      </c>
      <c r="C120" s="14">
        <v>24</v>
      </c>
      <c r="D120" s="18">
        <v>30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8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97</v>
      </c>
      <c r="C130" s="14">
        <v>254</v>
      </c>
      <c r="D130" s="18">
        <v>451</v>
      </c>
    </row>
    <row r="131" spans="1:4" ht="18" customHeight="1" x14ac:dyDescent="0.15">
      <c r="A131" s="7" t="s">
        <v>45</v>
      </c>
      <c r="B131" s="23">
        <v>820</v>
      </c>
      <c r="C131" s="15">
        <v>819</v>
      </c>
      <c r="D131" s="19">
        <v>16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6</v>
      </c>
      <c r="D5" s="17">
        <v>14</v>
      </c>
    </row>
    <row r="6" spans="1:4" ht="18" customHeight="1" x14ac:dyDescent="0.15">
      <c r="A6" s="5">
        <v>1</v>
      </c>
      <c r="B6" s="22">
        <v>9</v>
      </c>
      <c r="C6" s="14">
        <v>7</v>
      </c>
      <c r="D6" s="18">
        <v>16</v>
      </c>
    </row>
    <row r="7" spans="1:4" ht="18" customHeight="1" x14ac:dyDescent="0.15">
      <c r="A7" s="5">
        <v>2</v>
      </c>
      <c r="B7" s="22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22">
        <v>9</v>
      </c>
      <c r="C8" s="14">
        <v>5</v>
      </c>
      <c r="D8" s="18">
        <v>14</v>
      </c>
    </row>
    <row r="9" spans="1:4" ht="18" customHeight="1" x14ac:dyDescent="0.15">
      <c r="A9" s="5">
        <v>4</v>
      </c>
      <c r="B9" s="22">
        <v>12</v>
      </c>
      <c r="C9" s="14">
        <v>8</v>
      </c>
      <c r="D9" s="18">
        <v>20</v>
      </c>
    </row>
    <row r="10" spans="1:4" ht="18" customHeight="1" x14ac:dyDescent="0.15">
      <c r="A10" s="5" t="s">
        <v>7</v>
      </c>
      <c r="B10" s="22">
        <v>46</v>
      </c>
      <c r="C10" s="14">
        <v>33</v>
      </c>
      <c r="D10" s="18">
        <v>79</v>
      </c>
    </row>
    <row r="11" spans="1:4" ht="18" customHeight="1" x14ac:dyDescent="0.15">
      <c r="A11" s="5">
        <v>5</v>
      </c>
      <c r="B11" s="22">
        <v>7</v>
      </c>
      <c r="C11" s="14">
        <v>9</v>
      </c>
      <c r="D11" s="18">
        <v>16</v>
      </c>
    </row>
    <row r="12" spans="1:4" ht="18" customHeight="1" x14ac:dyDescent="0.15">
      <c r="A12" s="5">
        <v>6</v>
      </c>
      <c r="B12" s="22">
        <v>7</v>
      </c>
      <c r="C12" s="14">
        <v>13</v>
      </c>
      <c r="D12" s="18">
        <v>20</v>
      </c>
    </row>
    <row r="13" spans="1:4" ht="18" customHeight="1" x14ac:dyDescent="0.15">
      <c r="A13" s="5">
        <v>7</v>
      </c>
      <c r="B13" s="22">
        <v>16</v>
      </c>
      <c r="C13" s="14">
        <v>11</v>
      </c>
      <c r="D13" s="18">
        <v>27</v>
      </c>
    </row>
    <row r="14" spans="1:4" ht="18" customHeight="1" x14ac:dyDescent="0.15">
      <c r="A14" s="5">
        <v>8</v>
      </c>
      <c r="B14" s="22">
        <v>9</v>
      </c>
      <c r="C14" s="14">
        <v>12</v>
      </c>
      <c r="D14" s="18">
        <v>21</v>
      </c>
    </row>
    <row r="15" spans="1:4" ht="18" customHeight="1" x14ac:dyDescent="0.15">
      <c r="A15" s="5">
        <v>9</v>
      </c>
      <c r="B15" s="22">
        <v>17</v>
      </c>
      <c r="C15" s="14">
        <v>11</v>
      </c>
      <c r="D15" s="18">
        <v>28</v>
      </c>
    </row>
    <row r="16" spans="1:4" ht="18" customHeight="1" x14ac:dyDescent="0.15">
      <c r="A16" s="5" t="s">
        <v>11</v>
      </c>
      <c r="B16" s="22">
        <v>56</v>
      </c>
      <c r="C16" s="14">
        <v>56</v>
      </c>
      <c r="D16" s="18">
        <v>112</v>
      </c>
    </row>
    <row r="17" spans="1:4" ht="18" customHeight="1" x14ac:dyDescent="0.15">
      <c r="A17" s="5">
        <v>10</v>
      </c>
      <c r="B17" s="22">
        <v>11</v>
      </c>
      <c r="C17" s="14">
        <v>14</v>
      </c>
      <c r="D17" s="18">
        <v>25</v>
      </c>
    </row>
    <row r="18" spans="1:4" ht="18" customHeight="1" x14ac:dyDescent="0.15">
      <c r="A18" s="5">
        <v>11</v>
      </c>
      <c r="B18" s="22">
        <v>9</v>
      </c>
      <c r="C18" s="14">
        <v>21</v>
      </c>
      <c r="D18" s="18">
        <v>30</v>
      </c>
    </row>
    <row r="19" spans="1:4" ht="18" customHeight="1" x14ac:dyDescent="0.15">
      <c r="A19" s="5">
        <v>12</v>
      </c>
      <c r="B19" s="22">
        <v>11</v>
      </c>
      <c r="C19" s="14">
        <v>14</v>
      </c>
      <c r="D19" s="18">
        <v>25</v>
      </c>
    </row>
    <row r="20" spans="1:4" ht="18" customHeight="1" x14ac:dyDescent="0.15">
      <c r="A20" s="5">
        <v>13</v>
      </c>
      <c r="B20" s="22">
        <v>15</v>
      </c>
      <c r="C20" s="14">
        <v>9</v>
      </c>
      <c r="D20" s="18">
        <v>24</v>
      </c>
    </row>
    <row r="21" spans="1:4" ht="18" customHeight="1" x14ac:dyDescent="0.15">
      <c r="A21" s="5">
        <v>14</v>
      </c>
      <c r="B21" s="22">
        <v>17</v>
      </c>
      <c r="C21" s="14">
        <v>7</v>
      </c>
      <c r="D21" s="18">
        <v>24</v>
      </c>
    </row>
    <row r="22" spans="1:4" ht="18" customHeight="1" x14ac:dyDescent="0.15">
      <c r="A22" s="5" t="s">
        <v>12</v>
      </c>
      <c r="B22" s="22">
        <v>63</v>
      </c>
      <c r="C22" s="14">
        <v>65</v>
      </c>
      <c r="D22" s="18">
        <v>128</v>
      </c>
    </row>
    <row r="23" spans="1:4" ht="18" customHeight="1" x14ac:dyDescent="0.15">
      <c r="A23" s="5" t="s">
        <v>6</v>
      </c>
      <c r="B23" s="22">
        <v>165</v>
      </c>
      <c r="C23" s="14">
        <v>154</v>
      </c>
      <c r="D23" s="18">
        <v>319</v>
      </c>
    </row>
    <row r="24" spans="1:4" ht="18" customHeight="1" x14ac:dyDescent="0.15">
      <c r="A24" s="5">
        <v>15</v>
      </c>
      <c r="B24" s="22">
        <v>8</v>
      </c>
      <c r="C24" s="14">
        <v>18</v>
      </c>
      <c r="D24" s="18">
        <v>26</v>
      </c>
    </row>
    <row r="25" spans="1:4" ht="18" customHeight="1" x14ac:dyDescent="0.15">
      <c r="A25" s="5">
        <v>16</v>
      </c>
      <c r="B25" s="22">
        <v>15</v>
      </c>
      <c r="C25" s="14">
        <v>9</v>
      </c>
      <c r="D25" s="18">
        <v>24</v>
      </c>
    </row>
    <row r="26" spans="1:4" ht="18" customHeight="1" x14ac:dyDescent="0.15">
      <c r="A26" s="5">
        <v>17</v>
      </c>
      <c r="B26" s="22">
        <v>14</v>
      </c>
      <c r="C26" s="14">
        <v>17</v>
      </c>
      <c r="D26" s="18">
        <v>31</v>
      </c>
    </row>
    <row r="27" spans="1:4" ht="18" customHeight="1" x14ac:dyDescent="0.15">
      <c r="A27" s="5">
        <v>18</v>
      </c>
      <c r="B27" s="22">
        <v>15</v>
      </c>
      <c r="C27" s="14">
        <v>14</v>
      </c>
      <c r="D27" s="18">
        <v>29</v>
      </c>
    </row>
    <row r="28" spans="1:4" ht="18" customHeight="1" x14ac:dyDescent="0.15">
      <c r="A28" s="5">
        <v>19</v>
      </c>
      <c r="B28" s="22">
        <v>14</v>
      </c>
      <c r="C28" s="14">
        <v>13</v>
      </c>
      <c r="D28" s="18">
        <v>27</v>
      </c>
    </row>
    <row r="29" spans="1:4" ht="18" customHeight="1" x14ac:dyDescent="0.15">
      <c r="A29" s="5" t="s">
        <v>14</v>
      </c>
      <c r="B29" s="22">
        <v>66</v>
      </c>
      <c r="C29" s="14">
        <v>71</v>
      </c>
      <c r="D29" s="18">
        <v>137</v>
      </c>
    </row>
    <row r="30" spans="1:4" ht="18" customHeight="1" x14ac:dyDescent="0.15">
      <c r="A30" s="5">
        <v>20</v>
      </c>
      <c r="B30" s="22">
        <v>19</v>
      </c>
      <c r="C30" s="14">
        <v>14</v>
      </c>
      <c r="D30" s="18">
        <v>33</v>
      </c>
    </row>
    <row r="31" spans="1:4" ht="18" customHeight="1" x14ac:dyDescent="0.15">
      <c r="A31" s="5">
        <v>21</v>
      </c>
      <c r="B31" s="22">
        <v>18</v>
      </c>
      <c r="C31" s="14">
        <v>15</v>
      </c>
      <c r="D31" s="18">
        <v>33</v>
      </c>
    </row>
    <row r="32" spans="1:4" ht="18" customHeight="1" x14ac:dyDescent="0.15">
      <c r="A32" s="5">
        <v>22</v>
      </c>
      <c r="B32" s="22">
        <v>10</v>
      </c>
      <c r="C32" s="14">
        <v>14</v>
      </c>
      <c r="D32" s="18">
        <v>24</v>
      </c>
    </row>
    <row r="33" spans="1:4" ht="18" customHeight="1" x14ac:dyDescent="0.15">
      <c r="A33" s="5">
        <v>23</v>
      </c>
      <c r="B33" s="22">
        <v>16</v>
      </c>
      <c r="C33" s="14">
        <v>16</v>
      </c>
      <c r="D33" s="18">
        <v>32</v>
      </c>
    </row>
    <row r="34" spans="1:4" ht="18" customHeight="1" x14ac:dyDescent="0.15">
      <c r="A34" s="5">
        <v>24</v>
      </c>
      <c r="B34" s="22">
        <v>17</v>
      </c>
      <c r="C34" s="14">
        <v>13</v>
      </c>
      <c r="D34" s="18">
        <v>30</v>
      </c>
    </row>
    <row r="35" spans="1:4" ht="18" customHeight="1" x14ac:dyDescent="0.15">
      <c r="A35" s="5" t="s">
        <v>9</v>
      </c>
      <c r="B35" s="22">
        <v>80</v>
      </c>
      <c r="C35" s="14">
        <v>72</v>
      </c>
      <c r="D35" s="18">
        <v>152</v>
      </c>
    </row>
    <row r="36" spans="1:4" ht="18" customHeight="1" x14ac:dyDescent="0.15">
      <c r="A36" s="5">
        <v>25</v>
      </c>
      <c r="B36" s="22">
        <v>20</v>
      </c>
      <c r="C36" s="14">
        <v>19</v>
      </c>
      <c r="D36" s="18">
        <v>39</v>
      </c>
    </row>
    <row r="37" spans="1:4" ht="18" customHeight="1" x14ac:dyDescent="0.15">
      <c r="A37" s="5">
        <v>26</v>
      </c>
      <c r="B37" s="22">
        <v>14</v>
      </c>
      <c r="C37" s="14">
        <v>19</v>
      </c>
      <c r="D37" s="18">
        <v>33</v>
      </c>
    </row>
    <row r="38" spans="1:4" ht="18" customHeight="1" x14ac:dyDescent="0.15">
      <c r="A38" s="5">
        <v>27</v>
      </c>
      <c r="B38" s="22">
        <v>20</v>
      </c>
      <c r="C38" s="14">
        <v>12</v>
      </c>
      <c r="D38" s="18">
        <v>32</v>
      </c>
    </row>
    <row r="39" spans="1:4" ht="18" customHeight="1" x14ac:dyDescent="0.15">
      <c r="A39" s="5">
        <v>28</v>
      </c>
      <c r="B39" s="22">
        <v>16</v>
      </c>
      <c r="C39" s="14">
        <v>11</v>
      </c>
      <c r="D39" s="18">
        <v>27</v>
      </c>
    </row>
    <row r="40" spans="1:4" ht="18" customHeight="1" x14ac:dyDescent="0.15">
      <c r="A40" s="5">
        <v>29</v>
      </c>
      <c r="B40" s="22">
        <v>21</v>
      </c>
      <c r="C40" s="14">
        <v>14</v>
      </c>
      <c r="D40" s="18">
        <v>35</v>
      </c>
    </row>
    <row r="41" spans="1:4" ht="18" customHeight="1" x14ac:dyDescent="0.15">
      <c r="A41" s="5" t="s">
        <v>2</v>
      </c>
      <c r="B41" s="22">
        <v>91</v>
      </c>
      <c r="C41" s="14">
        <v>75</v>
      </c>
      <c r="D41" s="18">
        <v>166</v>
      </c>
    </row>
    <row r="42" spans="1:4" ht="18" customHeight="1" x14ac:dyDescent="0.15">
      <c r="A42" s="5">
        <v>30</v>
      </c>
      <c r="B42" s="22">
        <v>16</v>
      </c>
      <c r="C42" s="14">
        <v>9</v>
      </c>
      <c r="D42" s="18">
        <v>25</v>
      </c>
    </row>
    <row r="43" spans="1:4" ht="18" customHeight="1" x14ac:dyDescent="0.15">
      <c r="A43" s="5">
        <v>31</v>
      </c>
      <c r="B43" s="22">
        <v>11</v>
      </c>
      <c r="C43" s="14">
        <v>10</v>
      </c>
      <c r="D43" s="18">
        <v>21</v>
      </c>
    </row>
    <row r="44" spans="1:4" ht="18" customHeight="1" x14ac:dyDescent="0.15">
      <c r="A44" s="5">
        <v>32</v>
      </c>
      <c r="B44" s="22">
        <v>13</v>
      </c>
      <c r="C44" s="14">
        <v>15</v>
      </c>
      <c r="D44" s="18">
        <v>28</v>
      </c>
    </row>
    <row r="45" spans="1:4" ht="18" customHeight="1" x14ac:dyDescent="0.15">
      <c r="A45" s="5">
        <v>33</v>
      </c>
      <c r="B45" s="22">
        <v>10</v>
      </c>
      <c r="C45" s="14">
        <v>11</v>
      </c>
      <c r="D45" s="18">
        <v>21</v>
      </c>
    </row>
    <row r="46" spans="1:4" ht="18" customHeight="1" x14ac:dyDescent="0.15">
      <c r="A46" s="5">
        <v>34</v>
      </c>
      <c r="B46" s="22">
        <v>5</v>
      </c>
      <c r="C46" s="14">
        <v>13</v>
      </c>
      <c r="D46" s="18">
        <v>18</v>
      </c>
    </row>
    <row r="47" spans="1:4" ht="18" customHeight="1" x14ac:dyDescent="0.15">
      <c r="A47" s="5" t="s">
        <v>15</v>
      </c>
      <c r="B47" s="22">
        <v>55</v>
      </c>
      <c r="C47" s="14">
        <v>58</v>
      </c>
      <c r="D47" s="18">
        <v>113</v>
      </c>
    </row>
    <row r="48" spans="1:4" ht="18" customHeight="1" x14ac:dyDescent="0.15">
      <c r="A48" s="5">
        <v>35</v>
      </c>
      <c r="B48" s="22">
        <v>13</v>
      </c>
      <c r="C48" s="14">
        <v>20</v>
      </c>
      <c r="D48" s="18">
        <v>33</v>
      </c>
    </row>
    <row r="49" spans="1:4" ht="18" customHeight="1" x14ac:dyDescent="0.15">
      <c r="A49" s="5">
        <v>36</v>
      </c>
      <c r="B49" s="22">
        <v>16</v>
      </c>
      <c r="C49" s="14">
        <v>12</v>
      </c>
      <c r="D49" s="18">
        <v>28</v>
      </c>
    </row>
    <row r="50" spans="1:4" ht="18" customHeight="1" x14ac:dyDescent="0.15">
      <c r="A50" s="5">
        <v>37</v>
      </c>
      <c r="B50" s="22">
        <v>18</v>
      </c>
      <c r="C50" s="14">
        <v>9</v>
      </c>
      <c r="D50" s="18">
        <v>27</v>
      </c>
    </row>
    <row r="51" spans="1:4" ht="18" customHeight="1" x14ac:dyDescent="0.15">
      <c r="A51" s="5">
        <v>38</v>
      </c>
      <c r="B51" s="22">
        <v>18</v>
      </c>
      <c r="C51" s="14">
        <v>15</v>
      </c>
      <c r="D51" s="18">
        <v>33</v>
      </c>
    </row>
    <row r="52" spans="1:4" ht="18" customHeight="1" x14ac:dyDescent="0.15">
      <c r="A52" s="5">
        <v>39</v>
      </c>
      <c r="B52" s="22">
        <v>29</v>
      </c>
      <c r="C52" s="14">
        <v>14</v>
      </c>
      <c r="D52" s="18">
        <v>43</v>
      </c>
    </row>
    <row r="53" spans="1:4" ht="18" customHeight="1" x14ac:dyDescent="0.15">
      <c r="A53" s="5" t="s">
        <v>18</v>
      </c>
      <c r="B53" s="22">
        <v>94</v>
      </c>
      <c r="C53" s="14">
        <v>70</v>
      </c>
      <c r="D53" s="18">
        <v>164</v>
      </c>
    </row>
    <row r="54" spans="1:4" ht="18" customHeight="1" x14ac:dyDescent="0.15">
      <c r="A54" s="5">
        <v>40</v>
      </c>
      <c r="B54" s="22">
        <v>21</v>
      </c>
      <c r="C54" s="14">
        <v>19</v>
      </c>
      <c r="D54" s="18">
        <v>40</v>
      </c>
    </row>
    <row r="55" spans="1:4" ht="18" customHeight="1" x14ac:dyDescent="0.15">
      <c r="A55" s="5">
        <v>41</v>
      </c>
      <c r="B55" s="22">
        <v>24</v>
      </c>
      <c r="C55" s="14">
        <v>16</v>
      </c>
      <c r="D55" s="18">
        <v>40</v>
      </c>
    </row>
    <row r="56" spans="1:4" ht="18" customHeight="1" x14ac:dyDescent="0.15">
      <c r="A56" s="5">
        <v>42</v>
      </c>
      <c r="B56" s="22">
        <v>17</v>
      </c>
      <c r="C56" s="14">
        <v>14</v>
      </c>
      <c r="D56" s="18">
        <v>31</v>
      </c>
    </row>
    <row r="57" spans="1:4" ht="18" customHeight="1" x14ac:dyDescent="0.15">
      <c r="A57" s="5">
        <v>43</v>
      </c>
      <c r="B57" s="22">
        <v>21</v>
      </c>
      <c r="C57" s="14">
        <v>24</v>
      </c>
      <c r="D57" s="18">
        <v>45</v>
      </c>
    </row>
    <row r="58" spans="1:4" ht="18" customHeight="1" x14ac:dyDescent="0.15">
      <c r="A58" s="5">
        <v>44</v>
      </c>
      <c r="B58" s="22">
        <v>19</v>
      </c>
      <c r="C58" s="14">
        <v>18</v>
      </c>
      <c r="D58" s="18">
        <v>37</v>
      </c>
    </row>
    <row r="59" spans="1:4" ht="18" customHeight="1" x14ac:dyDescent="0.15">
      <c r="A59" s="5" t="s">
        <v>21</v>
      </c>
      <c r="B59" s="22">
        <v>102</v>
      </c>
      <c r="C59" s="14">
        <v>91</v>
      </c>
      <c r="D59" s="18">
        <v>193</v>
      </c>
    </row>
    <row r="60" spans="1:4" ht="18" customHeight="1" x14ac:dyDescent="0.15">
      <c r="A60" s="5">
        <v>45</v>
      </c>
      <c r="B60" s="22">
        <v>19</v>
      </c>
      <c r="C60" s="14">
        <v>21</v>
      </c>
      <c r="D60" s="18">
        <v>40</v>
      </c>
    </row>
    <row r="61" spans="1:4" ht="18" customHeight="1" x14ac:dyDescent="0.15">
      <c r="A61" s="5">
        <v>46</v>
      </c>
      <c r="B61" s="22">
        <v>20</v>
      </c>
      <c r="C61" s="14">
        <v>19</v>
      </c>
      <c r="D61" s="18">
        <v>39</v>
      </c>
    </row>
    <row r="62" spans="1:4" ht="18" customHeight="1" x14ac:dyDescent="0.15">
      <c r="A62" s="5">
        <v>47</v>
      </c>
      <c r="B62" s="22">
        <v>16</v>
      </c>
      <c r="C62" s="14">
        <v>15</v>
      </c>
      <c r="D62" s="18">
        <v>31</v>
      </c>
    </row>
    <row r="63" spans="1:4" ht="18" customHeight="1" x14ac:dyDescent="0.15">
      <c r="A63" s="5">
        <v>48</v>
      </c>
      <c r="B63" s="22">
        <v>24</v>
      </c>
      <c r="C63" s="14">
        <v>20</v>
      </c>
      <c r="D63" s="18">
        <v>44</v>
      </c>
    </row>
    <row r="64" spans="1:4" ht="18" customHeight="1" x14ac:dyDescent="0.15">
      <c r="A64" s="5">
        <v>49</v>
      </c>
      <c r="B64" s="22">
        <v>19</v>
      </c>
      <c r="C64" s="14">
        <v>19</v>
      </c>
      <c r="D64" s="18">
        <v>38</v>
      </c>
    </row>
    <row r="65" spans="1:4" ht="18" customHeight="1" x14ac:dyDescent="0.15">
      <c r="A65" s="5" t="s">
        <v>17</v>
      </c>
      <c r="B65" s="22">
        <v>98</v>
      </c>
      <c r="C65" s="14">
        <v>94</v>
      </c>
      <c r="D65" s="18">
        <v>192</v>
      </c>
    </row>
    <row r="66" spans="1:4" ht="18" customHeight="1" x14ac:dyDescent="0.15">
      <c r="A66" s="5">
        <v>50</v>
      </c>
      <c r="B66" s="22">
        <v>28</v>
      </c>
      <c r="C66" s="14">
        <v>25</v>
      </c>
      <c r="D66" s="18">
        <v>53</v>
      </c>
    </row>
    <row r="67" spans="1:4" ht="18" customHeight="1" x14ac:dyDescent="0.15">
      <c r="A67" s="5">
        <v>51</v>
      </c>
      <c r="B67" s="22">
        <v>24</v>
      </c>
      <c r="C67" s="14">
        <v>21</v>
      </c>
      <c r="D67" s="18">
        <v>45</v>
      </c>
    </row>
    <row r="68" spans="1:4" ht="18" customHeight="1" x14ac:dyDescent="0.15">
      <c r="A68" s="5">
        <v>52</v>
      </c>
      <c r="B68" s="22">
        <v>33</v>
      </c>
      <c r="C68" s="14">
        <v>22</v>
      </c>
      <c r="D68" s="18">
        <v>55</v>
      </c>
    </row>
    <row r="69" spans="1:4" ht="18" customHeight="1" x14ac:dyDescent="0.15">
      <c r="A69" s="5">
        <v>53</v>
      </c>
      <c r="B69" s="22">
        <v>24</v>
      </c>
      <c r="C69" s="14">
        <v>26</v>
      </c>
      <c r="D69" s="18">
        <v>50</v>
      </c>
    </row>
    <row r="70" spans="1:4" ht="18" customHeight="1" x14ac:dyDescent="0.15">
      <c r="A70" s="5">
        <v>54</v>
      </c>
      <c r="B70" s="22">
        <v>21</v>
      </c>
      <c r="C70" s="14">
        <v>19</v>
      </c>
      <c r="D70" s="18">
        <v>40</v>
      </c>
    </row>
    <row r="71" spans="1:4" ht="18" customHeight="1" x14ac:dyDescent="0.15">
      <c r="A71" s="5" t="s">
        <v>22</v>
      </c>
      <c r="B71" s="22">
        <v>130</v>
      </c>
      <c r="C71" s="14">
        <v>113</v>
      </c>
      <c r="D71" s="18">
        <v>243</v>
      </c>
    </row>
    <row r="72" spans="1:4" ht="18" customHeight="1" x14ac:dyDescent="0.15">
      <c r="A72" s="5">
        <v>55</v>
      </c>
      <c r="B72" s="22">
        <v>21</v>
      </c>
      <c r="C72" s="14">
        <v>20</v>
      </c>
      <c r="D72" s="18">
        <v>41</v>
      </c>
    </row>
    <row r="73" spans="1:4" ht="18" customHeight="1" x14ac:dyDescent="0.15">
      <c r="A73" s="5">
        <v>56</v>
      </c>
      <c r="B73" s="22">
        <v>27</v>
      </c>
      <c r="C73" s="14">
        <v>27</v>
      </c>
      <c r="D73" s="18">
        <v>54</v>
      </c>
    </row>
    <row r="74" spans="1:4" ht="18" customHeight="1" x14ac:dyDescent="0.15">
      <c r="A74" s="5">
        <v>57</v>
      </c>
      <c r="B74" s="22">
        <v>26</v>
      </c>
      <c r="C74" s="14">
        <v>19</v>
      </c>
      <c r="D74" s="18">
        <v>45</v>
      </c>
    </row>
    <row r="75" spans="1:4" ht="18" customHeight="1" x14ac:dyDescent="0.15">
      <c r="A75" s="5">
        <v>58</v>
      </c>
      <c r="B75" s="22">
        <v>18</v>
      </c>
      <c r="C75" s="14">
        <v>20</v>
      </c>
      <c r="D75" s="18">
        <v>38</v>
      </c>
    </row>
    <row r="76" spans="1:4" ht="18" customHeight="1" x14ac:dyDescent="0.15">
      <c r="A76" s="5">
        <v>59</v>
      </c>
      <c r="B76" s="22">
        <v>26</v>
      </c>
      <c r="C76" s="14">
        <v>17</v>
      </c>
      <c r="D76" s="18">
        <v>43</v>
      </c>
    </row>
    <row r="77" spans="1:4" ht="18" customHeight="1" x14ac:dyDescent="0.15">
      <c r="A77" s="5" t="s">
        <v>27</v>
      </c>
      <c r="B77" s="22">
        <v>118</v>
      </c>
      <c r="C77" s="14">
        <v>103</v>
      </c>
      <c r="D77" s="18">
        <v>221</v>
      </c>
    </row>
    <row r="78" spans="1:4" ht="18" customHeight="1" x14ac:dyDescent="0.15">
      <c r="A78" s="5">
        <v>60</v>
      </c>
      <c r="B78" s="22">
        <v>17</v>
      </c>
      <c r="C78" s="14">
        <v>17</v>
      </c>
      <c r="D78" s="18">
        <v>34</v>
      </c>
    </row>
    <row r="79" spans="1:4" ht="18" customHeight="1" x14ac:dyDescent="0.15">
      <c r="A79" s="5">
        <v>61</v>
      </c>
      <c r="B79" s="22">
        <v>11</v>
      </c>
      <c r="C79" s="14">
        <v>20</v>
      </c>
      <c r="D79" s="18">
        <v>31</v>
      </c>
    </row>
    <row r="80" spans="1:4" ht="18" customHeight="1" x14ac:dyDescent="0.15">
      <c r="A80" s="5">
        <v>62</v>
      </c>
      <c r="B80" s="22">
        <v>14</v>
      </c>
      <c r="C80" s="14">
        <v>15</v>
      </c>
      <c r="D80" s="18">
        <v>29</v>
      </c>
    </row>
    <row r="81" spans="1:4" ht="18" customHeight="1" x14ac:dyDescent="0.15">
      <c r="A81" s="5">
        <v>63</v>
      </c>
      <c r="B81" s="22">
        <v>25</v>
      </c>
      <c r="C81" s="14">
        <v>15</v>
      </c>
      <c r="D81" s="18">
        <v>40</v>
      </c>
    </row>
    <row r="82" spans="1:4" ht="18" customHeight="1" x14ac:dyDescent="0.15">
      <c r="A82" s="5">
        <v>64</v>
      </c>
      <c r="B82" s="22">
        <v>16</v>
      </c>
      <c r="C82" s="14">
        <v>27</v>
      </c>
      <c r="D82" s="18">
        <v>43</v>
      </c>
    </row>
    <row r="83" spans="1:4" ht="18" customHeight="1" x14ac:dyDescent="0.15">
      <c r="A83" s="5" t="s">
        <v>28</v>
      </c>
      <c r="B83" s="22">
        <v>83</v>
      </c>
      <c r="C83" s="14">
        <v>94</v>
      </c>
      <c r="D83" s="18">
        <v>177</v>
      </c>
    </row>
    <row r="84" spans="1:4" ht="18" customHeight="1" x14ac:dyDescent="0.15">
      <c r="A84" s="5" t="s">
        <v>31</v>
      </c>
      <c r="B84" s="22">
        <v>917</v>
      </c>
      <c r="C84" s="14">
        <v>841</v>
      </c>
      <c r="D84" s="18">
        <v>1758</v>
      </c>
    </row>
    <row r="85" spans="1:4" ht="18" customHeight="1" x14ac:dyDescent="0.15">
      <c r="A85" s="5">
        <v>65</v>
      </c>
      <c r="B85" s="22">
        <v>18</v>
      </c>
      <c r="C85" s="14">
        <v>21</v>
      </c>
      <c r="D85" s="18">
        <v>39</v>
      </c>
    </row>
    <row r="86" spans="1:4" ht="18" customHeight="1" x14ac:dyDescent="0.15">
      <c r="A86" s="5">
        <v>66</v>
      </c>
      <c r="B86" s="22">
        <v>12</v>
      </c>
      <c r="C86" s="14">
        <v>17</v>
      </c>
      <c r="D86" s="18">
        <v>29</v>
      </c>
    </row>
    <row r="87" spans="1:4" ht="18" customHeight="1" x14ac:dyDescent="0.15">
      <c r="A87" s="5">
        <v>67</v>
      </c>
      <c r="B87" s="22">
        <v>16</v>
      </c>
      <c r="C87" s="14">
        <v>23</v>
      </c>
      <c r="D87" s="18">
        <v>39</v>
      </c>
    </row>
    <row r="88" spans="1:4" ht="18" customHeight="1" x14ac:dyDescent="0.15">
      <c r="A88" s="5">
        <v>68</v>
      </c>
      <c r="B88" s="22">
        <v>17</v>
      </c>
      <c r="C88" s="14">
        <v>13</v>
      </c>
      <c r="D88" s="18">
        <v>30</v>
      </c>
    </row>
    <row r="89" spans="1:4" ht="18" customHeight="1" x14ac:dyDescent="0.15">
      <c r="A89" s="5">
        <v>69</v>
      </c>
      <c r="B89" s="22">
        <v>21</v>
      </c>
      <c r="C89" s="14">
        <v>20</v>
      </c>
      <c r="D89" s="18">
        <v>41</v>
      </c>
    </row>
    <row r="90" spans="1:4" ht="18" customHeight="1" x14ac:dyDescent="0.15">
      <c r="A90" s="5" t="s">
        <v>20</v>
      </c>
      <c r="B90" s="22">
        <v>84</v>
      </c>
      <c r="C90" s="14">
        <v>94</v>
      </c>
      <c r="D90" s="18">
        <v>178</v>
      </c>
    </row>
    <row r="91" spans="1:4" ht="18" customHeight="1" x14ac:dyDescent="0.15">
      <c r="A91" s="5">
        <v>70</v>
      </c>
      <c r="B91" s="22">
        <v>18</v>
      </c>
      <c r="C91" s="14">
        <v>28</v>
      </c>
      <c r="D91" s="18">
        <v>46</v>
      </c>
    </row>
    <row r="92" spans="1:4" ht="18" customHeight="1" x14ac:dyDescent="0.15">
      <c r="A92" s="5">
        <v>71</v>
      </c>
      <c r="B92" s="22">
        <v>22</v>
      </c>
      <c r="C92" s="14">
        <v>22</v>
      </c>
      <c r="D92" s="18">
        <v>44</v>
      </c>
    </row>
    <row r="93" spans="1:4" ht="18" customHeight="1" x14ac:dyDescent="0.15">
      <c r="A93" s="5">
        <v>72</v>
      </c>
      <c r="B93" s="22">
        <v>21</v>
      </c>
      <c r="C93" s="14">
        <v>23</v>
      </c>
      <c r="D93" s="18">
        <v>44</v>
      </c>
    </row>
    <row r="94" spans="1:4" ht="18" customHeight="1" x14ac:dyDescent="0.15">
      <c r="A94" s="5">
        <v>73</v>
      </c>
      <c r="B94" s="22">
        <v>25</v>
      </c>
      <c r="C94" s="14">
        <v>36</v>
      </c>
      <c r="D94" s="18">
        <v>61</v>
      </c>
    </row>
    <row r="95" spans="1:4" ht="18" customHeight="1" x14ac:dyDescent="0.15">
      <c r="A95" s="5">
        <v>74</v>
      </c>
      <c r="B95" s="22">
        <v>17</v>
      </c>
      <c r="C95" s="14">
        <v>31</v>
      </c>
      <c r="D95" s="18">
        <v>48</v>
      </c>
    </row>
    <row r="96" spans="1:4" ht="18" customHeight="1" x14ac:dyDescent="0.15">
      <c r="A96" s="5" t="s">
        <v>33</v>
      </c>
      <c r="B96" s="22">
        <v>103</v>
      </c>
      <c r="C96" s="14">
        <v>140</v>
      </c>
      <c r="D96" s="18">
        <v>243</v>
      </c>
    </row>
    <row r="97" spans="1:4" ht="18" customHeight="1" x14ac:dyDescent="0.15">
      <c r="A97" s="5">
        <v>75</v>
      </c>
      <c r="B97" s="22">
        <v>26</v>
      </c>
      <c r="C97" s="14">
        <v>36</v>
      </c>
      <c r="D97" s="18">
        <v>62</v>
      </c>
    </row>
    <row r="98" spans="1:4" ht="18" customHeight="1" x14ac:dyDescent="0.15">
      <c r="A98" s="5">
        <v>76</v>
      </c>
      <c r="B98" s="22">
        <v>32</v>
      </c>
      <c r="C98" s="14">
        <v>33</v>
      </c>
      <c r="D98" s="18">
        <v>65</v>
      </c>
    </row>
    <row r="99" spans="1:4" ht="18" customHeight="1" x14ac:dyDescent="0.15">
      <c r="A99" s="5">
        <v>77</v>
      </c>
      <c r="B99" s="22">
        <v>37</v>
      </c>
      <c r="C99" s="14">
        <v>41</v>
      </c>
      <c r="D99" s="18">
        <v>78</v>
      </c>
    </row>
    <row r="100" spans="1:4" ht="18" customHeight="1" x14ac:dyDescent="0.15">
      <c r="A100" s="5">
        <v>78</v>
      </c>
      <c r="B100" s="22">
        <v>31</v>
      </c>
      <c r="C100" s="14">
        <v>21</v>
      </c>
      <c r="D100" s="18">
        <v>52</v>
      </c>
    </row>
    <row r="101" spans="1:4" ht="18" customHeight="1" x14ac:dyDescent="0.15">
      <c r="A101" s="5">
        <v>79</v>
      </c>
      <c r="B101" s="22">
        <v>25</v>
      </c>
      <c r="C101" s="14">
        <v>33</v>
      </c>
      <c r="D101" s="18">
        <v>58</v>
      </c>
    </row>
    <row r="102" spans="1:4" ht="18" customHeight="1" x14ac:dyDescent="0.15">
      <c r="A102" s="5" t="s">
        <v>0</v>
      </c>
      <c r="B102" s="22">
        <v>151</v>
      </c>
      <c r="C102" s="14">
        <v>164</v>
      </c>
      <c r="D102" s="18">
        <v>315</v>
      </c>
    </row>
    <row r="103" spans="1:4" ht="18" customHeight="1" x14ac:dyDescent="0.15">
      <c r="A103" s="5">
        <v>80</v>
      </c>
      <c r="B103" s="22">
        <v>15</v>
      </c>
      <c r="C103" s="14">
        <v>16</v>
      </c>
      <c r="D103" s="18">
        <v>31</v>
      </c>
    </row>
    <row r="104" spans="1:4" ht="18" customHeight="1" x14ac:dyDescent="0.15">
      <c r="A104" s="5">
        <v>81</v>
      </c>
      <c r="B104" s="22">
        <v>19</v>
      </c>
      <c r="C104" s="14">
        <v>22</v>
      </c>
      <c r="D104" s="18">
        <v>41</v>
      </c>
    </row>
    <row r="105" spans="1:4" ht="18" customHeight="1" x14ac:dyDescent="0.15">
      <c r="A105" s="5">
        <v>82</v>
      </c>
      <c r="B105" s="22">
        <v>22</v>
      </c>
      <c r="C105" s="14">
        <v>23</v>
      </c>
      <c r="D105" s="18">
        <v>45</v>
      </c>
    </row>
    <row r="106" spans="1:4" ht="18" customHeight="1" x14ac:dyDescent="0.15">
      <c r="A106" s="5">
        <v>83</v>
      </c>
      <c r="B106" s="22">
        <v>19</v>
      </c>
      <c r="C106" s="14">
        <v>18</v>
      </c>
      <c r="D106" s="18">
        <v>37</v>
      </c>
    </row>
    <row r="107" spans="1:4" ht="18" customHeight="1" x14ac:dyDescent="0.15">
      <c r="A107" s="5">
        <v>84</v>
      </c>
      <c r="B107" s="22">
        <v>21</v>
      </c>
      <c r="C107" s="14">
        <v>20</v>
      </c>
      <c r="D107" s="18">
        <v>41</v>
      </c>
    </row>
    <row r="108" spans="1:4" ht="18" customHeight="1" x14ac:dyDescent="0.15">
      <c r="A108" s="5" t="s">
        <v>35</v>
      </c>
      <c r="B108" s="22">
        <v>96</v>
      </c>
      <c r="C108" s="14">
        <v>99</v>
      </c>
      <c r="D108" s="18">
        <v>195</v>
      </c>
    </row>
    <row r="109" spans="1:4" ht="18" customHeight="1" x14ac:dyDescent="0.15">
      <c r="A109" s="5">
        <v>85</v>
      </c>
      <c r="B109" s="22">
        <v>12</v>
      </c>
      <c r="C109" s="14">
        <v>17</v>
      </c>
      <c r="D109" s="18">
        <v>29</v>
      </c>
    </row>
    <row r="110" spans="1:4" ht="18" customHeight="1" x14ac:dyDescent="0.15">
      <c r="A110" s="5">
        <v>86</v>
      </c>
      <c r="B110" s="22">
        <v>12</v>
      </c>
      <c r="C110" s="14">
        <v>12</v>
      </c>
      <c r="D110" s="18">
        <v>24</v>
      </c>
    </row>
    <row r="111" spans="1:4" ht="18" customHeight="1" x14ac:dyDescent="0.15">
      <c r="A111" s="5">
        <v>87</v>
      </c>
      <c r="B111" s="22">
        <v>5</v>
      </c>
      <c r="C111" s="14">
        <v>12</v>
      </c>
      <c r="D111" s="18">
        <v>17</v>
      </c>
    </row>
    <row r="112" spans="1:4" ht="18" customHeight="1" x14ac:dyDescent="0.15">
      <c r="A112" s="5">
        <v>88</v>
      </c>
      <c r="B112" s="22">
        <v>6</v>
      </c>
      <c r="C112" s="14">
        <v>18</v>
      </c>
      <c r="D112" s="18">
        <v>24</v>
      </c>
    </row>
    <row r="113" spans="1:4" ht="18" customHeight="1" x14ac:dyDescent="0.15">
      <c r="A113" s="5">
        <v>89</v>
      </c>
      <c r="B113" s="22">
        <v>5</v>
      </c>
      <c r="C113" s="14">
        <v>19</v>
      </c>
      <c r="D113" s="18">
        <v>24</v>
      </c>
    </row>
    <row r="114" spans="1:4" ht="18" customHeight="1" x14ac:dyDescent="0.15">
      <c r="A114" s="5" t="s">
        <v>37</v>
      </c>
      <c r="B114" s="22">
        <v>40</v>
      </c>
      <c r="C114" s="14">
        <v>78</v>
      </c>
      <c r="D114" s="18">
        <v>118</v>
      </c>
    </row>
    <row r="115" spans="1:4" ht="18" customHeight="1" x14ac:dyDescent="0.15">
      <c r="A115" s="5">
        <v>90</v>
      </c>
      <c r="B115" s="22">
        <v>8</v>
      </c>
      <c r="C115" s="14">
        <v>7</v>
      </c>
      <c r="D115" s="18">
        <v>15</v>
      </c>
    </row>
    <row r="116" spans="1:4" ht="18" customHeight="1" x14ac:dyDescent="0.15">
      <c r="A116" s="5">
        <v>91</v>
      </c>
      <c r="B116" s="22">
        <v>5</v>
      </c>
      <c r="C116" s="14">
        <v>9</v>
      </c>
      <c r="D116" s="18">
        <v>14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3</v>
      </c>
      <c r="C118" s="14">
        <v>10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19</v>
      </c>
      <c r="C120" s="14">
        <v>40</v>
      </c>
      <c r="D120" s="18">
        <v>59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3</v>
      </c>
      <c r="C126" s="14">
        <v>17</v>
      </c>
      <c r="D126" s="18">
        <v>20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496</v>
      </c>
      <c r="C130" s="14">
        <v>633</v>
      </c>
      <c r="D130" s="18">
        <v>1129</v>
      </c>
    </row>
    <row r="131" spans="1:4" ht="18" customHeight="1" x14ac:dyDescent="0.15">
      <c r="A131" s="7" t="s">
        <v>45</v>
      </c>
      <c r="B131" s="23">
        <v>1578</v>
      </c>
      <c r="C131" s="15">
        <v>1628</v>
      </c>
      <c r="D131" s="19">
        <v>32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2</v>
      </c>
      <c r="D5" s="17">
        <v>2</v>
      </c>
    </row>
    <row r="6" spans="1:4" ht="18" customHeight="1" x14ac:dyDescent="0.15">
      <c r="A6" s="5">
        <v>1</v>
      </c>
      <c r="B6" s="22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2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2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2">
        <v>2</v>
      </c>
      <c r="C9" s="14">
        <v>0</v>
      </c>
      <c r="D9" s="18">
        <v>2</v>
      </c>
    </row>
    <row r="10" spans="1:4" ht="18" customHeight="1" x14ac:dyDescent="0.15">
      <c r="A10" s="5" t="s">
        <v>7</v>
      </c>
      <c r="B10" s="22">
        <v>4</v>
      </c>
      <c r="C10" s="14">
        <v>4</v>
      </c>
      <c r="D10" s="18">
        <v>8</v>
      </c>
    </row>
    <row r="11" spans="1:4" ht="18" customHeight="1" x14ac:dyDescent="0.15">
      <c r="A11" s="5">
        <v>5</v>
      </c>
      <c r="B11" s="22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2">
        <v>4</v>
      </c>
      <c r="C12" s="14">
        <v>0</v>
      </c>
      <c r="D12" s="18">
        <v>4</v>
      </c>
    </row>
    <row r="13" spans="1:4" ht="18" customHeight="1" x14ac:dyDescent="0.15">
      <c r="A13" s="5">
        <v>7</v>
      </c>
      <c r="B13" s="22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2">
        <v>2</v>
      </c>
      <c r="C14" s="14">
        <v>3</v>
      </c>
      <c r="D14" s="18">
        <v>5</v>
      </c>
    </row>
    <row r="15" spans="1:4" ht="18" customHeight="1" x14ac:dyDescent="0.15">
      <c r="A15" s="5">
        <v>9</v>
      </c>
      <c r="B15" s="22">
        <v>5</v>
      </c>
      <c r="C15" s="14">
        <v>5</v>
      </c>
      <c r="D15" s="18">
        <v>10</v>
      </c>
    </row>
    <row r="16" spans="1:4" ht="18" customHeight="1" x14ac:dyDescent="0.15">
      <c r="A16" s="5" t="s">
        <v>11</v>
      </c>
      <c r="B16" s="22">
        <v>14</v>
      </c>
      <c r="C16" s="14">
        <v>12</v>
      </c>
      <c r="D16" s="18">
        <v>26</v>
      </c>
    </row>
    <row r="17" spans="1:4" ht="18" customHeight="1" x14ac:dyDescent="0.15">
      <c r="A17" s="5">
        <v>10</v>
      </c>
      <c r="B17" s="22">
        <v>3</v>
      </c>
      <c r="C17" s="14">
        <v>2</v>
      </c>
      <c r="D17" s="18">
        <v>5</v>
      </c>
    </row>
    <row r="18" spans="1:4" ht="18" customHeight="1" x14ac:dyDescent="0.15">
      <c r="A18" s="5">
        <v>11</v>
      </c>
      <c r="B18" s="22">
        <v>3</v>
      </c>
      <c r="C18" s="14">
        <v>5</v>
      </c>
      <c r="D18" s="18">
        <v>8</v>
      </c>
    </row>
    <row r="19" spans="1:4" ht="18" customHeight="1" x14ac:dyDescent="0.15">
      <c r="A19" s="5">
        <v>12</v>
      </c>
      <c r="B19" s="22">
        <v>3</v>
      </c>
      <c r="C19" s="14">
        <v>6</v>
      </c>
      <c r="D19" s="18">
        <v>9</v>
      </c>
    </row>
    <row r="20" spans="1:4" ht="18" customHeight="1" x14ac:dyDescent="0.15">
      <c r="A20" s="5">
        <v>13</v>
      </c>
      <c r="B20" s="22">
        <v>5</v>
      </c>
      <c r="C20" s="14">
        <v>4</v>
      </c>
      <c r="D20" s="18">
        <v>9</v>
      </c>
    </row>
    <row r="21" spans="1:4" ht="18" customHeight="1" x14ac:dyDescent="0.15">
      <c r="A21" s="5">
        <v>14</v>
      </c>
      <c r="B21" s="22">
        <v>4</v>
      </c>
      <c r="C21" s="14">
        <v>5</v>
      </c>
      <c r="D21" s="18">
        <v>9</v>
      </c>
    </row>
    <row r="22" spans="1:4" ht="18" customHeight="1" x14ac:dyDescent="0.15">
      <c r="A22" s="5" t="s">
        <v>12</v>
      </c>
      <c r="B22" s="22">
        <v>18</v>
      </c>
      <c r="C22" s="14">
        <v>22</v>
      </c>
      <c r="D22" s="18">
        <v>40</v>
      </c>
    </row>
    <row r="23" spans="1:4" ht="18" customHeight="1" x14ac:dyDescent="0.15">
      <c r="A23" s="5" t="s">
        <v>6</v>
      </c>
      <c r="B23" s="22">
        <v>36</v>
      </c>
      <c r="C23" s="14">
        <v>38</v>
      </c>
      <c r="D23" s="18">
        <v>74</v>
      </c>
    </row>
    <row r="24" spans="1:4" ht="18" customHeight="1" x14ac:dyDescent="0.15">
      <c r="A24" s="5">
        <v>15</v>
      </c>
      <c r="B24" s="22">
        <v>2</v>
      </c>
      <c r="C24" s="14">
        <v>2</v>
      </c>
      <c r="D24" s="18">
        <v>4</v>
      </c>
    </row>
    <row r="25" spans="1:4" ht="18" customHeight="1" x14ac:dyDescent="0.15">
      <c r="A25" s="5">
        <v>16</v>
      </c>
      <c r="B25" s="22">
        <v>2</v>
      </c>
      <c r="C25" s="14">
        <v>3</v>
      </c>
      <c r="D25" s="18">
        <v>5</v>
      </c>
    </row>
    <row r="26" spans="1:4" ht="18" customHeight="1" x14ac:dyDescent="0.15">
      <c r="A26" s="5">
        <v>17</v>
      </c>
      <c r="B26" s="22">
        <v>5</v>
      </c>
      <c r="C26" s="14">
        <v>5</v>
      </c>
      <c r="D26" s="18">
        <v>10</v>
      </c>
    </row>
    <row r="27" spans="1:4" ht="18" customHeight="1" x14ac:dyDescent="0.15">
      <c r="A27" s="5">
        <v>18</v>
      </c>
      <c r="B27" s="22">
        <v>4</v>
      </c>
      <c r="C27" s="14">
        <v>5</v>
      </c>
      <c r="D27" s="18">
        <v>9</v>
      </c>
    </row>
    <row r="28" spans="1:4" ht="18" customHeight="1" x14ac:dyDescent="0.15">
      <c r="A28" s="5">
        <v>19</v>
      </c>
      <c r="B28" s="22">
        <v>8</v>
      </c>
      <c r="C28" s="14">
        <v>2</v>
      </c>
      <c r="D28" s="18">
        <v>10</v>
      </c>
    </row>
    <row r="29" spans="1:4" ht="18" customHeight="1" x14ac:dyDescent="0.15">
      <c r="A29" s="5" t="s">
        <v>14</v>
      </c>
      <c r="B29" s="22">
        <v>21</v>
      </c>
      <c r="C29" s="14">
        <v>17</v>
      </c>
      <c r="D29" s="18">
        <v>38</v>
      </c>
    </row>
    <row r="30" spans="1:4" ht="18" customHeight="1" x14ac:dyDescent="0.15">
      <c r="A30" s="5">
        <v>20</v>
      </c>
      <c r="B30" s="22">
        <v>3</v>
      </c>
      <c r="C30" s="14">
        <v>1</v>
      </c>
      <c r="D30" s="18">
        <v>4</v>
      </c>
    </row>
    <row r="31" spans="1:4" ht="18" customHeight="1" x14ac:dyDescent="0.15">
      <c r="A31" s="5">
        <v>21</v>
      </c>
      <c r="B31" s="22">
        <v>3</v>
      </c>
      <c r="C31" s="14">
        <v>5</v>
      </c>
      <c r="D31" s="18">
        <v>8</v>
      </c>
    </row>
    <row r="32" spans="1:4" ht="18" customHeight="1" x14ac:dyDescent="0.15">
      <c r="A32" s="5">
        <v>22</v>
      </c>
      <c r="B32" s="22">
        <v>2</v>
      </c>
      <c r="C32" s="14">
        <v>6</v>
      </c>
      <c r="D32" s="18">
        <v>8</v>
      </c>
    </row>
    <row r="33" spans="1:4" ht="18" customHeight="1" x14ac:dyDescent="0.15">
      <c r="A33" s="5">
        <v>23</v>
      </c>
      <c r="B33" s="22">
        <v>4</v>
      </c>
      <c r="C33" s="14">
        <v>4</v>
      </c>
      <c r="D33" s="18">
        <v>8</v>
      </c>
    </row>
    <row r="34" spans="1:4" ht="18" customHeight="1" x14ac:dyDescent="0.15">
      <c r="A34" s="5">
        <v>24</v>
      </c>
      <c r="B34" s="22">
        <v>3</v>
      </c>
      <c r="C34" s="14">
        <v>2</v>
      </c>
      <c r="D34" s="18">
        <v>5</v>
      </c>
    </row>
    <row r="35" spans="1:4" ht="18" customHeight="1" x14ac:dyDescent="0.15">
      <c r="A35" s="5" t="s">
        <v>9</v>
      </c>
      <c r="B35" s="22">
        <v>15</v>
      </c>
      <c r="C35" s="14">
        <v>18</v>
      </c>
      <c r="D35" s="18">
        <v>33</v>
      </c>
    </row>
    <row r="36" spans="1:4" ht="18" customHeight="1" x14ac:dyDescent="0.15">
      <c r="A36" s="5">
        <v>25</v>
      </c>
      <c r="B36" s="22">
        <v>4</v>
      </c>
      <c r="C36" s="14">
        <v>6</v>
      </c>
      <c r="D36" s="18">
        <v>10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2</v>
      </c>
      <c r="C38" s="14">
        <v>4</v>
      </c>
      <c r="D38" s="18">
        <v>6</v>
      </c>
    </row>
    <row r="39" spans="1:4" ht="18" customHeight="1" x14ac:dyDescent="0.15">
      <c r="A39" s="5">
        <v>28</v>
      </c>
      <c r="B39" s="22">
        <v>3</v>
      </c>
      <c r="C39" s="14">
        <v>1</v>
      </c>
      <c r="D39" s="18">
        <v>4</v>
      </c>
    </row>
    <row r="40" spans="1:4" ht="18" customHeight="1" x14ac:dyDescent="0.15">
      <c r="A40" s="5">
        <v>29</v>
      </c>
      <c r="B40" s="22">
        <v>2</v>
      </c>
      <c r="C40" s="14">
        <v>6</v>
      </c>
      <c r="D40" s="18">
        <v>8</v>
      </c>
    </row>
    <row r="41" spans="1:4" ht="18" customHeight="1" x14ac:dyDescent="0.15">
      <c r="A41" s="5" t="s">
        <v>2</v>
      </c>
      <c r="B41" s="22">
        <v>13</v>
      </c>
      <c r="C41" s="14">
        <v>18</v>
      </c>
      <c r="D41" s="18">
        <v>31</v>
      </c>
    </row>
    <row r="42" spans="1:4" ht="18" customHeight="1" x14ac:dyDescent="0.15">
      <c r="A42" s="5">
        <v>30</v>
      </c>
      <c r="B42" s="22">
        <v>1</v>
      </c>
      <c r="C42" s="14">
        <v>1</v>
      </c>
      <c r="D42" s="18">
        <v>2</v>
      </c>
    </row>
    <row r="43" spans="1:4" ht="18" customHeight="1" x14ac:dyDescent="0.15">
      <c r="A43" s="5">
        <v>31</v>
      </c>
      <c r="B43" s="22">
        <v>4</v>
      </c>
      <c r="C43" s="14">
        <v>1</v>
      </c>
      <c r="D43" s="18">
        <v>5</v>
      </c>
    </row>
    <row r="44" spans="1:4" ht="18" customHeight="1" x14ac:dyDescent="0.15">
      <c r="A44" s="5">
        <v>32</v>
      </c>
      <c r="B44" s="22">
        <v>6</v>
      </c>
      <c r="C44" s="14">
        <v>4</v>
      </c>
      <c r="D44" s="18">
        <v>10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3</v>
      </c>
      <c r="D46" s="18">
        <v>4</v>
      </c>
    </row>
    <row r="47" spans="1:4" ht="18" customHeight="1" x14ac:dyDescent="0.15">
      <c r="A47" s="5" t="s">
        <v>15</v>
      </c>
      <c r="B47" s="22">
        <v>16</v>
      </c>
      <c r="C47" s="14">
        <v>9</v>
      </c>
      <c r="D47" s="18">
        <v>25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2</v>
      </c>
      <c r="C49" s="14">
        <v>4</v>
      </c>
      <c r="D49" s="18">
        <v>6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7</v>
      </c>
      <c r="C52" s="14">
        <v>2</v>
      </c>
      <c r="D52" s="18">
        <v>9</v>
      </c>
    </row>
    <row r="53" spans="1:4" ht="18" customHeight="1" x14ac:dyDescent="0.15">
      <c r="A53" s="5" t="s">
        <v>18</v>
      </c>
      <c r="B53" s="22">
        <v>18</v>
      </c>
      <c r="C53" s="14">
        <v>13</v>
      </c>
      <c r="D53" s="18">
        <v>31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3</v>
      </c>
      <c r="C55" s="14">
        <v>6</v>
      </c>
      <c r="D55" s="18">
        <v>9</v>
      </c>
    </row>
    <row r="56" spans="1:4" ht="18" customHeight="1" x14ac:dyDescent="0.15">
      <c r="A56" s="5">
        <v>42</v>
      </c>
      <c r="B56" s="22">
        <v>7</v>
      </c>
      <c r="C56" s="14">
        <v>10</v>
      </c>
      <c r="D56" s="18">
        <v>17</v>
      </c>
    </row>
    <row r="57" spans="1:4" ht="18" customHeight="1" x14ac:dyDescent="0.15">
      <c r="A57" s="5">
        <v>43</v>
      </c>
      <c r="B57" s="22">
        <v>6</v>
      </c>
      <c r="C57" s="14">
        <v>4</v>
      </c>
      <c r="D57" s="18">
        <v>10</v>
      </c>
    </row>
    <row r="58" spans="1:4" ht="18" customHeight="1" x14ac:dyDescent="0.15">
      <c r="A58" s="5">
        <v>44</v>
      </c>
      <c r="B58" s="22">
        <v>2</v>
      </c>
      <c r="C58" s="14">
        <v>8</v>
      </c>
      <c r="D58" s="18">
        <v>10</v>
      </c>
    </row>
    <row r="59" spans="1:4" ht="18" customHeight="1" x14ac:dyDescent="0.15">
      <c r="A59" s="5" t="s">
        <v>21</v>
      </c>
      <c r="B59" s="22">
        <v>21</v>
      </c>
      <c r="C59" s="14">
        <v>29</v>
      </c>
      <c r="D59" s="18">
        <v>50</v>
      </c>
    </row>
    <row r="60" spans="1:4" ht="18" customHeight="1" x14ac:dyDescent="0.15">
      <c r="A60" s="5">
        <v>45</v>
      </c>
      <c r="B60" s="22">
        <v>7</v>
      </c>
      <c r="C60" s="14">
        <v>8</v>
      </c>
      <c r="D60" s="18">
        <v>15</v>
      </c>
    </row>
    <row r="61" spans="1:4" ht="18" customHeight="1" x14ac:dyDescent="0.15">
      <c r="A61" s="5">
        <v>46</v>
      </c>
      <c r="B61" s="22">
        <v>7</v>
      </c>
      <c r="C61" s="14">
        <v>6</v>
      </c>
      <c r="D61" s="18">
        <v>13</v>
      </c>
    </row>
    <row r="62" spans="1:4" ht="18" customHeight="1" x14ac:dyDescent="0.15">
      <c r="A62" s="5">
        <v>47</v>
      </c>
      <c r="B62" s="22">
        <v>5</v>
      </c>
      <c r="C62" s="14">
        <v>12</v>
      </c>
      <c r="D62" s="18">
        <v>17</v>
      </c>
    </row>
    <row r="63" spans="1:4" ht="18" customHeight="1" x14ac:dyDescent="0.15">
      <c r="A63" s="5">
        <v>48</v>
      </c>
      <c r="B63" s="22">
        <v>8</v>
      </c>
      <c r="C63" s="14">
        <v>5</v>
      </c>
      <c r="D63" s="18">
        <v>13</v>
      </c>
    </row>
    <row r="64" spans="1:4" ht="18" customHeight="1" x14ac:dyDescent="0.15">
      <c r="A64" s="5">
        <v>49</v>
      </c>
      <c r="B64" s="22">
        <v>5</v>
      </c>
      <c r="C64" s="14">
        <v>4</v>
      </c>
      <c r="D64" s="18">
        <v>9</v>
      </c>
    </row>
    <row r="65" spans="1:4" ht="18" customHeight="1" x14ac:dyDescent="0.15">
      <c r="A65" s="5" t="s">
        <v>17</v>
      </c>
      <c r="B65" s="22">
        <v>32</v>
      </c>
      <c r="C65" s="14">
        <v>35</v>
      </c>
      <c r="D65" s="18">
        <v>67</v>
      </c>
    </row>
    <row r="66" spans="1:4" ht="18" customHeight="1" x14ac:dyDescent="0.15">
      <c r="A66" s="5">
        <v>50</v>
      </c>
      <c r="B66" s="22">
        <v>7</v>
      </c>
      <c r="C66" s="14">
        <v>8</v>
      </c>
      <c r="D66" s="18">
        <v>15</v>
      </c>
    </row>
    <row r="67" spans="1:4" ht="18" customHeight="1" x14ac:dyDescent="0.15">
      <c r="A67" s="5">
        <v>51</v>
      </c>
      <c r="B67" s="22">
        <v>10</v>
      </c>
      <c r="C67" s="14">
        <v>6</v>
      </c>
      <c r="D67" s="18">
        <v>16</v>
      </c>
    </row>
    <row r="68" spans="1:4" ht="18" customHeight="1" x14ac:dyDescent="0.15">
      <c r="A68" s="5">
        <v>52</v>
      </c>
      <c r="B68" s="22">
        <v>8</v>
      </c>
      <c r="C68" s="14">
        <v>8</v>
      </c>
      <c r="D68" s="18">
        <v>16</v>
      </c>
    </row>
    <row r="69" spans="1:4" ht="18" customHeight="1" x14ac:dyDescent="0.15">
      <c r="A69" s="5">
        <v>53</v>
      </c>
      <c r="B69" s="22">
        <v>14</v>
      </c>
      <c r="C69" s="14">
        <v>12</v>
      </c>
      <c r="D69" s="18">
        <v>26</v>
      </c>
    </row>
    <row r="70" spans="1:4" ht="18" customHeight="1" x14ac:dyDescent="0.15">
      <c r="A70" s="5">
        <v>54</v>
      </c>
      <c r="B70" s="22">
        <v>7</v>
      </c>
      <c r="C70" s="14">
        <v>10</v>
      </c>
      <c r="D70" s="18">
        <v>17</v>
      </c>
    </row>
    <row r="71" spans="1:4" ht="18" customHeight="1" x14ac:dyDescent="0.15">
      <c r="A71" s="5" t="s">
        <v>22</v>
      </c>
      <c r="B71" s="22">
        <v>46</v>
      </c>
      <c r="C71" s="14">
        <v>44</v>
      </c>
      <c r="D71" s="18">
        <v>90</v>
      </c>
    </row>
    <row r="72" spans="1:4" ht="18" customHeight="1" x14ac:dyDescent="0.15">
      <c r="A72" s="5">
        <v>55</v>
      </c>
      <c r="B72" s="22">
        <v>5</v>
      </c>
      <c r="C72" s="14">
        <v>10</v>
      </c>
      <c r="D72" s="18">
        <v>15</v>
      </c>
    </row>
    <row r="73" spans="1:4" ht="18" customHeight="1" x14ac:dyDescent="0.15">
      <c r="A73" s="5">
        <v>56</v>
      </c>
      <c r="B73" s="22">
        <v>8</v>
      </c>
      <c r="C73" s="14">
        <v>3</v>
      </c>
      <c r="D73" s="18">
        <v>11</v>
      </c>
    </row>
    <row r="74" spans="1:4" ht="18" customHeight="1" x14ac:dyDescent="0.15">
      <c r="A74" s="5">
        <v>57</v>
      </c>
      <c r="B74" s="22">
        <v>7</v>
      </c>
      <c r="C74" s="14">
        <v>5</v>
      </c>
      <c r="D74" s="18">
        <v>12</v>
      </c>
    </row>
    <row r="75" spans="1:4" ht="18" customHeight="1" x14ac:dyDescent="0.15">
      <c r="A75" s="5">
        <v>58</v>
      </c>
      <c r="B75" s="22">
        <v>4</v>
      </c>
      <c r="C75" s="14">
        <v>2</v>
      </c>
      <c r="D75" s="18">
        <v>6</v>
      </c>
    </row>
    <row r="76" spans="1:4" ht="18" customHeight="1" x14ac:dyDescent="0.15">
      <c r="A76" s="5">
        <v>59</v>
      </c>
      <c r="B76" s="22">
        <v>3</v>
      </c>
      <c r="C76" s="14">
        <v>8</v>
      </c>
      <c r="D76" s="18">
        <v>11</v>
      </c>
    </row>
    <row r="77" spans="1:4" ht="18" customHeight="1" x14ac:dyDescent="0.15">
      <c r="A77" s="5" t="s">
        <v>27</v>
      </c>
      <c r="B77" s="22">
        <v>27</v>
      </c>
      <c r="C77" s="14">
        <v>28</v>
      </c>
      <c r="D77" s="18">
        <v>55</v>
      </c>
    </row>
    <row r="78" spans="1:4" ht="18" customHeight="1" x14ac:dyDescent="0.15">
      <c r="A78" s="5">
        <v>60</v>
      </c>
      <c r="B78" s="22">
        <v>6</v>
      </c>
      <c r="C78" s="14">
        <v>5</v>
      </c>
      <c r="D78" s="18">
        <v>11</v>
      </c>
    </row>
    <row r="79" spans="1:4" ht="18" customHeight="1" x14ac:dyDescent="0.15">
      <c r="A79" s="5">
        <v>61</v>
      </c>
      <c r="B79" s="22">
        <v>4</v>
      </c>
      <c r="C79" s="14">
        <v>8</v>
      </c>
      <c r="D79" s="18">
        <v>12</v>
      </c>
    </row>
    <row r="80" spans="1:4" ht="18" customHeight="1" x14ac:dyDescent="0.15">
      <c r="A80" s="5">
        <v>62</v>
      </c>
      <c r="B80" s="22">
        <v>3</v>
      </c>
      <c r="C80" s="14">
        <v>4</v>
      </c>
      <c r="D80" s="18">
        <v>7</v>
      </c>
    </row>
    <row r="81" spans="1:4" ht="18" customHeight="1" x14ac:dyDescent="0.15">
      <c r="A81" s="5">
        <v>63</v>
      </c>
      <c r="B81" s="22">
        <v>6</v>
      </c>
      <c r="C81" s="14">
        <v>7</v>
      </c>
      <c r="D81" s="18">
        <v>13</v>
      </c>
    </row>
    <row r="82" spans="1:4" ht="18" customHeight="1" x14ac:dyDescent="0.15">
      <c r="A82" s="5">
        <v>64</v>
      </c>
      <c r="B82" s="22">
        <v>8</v>
      </c>
      <c r="C82" s="14">
        <v>10</v>
      </c>
      <c r="D82" s="18">
        <v>18</v>
      </c>
    </row>
    <row r="83" spans="1:4" ht="18" customHeight="1" x14ac:dyDescent="0.15">
      <c r="A83" s="5" t="s">
        <v>28</v>
      </c>
      <c r="B83" s="22">
        <v>27</v>
      </c>
      <c r="C83" s="14">
        <v>34</v>
      </c>
      <c r="D83" s="18">
        <v>61</v>
      </c>
    </row>
    <row r="84" spans="1:4" ht="18" customHeight="1" x14ac:dyDescent="0.15">
      <c r="A84" s="5" t="s">
        <v>31</v>
      </c>
      <c r="B84" s="22">
        <v>236</v>
      </c>
      <c r="C84" s="14">
        <v>245</v>
      </c>
      <c r="D84" s="18">
        <v>481</v>
      </c>
    </row>
    <row r="85" spans="1:4" ht="18" customHeight="1" x14ac:dyDescent="0.15">
      <c r="A85" s="5">
        <v>65</v>
      </c>
      <c r="B85" s="22">
        <v>8</v>
      </c>
      <c r="C85" s="14">
        <v>13</v>
      </c>
      <c r="D85" s="18">
        <v>21</v>
      </c>
    </row>
    <row r="86" spans="1:4" ht="18" customHeight="1" x14ac:dyDescent="0.15">
      <c r="A86" s="5">
        <v>66</v>
      </c>
      <c r="B86" s="22">
        <v>6</v>
      </c>
      <c r="C86" s="14">
        <v>6</v>
      </c>
      <c r="D86" s="18">
        <v>12</v>
      </c>
    </row>
    <row r="87" spans="1:4" ht="18" customHeight="1" x14ac:dyDescent="0.15">
      <c r="A87" s="5">
        <v>67</v>
      </c>
      <c r="B87" s="22">
        <v>6</v>
      </c>
      <c r="C87" s="14">
        <v>3</v>
      </c>
      <c r="D87" s="18">
        <v>9</v>
      </c>
    </row>
    <row r="88" spans="1:4" ht="18" customHeight="1" x14ac:dyDescent="0.15">
      <c r="A88" s="5">
        <v>68</v>
      </c>
      <c r="B88" s="22">
        <v>4</v>
      </c>
      <c r="C88" s="14">
        <v>7</v>
      </c>
      <c r="D88" s="18">
        <v>11</v>
      </c>
    </row>
    <row r="89" spans="1:4" ht="18" customHeight="1" x14ac:dyDescent="0.15">
      <c r="A89" s="5">
        <v>69</v>
      </c>
      <c r="B89" s="22">
        <v>7</v>
      </c>
      <c r="C89" s="14">
        <v>5</v>
      </c>
      <c r="D89" s="18">
        <v>12</v>
      </c>
    </row>
    <row r="90" spans="1:4" ht="18" customHeight="1" x14ac:dyDescent="0.15">
      <c r="A90" s="5" t="s">
        <v>20</v>
      </c>
      <c r="B90" s="22">
        <v>31</v>
      </c>
      <c r="C90" s="14">
        <v>34</v>
      </c>
      <c r="D90" s="18">
        <v>65</v>
      </c>
    </row>
    <row r="91" spans="1:4" ht="18" customHeight="1" x14ac:dyDescent="0.15">
      <c r="A91" s="5">
        <v>70</v>
      </c>
      <c r="B91" s="22">
        <v>5</v>
      </c>
      <c r="C91" s="14">
        <v>10</v>
      </c>
      <c r="D91" s="18">
        <v>15</v>
      </c>
    </row>
    <row r="92" spans="1:4" ht="18" customHeight="1" x14ac:dyDescent="0.15">
      <c r="A92" s="5">
        <v>71</v>
      </c>
      <c r="B92" s="22">
        <v>10</v>
      </c>
      <c r="C92" s="14">
        <v>4</v>
      </c>
      <c r="D92" s="18">
        <v>14</v>
      </c>
    </row>
    <row r="93" spans="1:4" ht="18" customHeight="1" x14ac:dyDescent="0.15">
      <c r="A93" s="5">
        <v>72</v>
      </c>
      <c r="B93" s="22">
        <v>4</v>
      </c>
      <c r="C93" s="14">
        <v>12</v>
      </c>
      <c r="D93" s="18">
        <v>16</v>
      </c>
    </row>
    <row r="94" spans="1:4" ht="18" customHeight="1" x14ac:dyDescent="0.15">
      <c r="A94" s="5">
        <v>73</v>
      </c>
      <c r="B94" s="22">
        <v>6</v>
      </c>
      <c r="C94" s="14">
        <v>9</v>
      </c>
      <c r="D94" s="18">
        <v>15</v>
      </c>
    </row>
    <row r="95" spans="1:4" ht="18" customHeight="1" x14ac:dyDescent="0.15">
      <c r="A95" s="5">
        <v>74</v>
      </c>
      <c r="B95" s="22">
        <v>9</v>
      </c>
      <c r="C95" s="14">
        <v>6</v>
      </c>
      <c r="D95" s="18">
        <v>15</v>
      </c>
    </row>
    <row r="96" spans="1:4" ht="18" customHeight="1" x14ac:dyDescent="0.15">
      <c r="A96" s="5" t="s">
        <v>33</v>
      </c>
      <c r="B96" s="22">
        <v>34</v>
      </c>
      <c r="C96" s="14">
        <v>41</v>
      </c>
      <c r="D96" s="18">
        <v>75</v>
      </c>
    </row>
    <row r="97" spans="1:4" ht="18" customHeight="1" x14ac:dyDescent="0.15">
      <c r="A97" s="5">
        <v>75</v>
      </c>
      <c r="B97" s="22">
        <v>11</v>
      </c>
      <c r="C97" s="14">
        <v>9</v>
      </c>
      <c r="D97" s="18">
        <v>20</v>
      </c>
    </row>
    <row r="98" spans="1:4" ht="18" customHeight="1" x14ac:dyDescent="0.15">
      <c r="A98" s="5">
        <v>76</v>
      </c>
      <c r="B98" s="22">
        <v>11</v>
      </c>
      <c r="C98" s="14">
        <v>13</v>
      </c>
      <c r="D98" s="18">
        <v>24</v>
      </c>
    </row>
    <row r="99" spans="1:4" ht="18" customHeight="1" x14ac:dyDescent="0.15">
      <c r="A99" s="5">
        <v>77</v>
      </c>
      <c r="B99" s="22">
        <v>13</v>
      </c>
      <c r="C99" s="14">
        <v>13</v>
      </c>
      <c r="D99" s="18">
        <v>26</v>
      </c>
    </row>
    <row r="100" spans="1:4" ht="18" customHeight="1" x14ac:dyDescent="0.15">
      <c r="A100" s="5">
        <v>78</v>
      </c>
      <c r="B100" s="22">
        <v>9</v>
      </c>
      <c r="C100" s="14">
        <v>13</v>
      </c>
      <c r="D100" s="18">
        <v>22</v>
      </c>
    </row>
    <row r="101" spans="1:4" ht="18" customHeight="1" x14ac:dyDescent="0.15">
      <c r="A101" s="5">
        <v>79</v>
      </c>
      <c r="B101" s="22">
        <v>6</v>
      </c>
      <c r="C101" s="14">
        <v>13</v>
      </c>
      <c r="D101" s="18">
        <v>19</v>
      </c>
    </row>
    <row r="102" spans="1:4" ht="18" customHeight="1" x14ac:dyDescent="0.15">
      <c r="A102" s="5" t="s">
        <v>0</v>
      </c>
      <c r="B102" s="22">
        <v>50</v>
      </c>
      <c r="C102" s="14">
        <v>61</v>
      </c>
      <c r="D102" s="18">
        <v>111</v>
      </c>
    </row>
    <row r="103" spans="1:4" ht="18" customHeight="1" x14ac:dyDescent="0.15">
      <c r="A103" s="5">
        <v>80</v>
      </c>
      <c r="B103" s="22">
        <v>3</v>
      </c>
      <c r="C103" s="14">
        <v>3</v>
      </c>
      <c r="D103" s="18">
        <v>6</v>
      </c>
    </row>
    <row r="104" spans="1:4" ht="18" customHeight="1" x14ac:dyDescent="0.15">
      <c r="A104" s="5">
        <v>81</v>
      </c>
      <c r="B104" s="22">
        <v>7</v>
      </c>
      <c r="C104" s="14">
        <v>3</v>
      </c>
      <c r="D104" s="18">
        <v>10</v>
      </c>
    </row>
    <row r="105" spans="1:4" ht="18" customHeight="1" x14ac:dyDescent="0.15">
      <c r="A105" s="5">
        <v>82</v>
      </c>
      <c r="B105" s="22">
        <v>7</v>
      </c>
      <c r="C105" s="14">
        <v>5</v>
      </c>
      <c r="D105" s="18">
        <v>12</v>
      </c>
    </row>
    <row r="106" spans="1:4" ht="18" customHeight="1" x14ac:dyDescent="0.15">
      <c r="A106" s="5">
        <v>83</v>
      </c>
      <c r="B106" s="22">
        <v>9</v>
      </c>
      <c r="C106" s="14">
        <v>3</v>
      </c>
      <c r="D106" s="18">
        <v>12</v>
      </c>
    </row>
    <row r="107" spans="1:4" ht="18" customHeight="1" x14ac:dyDescent="0.15">
      <c r="A107" s="5">
        <v>84</v>
      </c>
      <c r="B107" s="22">
        <v>5</v>
      </c>
      <c r="C107" s="14">
        <v>3</v>
      </c>
      <c r="D107" s="18">
        <v>8</v>
      </c>
    </row>
    <row r="108" spans="1:4" ht="18" customHeight="1" x14ac:dyDescent="0.15">
      <c r="A108" s="5" t="s">
        <v>35</v>
      </c>
      <c r="B108" s="22">
        <v>31</v>
      </c>
      <c r="C108" s="14">
        <v>17</v>
      </c>
      <c r="D108" s="18">
        <v>48</v>
      </c>
    </row>
    <row r="109" spans="1:4" ht="18" customHeight="1" x14ac:dyDescent="0.15">
      <c r="A109" s="5">
        <v>85</v>
      </c>
      <c r="B109" s="22">
        <v>3</v>
      </c>
      <c r="C109" s="14">
        <v>9</v>
      </c>
      <c r="D109" s="18">
        <v>12</v>
      </c>
    </row>
    <row r="110" spans="1:4" ht="18" customHeight="1" x14ac:dyDescent="0.15">
      <c r="A110" s="5">
        <v>86</v>
      </c>
      <c r="B110" s="22">
        <v>2</v>
      </c>
      <c r="C110" s="14">
        <v>6</v>
      </c>
      <c r="D110" s="18">
        <v>8</v>
      </c>
    </row>
    <row r="111" spans="1:4" ht="18" customHeight="1" x14ac:dyDescent="0.15">
      <c r="A111" s="5">
        <v>87</v>
      </c>
      <c r="B111" s="22">
        <v>1</v>
      </c>
      <c r="C111" s="14">
        <v>6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9</v>
      </c>
      <c r="C114" s="14">
        <v>30</v>
      </c>
      <c r="D114" s="18">
        <v>39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3</v>
      </c>
      <c r="C116" s="14">
        <v>6</v>
      </c>
      <c r="D116" s="18">
        <v>9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2</v>
      </c>
      <c r="C118" s="14">
        <v>0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7</v>
      </c>
      <c r="C120" s="14">
        <v>18</v>
      </c>
      <c r="D120" s="18">
        <v>2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4</v>
      </c>
      <c r="C130" s="14">
        <v>207</v>
      </c>
      <c r="D130" s="18">
        <v>371</v>
      </c>
    </row>
    <row r="131" spans="1:4" ht="18" customHeight="1" x14ac:dyDescent="0.15">
      <c r="A131" s="7" t="s">
        <v>45</v>
      </c>
      <c r="B131" s="23">
        <v>436</v>
      </c>
      <c r="C131" s="15">
        <v>490</v>
      </c>
      <c r="D131" s="19">
        <v>9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5</v>
      </c>
      <c r="D5" s="17">
        <v>6</v>
      </c>
    </row>
    <row r="6" spans="1:4" ht="18" customHeight="1" x14ac:dyDescent="0.15">
      <c r="A6" s="5">
        <v>1</v>
      </c>
      <c r="B6" s="22">
        <v>3</v>
      </c>
      <c r="C6" s="14">
        <v>4</v>
      </c>
      <c r="D6" s="18">
        <v>7</v>
      </c>
    </row>
    <row r="7" spans="1:4" ht="18" customHeight="1" x14ac:dyDescent="0.15">
      <c r="A7" s="5">
        <v>2</v>
      </c>
      <c r="B7" s="22">
        <v>8</v>
      </c>
      <c r="C7" s="14">
        <v>5</v>
      </c>
      <c r="D7" s="18">
        <v>13</v>
      </c>
    </row>
    <row r="8" spans="1:4" ht="18" customHeight="1" x14ac:dyDescent="0.15">
      <c r="A8" s="5">
        <v>3</v>
      </c>
      <c r="B8" s="22">
        <v>7</v>
      </c>
      <c r="C8" s="14">
        <v>7</v>
      </c>
      <c r="D8" s="18">
        <v>14</v>
      </c>
    </row>
    <row r="9" spans="1:4" ht="18" customHeight="1" x14ac:dyDescent="0.15">
      <c r="A9" s="5">
        <v>4</v>
      </c>
      <c r="B9" s="22">
        <v>3</v>
      </c>
      <c r="C9" s="14">
        <v>7</v>
      </c>
      <c r="D9" s="18">
        <v>10</v>
      </c>
    </row>
    <row r="10" spans="1:4" ht="18" customHeight="1" x14ac:dyDescent="0.15">
      <c r="A10" s="5" t="s">
        <v>7</v>
      </c>
      <c r="B10" s="22">
        <v>22</v>
      </c>
      <c r="C10" s="14">
        <v>28</v>
      </c>
      <c r="D10" s="18">
        <v>50</v>
      </c>
    </row>
    <row r="11" spans="1:4" ht="18" customHeight="1" x14ac:dyDescent="0.15">
      <c r="A11" s="5">
        <v>5</v>
      </c>
      <c r="B11" s="22">
        <v>10</v>
      </c>
      <c r="C11" s="14">
        <v>12</v>
      </c>
      <c r="D11" s="18">
        <v>22</v>
      </c>
    </row>
    <row r="12" spans="1:4" ht="18" customHeight="1" x14ac:dyDescent="0.15">
      <c r="A12" s="5">
        <v>6</v>
      </c>
      <c r="B12" s="22">
        <v>11</v>
      </c>
      <c r="C12" s="14">
        <v>3</v>
      </c>
      <c r="D12" s="18">
        <v>14</v>
      </c>
    </row>
    <row r="13" spans="1:4" ht="18" customHeight="1" x14ac:dyDescent="0.15">
      <c r="A13" s="5">
        <v>7</v>
      </c>
      <c r="B13" s="22">
        <v>5</v>
      </c>
      <c r="C13" s="14">
        <v>7</v>
      </c>
      <c r="D13" s="18">
        <v>12</v>
      </c>
    </row>
    <row r="14" spans="1:4" ht="18" customHeight="1" x14ac:dyDescent="0.15">
      <c r="A14" s="5">
        <v>8</v>
      </c>
      <c r="B14" s="22">
        <v>13</v>
      </c>
      <c r="C14" s="14">
        <v>6</v>
      </c>
      <c r="D14" s="18">
        <v>19</v>
      </c>
    </row>
    <row r="15" spans="1:4" ht="18" customHeight="1" x14ac:dyDescent="0.15">
      <c r="A15" s="5">
        <v>9</v>
      </c>
      <c r="B15" s="22">
        <v>7</v>
      </c>
      <c r="C15" s="14">
        <v>15</v>
      </c>
      <c r="D15" s="18">
        <v>22</v>
      </c>
    </row>
    <row r="16" spans="1:4" ht="18" customHeight="1" x14ac:dyDescent="0.15">
      <c r="A16" s="5" t="s">
        <v>11</v>
      </c>
      <c r="B16" s="22">
        <v>46</v>
      </c>
      <c r="C16" s="14">
        <v>43</v>
      </c>
      <c r="D16" s="18">
        <v>89</v>
      </c>
    </row>
    <row r="17" spans="1:4" ht="18" customHeight="1" x14ac:dyDescent="0.15">
      <c r="A17" s="5">
        <v>10</v>
      </c>
      <c r="B17" s="22">
        <v>4</v>
      </c>
      <c r="C17" s="14">
        <v>11</v>
      </c>
      <c r="D17" s="18">
        <v>15</v>
      </c>
    </row>
    <row r="18" spans="1:4" ht="18" customHeight="1" x14ac:dyDescent="0.15">
      <c r="A18" s="5">
        <v>11</v>
      </c>
      <c r="B18" s="22">
        <v>17</v>
      </c>
      <c r="C18" s="14">
        <v>6</v>
      </c>
      <c r="D18" s="18">
        <v>23</v>
      </c>
    </row>
    <row r="19" spans="1:4" ht="18" customHeight="1" x14ac:dyDescent="0.15">
      <c r="A19" s="5">
        <v>12</v>
      </c>
      <c r="B19" s="22">
        <v>18</v>
      </c>
      <c r="C19" s="14">
        <v>8</v>
      </c>
      <c r="D19" s="18">
        <v>26</v>
      </c>
    </row>
    <row r="20" spans="1:4" ht="18" customHeight="1" x14ac:dyDescent="0.15">
      <c r="A20" s="5">
        <v>13</v>
      </c>
      <c r="B20" s="22">
        <v>12</v>
      </c>
      <c r="C20" s="14">
        <v>9</v>
      </c>
      <c r="D20" s="18">
        <v>21</v>
      </c>
    </row>
    <row r="21" spans="1:4" ht="18" customHeight="1" x14ac:dyDescent="0.15">
      <c r="A21" s="5">
        <v>14</v>
      </c>
      <c r="B21" s="22">
        <v>14</v>
      </c>
      <c r="C21" s="14">
        <v>9</v>
      </c>
      <c r="D21" s="18">
        <v>23</v>
      </c>
    </row>
    <row r="22" spans="1:4" ht="18" customHeight="1" x14ac:dyDescent="0.15">
      <c r="A22" s="5" t="s">
        <v>12</v>
      </c>
      <c r="B22" s="22">
        <v>65</v>
      </c>
      <c r="C22" s="14">
        <v>43</v>
      </c>
      <c r="D22" s="18">
        <v>108</v>
      </c>
    </row>
    <row r="23" spans="1:4" ht="18" customHeight="1" x14ac:dyDescent="0.15">
      <c r="A23" s="5" t="s">
        <v>6</v>
      </c>
      <c r="B23" s="22">
        <v>133</v>
      </c>
      <c r="C23" s="14">
        <v>114</v>
      </c>
      <c r="D23" s="18">
        <v>247</v>
      </c>
    </row>
    <row r="24" spans="1:4" ht="18" customHeight="1" x14ac:dyDescent="0.15">
      <c r="A24" s="5">
        <v>15</v>
      </c>
      <c r="B24" s="22">
        <v>6</v>
      </c>
      <c r="C24" s="14">
        <v>13</v>
      </c>
      <c r="D24" s="18">
        <v>19</v>
      </c>
    </row>
    <row r="25" spans="1:4" ht="18" customHeight="1" x14ac:dyDescent="0.15">
      <c r="A25" s="5">
        <v>16</v>
      </c>
      <c r="B25" s="22">
        <v>20</v>
      </c>
      <c r="C25" s="14">
        <v>10</v>
      </c>
      <c r="D25" s="18">
        <v>30</v>
      </c>
    </row>
    <row r="26" spans="1:4" ht="18" customHeight="1" x14ac:dyDescent="0.15">
      <c r="A26" s="5">
        <v>17</v>
      </c>
      <c r="B26" s="22">
        <v>6</v>
      </c>
      <c r="C26" s="14">
        <v>11</v>
      </c>
      <c r="D26" s="18">
        <v>17</v>
      </c>
    </row>
    <row r="27" spans="1:4" ht="18" customHeight="1" x14ac:dyDescent="0.15">
      <c r="A27" s="5">
        <v>18</v>
      </c>
      <c r="B27" s="22">
        <v>11</v>
      </c>
      <c r="C27" s="14">
        <v>13</v>
      </c>
      <c r="D27" s="18">
        <v>24</v>
      </c>
    </row>
    <row r="28" spans="1:4" ht="18" customHeight="1" x14ac:dyDescent="0.15">
      <c r="A28" s="5">
        <v>19</v>
      </c>
      <c r="B28" s="22">
        <v>15</v>
      </c>
      <c r="C28" s="14">
        <v>9</v>
      </c>
      <c r="D28" s="18">
        <v>24</v>
      </c>
    </row>
    <row r="29" spans="1:4" ht="18" customHeight="1" x14ac:dyDescent="0.15">
      <c r="A29" s="5" t="s">
        <v>14</v>
      </c>
      <c r="B29" s="22">
        <v>58</v>
      </c>
      <c r="C29" s="14">
        <v>56</v>
      </c>
      <c r="D29" s="18">
        <v>114</v>
      </c>
    </row>
    <row r="30" spans="1:4" ht="18" customHeight="1" x14ac:dyDescent="0.15">
      <c r="A30" s="5">
        <v>20</v>
      </c>
      <c r="B30" s="22">
        <v>7</v>
      </c>
      <c r="C30" s="14">
        <v>9</v>
      </c>
      <c r="D30" s="18">
        <v>16</v>
      </c>
    </row>
    <row r="31" spans="1:4" ht="18" customHeight="1" x14ac:dyDescent="0.15">
      <c r="A31" s="5">
        <v>21</v>
      </c>
      <c r="B31" s="22">
        <v>10</v>
      </c>
      <c r="C31" s="14">
        <v>7</v>
      </c>
      <c r="D31" s="18">
        <v>17</v>
      </c>
    </row>
    <row r="32" spans="1:4" ht="18" customHeight="1" x14ac:dyDescent="0.15">
      <c r="A32" s="5">
        <v>22</v>
      </c>
      <c r="B32" s="22">
        <v>13</v>
      </c>
      <c r="C32" s="14">
        <v>12</v>
      </c>
      <c r="D32" s="18">
        <v>25</v>
      </c>
    </row>
    <row r="33" spans="1:4" ht="18" customHeight="1" x14ac:dyDescent="0.15">
      <c r="A33" s="5">
        <v>23</v>
      </c>
      <c r="B33" s="22">
        <v>15</v>
      </c>
      <c r="C33" s="14">
        <v>14</v>
      </c>
      <c r="D33" s="18">
        <v>29</v>
      </c>
    </row>
    <row r="34" spans="1:4" ht="18" customHeight="1" x14ac:dyDescent="0.15">
      <c r="A34" s="5">
        <v>24</v>
      </c>
      <c r="B34" s="22">
        <v>17</v>
      </c>
      <c r="C34" s="14">
        <v>8</v>
      </c>
      <c r="D34" s="18">
        <v>25</v>
      </c>
    </row>
    <row r="35" spans="1:4" ht="18" customHeight="1" x14ac:dyDescent="0.15">
      <c r="A35" s="5" t="s">
        <v>9</v>
      </c>
      <c r="B35" s="22">
        <v>62</v>
      </c>
      <c r="C35" s="14">
        <v>50</v>
      </c>
      <c r="D35" s="18">
        <v>112</v>
      </c>
    </row>
    <row r="36" spans="1:4" ht="18" customHeight="1" x14ac:dyDescent="0.15">
      <c r="A36" s="5">
        <v>25</v>
      </c>
      <c r="B36" s="22">
        <v>5</v>
      </c>
      <c r="C36" s="14">
        <v>9</v>
      </c>
      <c r="D36" s="18">
        <v>14</v>
      </c>
    </row>
    <row r="37" spans="1:4" ht="18" customHeight="1" x14ac:dyDescent="0.15">
      <c r="A37" s="5">
        <v>26</v>
      </c>
      <c r="B37" s="22">
        <v>7</v>
      </c>
      <c r="C37" s="14">
        <v>13</v>
      </c>
      <c r="D37" s="18">
        <v>20</v>
      </c>
    </row>
    <row r="38" spans="1:4" ht="18" customHeight="1" x14ac:dyDescent="0.15">
      <c r="A38" s="5">
        <v>27</v>
      </c>
      <c r="B38" s="22">
        <v>7</v>
      </c>
      <c r="C38" s="14">
        <v>9</v>
      </c>
      <c r="D38" s="18">
        <v>16</v>
      </c>
    </row>
    <row r="39" spans="1:4" ht="18" customHeight="1" x14ac:dyDescent="0.15">
      <c r="A39" s="5">
        <v>28</v>
      </c>
      <c r="B39" s="22">
        <v>11</v>
      </c>
      <c r="C39" s="14">
        <v>9</v>
      </c>
      <c r="D39" s="18">
        <v>20</v>
      </c>
    </row>
    <row r="40" spans="1:4" ht="18" customHeight="1" x14ac:dyDescent="0.15">
      <c r="A40" s="5">
        <v>29</v>
      </c>
      <c r="B40" s="22">
        <v>9</v>
      </c>
      <c r="C40" s="14">
        <v>13</v>
      </c>
      <c r="D40" s="18">
        <v>22</v>
      </c>
    </row>
    <row r="41" spans="1:4" ht="18" customHeight="1" x14ac:dyDescent="0.15">
      <c r="A41" s="5" t="s">
        <v>2</v>
      </c>
      <c r="B41" s="22">
        <v>39</v>
      </c>
      <c r="C41" s="14">
        <v>53</v>
      </c>
      <c r="D41" s="18">
        <v>92</v>
      </c>
    </row>
    <row r="42" spans="1:4" ht="18" customHeight="1" x14ac:dyDescent="0.15">
      <c r="A42" s="5">
        <v>30</v>
      </c>
      <c r="B42" s="22">
        <v>12</v>
      </c>
      <c r="C42" s="14">
        <v>12</v>
      </c>
      <c r="D42" s="18">
        <v>24</v>
      </c>
    </row>
    <row r="43" spans="1:4" ht="18" customHeight="1" x14ac:dyDescent="0.15">
      <c r="A43" s="5">
        <v>31</v>
      </c>
      <c r="B43" s="22">
        <v>14</v>
      </c>
      <c r="C43" s="14">
        <v>9</v>
      </c>
      <c r="D43" s="18">
        <v>23</v>
      </c>
    </row>
    <row r="44" spans="1:4" ht="18" customHeight="1" x14ac:dyDescent="0.15">
      <c r="A44" s="5">
        <v>32</v>
      </c>
      <c r="B44" s="22">
        <v>9</v>
      </c>
      <c r="C44" s="14">
        <v>9</v>
      </c>
      <c r="D44" s="18">
        <v>18</v>
      </c>
    </row>
    <row r="45" spans="1:4" ht="18" customHeight="1" x14ac:dyDescent="0.15">
      <c r="A45" s="5">
        <v>33</v>
      </c>
      <c r="B45" s="22">
        <v>9</v>
      </c>
      <c r="C45" s="14">
        <v>7</v>
      </c>
      <c r="D45" s="18">
        <v>16</v>
      </c>
    </row>
    <row r="46" spans="1:4" ht="18" customHeight="1" x14ac:dyDescent="0.15">
      <c r="A46" s="5">
        <v>34</v>
      </c>
      <c r="B46" s="22">
        <v>7</v>
      </c>
      <c r="C46" s="14">
        <v>12</v>
      </c>
      <c r="D46" s="18">
        <v>19</v>
      </c>
    </row>
    <row r="47" spans="1:4" ht="18" customHeight="1" x14ac:dyDescent="0.15">
      <c r="A47" s="5" t="s">
        <v>15</v>
      </c>
      <c r="B47" s="22">
        <v>51</v>
      </c>
      <c r="C47" s="14">
        <v>49</v>
      </c>
      <c r="D47" s="18">
        <v>100</v>
      </c>
    </row>
    <row r="48" spans="1:4" ht="18" customHeight="1" x14ac:dyDescent="0.15">
      <c r="A48" s="5">
        <v>35</v>
      </c>
      <c r="B48" s="22">
        <v>10</v>
      </c>
      <c r="C48" s="14">
        <v>9</v>
      </c>
      <c r="D48" s="18">
        <v>19</v>
      </c>
    </row>
    <row r="49" spans="1:4" ht="18" customHeight="1" x14ac:dyDescent="0.15">
      <c r="A49" s="5">
        <v>36</v>
      </c>
      <c r="B49" s="22">
        <v>11</v>
      </c>
      <c r="C49" s="14">
        <v>8</v>
      </c>
      <c r="D49" s="18">
        <v>19</v>
      </c>
    </row>
    <row r="50" spans="1:4" ht="18" customHeight="1" x14ac:dyDescent="0.15">
      <c r="A50" s="5">
        <v>37</v>
      </c>
      <c r="B50" s="22">
        <v>14</v>
      </c>
      <c r="C50" s="14">
        <v>6</v>
      </c>
      <c r="D50" s="18">
        <v>20</v>
      </c>
    </row>
    <row r="51" spans="1:4" ht="18" customHeight="1" x14ac:dyDescent="0.15">
      <c r="A51" s="5">
        <v>38</v>
      </c>
      <c r="B51" s="22">
        <v>9</v>
      </c>
      <c r="C51" s="14">
        <v>13</v>
      </c>
      <c r="D51" s="18">
        <v>22</v>
      </c>
    </row>
    <row r="52" spans="1:4" ht="18" customHeight="1" x14ac:dyDescent="0.15">
      <c r="A52" s="5">
        <v>39</v>
      </c>
      <c r="B52" s="22">
        <v>11</v>
      </c>
      <c r="C52" s="14">
        <v>7</v>
      </c>
      <c r="D52" s="18">
        <v>18</v>
      </c>
    </row>
    <row r="53" spans="1:4" ht="18" customHeight="1" x14ac:dyDescent="0.15">
      <c r="A53" s="5" t="s">
        <v>18</v>
      </c>
      <c r="B53" s="22">
        <v>55</v>
      </c>
      <c r="C53" s="14">
        <v>43</v>
      </c>
      <c r="D53" s="18">
        <v>98</v>
      </c>
    </row>
    <row r="54" spans="1:4" ht="18" customHeight="1" x14ac:dyDescent="0.15">
      <c r="A54" s="5">
        <v>40</v>
      </c>
      <c r="B54" s="22">
        <v>8</v>
      </c>
      <c r="C54" s="14">
        <v>14</v>
      </c>
      <c r="D54" s="18">
        <v>22</v>
      </c>
    </row>
    <row r="55" spans="1:4" ht="18" customHeight="1" x14ac:dyDescent="0.15">
      <c r="A55" s="5">
        <v>41</v>
      </c>
      <c r="B55" s="22">
        <v>13</v>
      </c>
      <c r="C55" s="14">
        <v>14</v>
      </c>
      <c r="D55" s="18">
        <v>27</v>
      </c>
    </row>
    <row r="56" spans="1:4" ht="18" customHeight="1" x14ac:dyDescent="0.15">
      <c r="A56" s="5">
        <v>42</v>
      </c>
      <c r="B56" s="22">
        <v>17</v>
      </c>
      <c r="C56" s="14">
        <v>10</v>
      </c>
      <c r="D56" s="18">
        <v>27</v>
      </c>
    </row>
    <row r="57" spans="1:4" ht="18" customHeight="1" x14ac:dyDescent="0.15">
      <c r="A57" s="5">
        <v>43</v>
      </c>
      <c r="B57" s="22">
        <v>12</v>
      </c>
      <c r="C57" s="14">
        <v>9</v>
      </c>
      <c r="D57" s="18">
        <v>21</v>
      </c>
    </row>
    <row r="58" spans="1:4" ht="18" customHeight="1" x14ac:dyDescent="0.15">
      <c r="A58" s="5">
        <v>44</v>
      </c>
      <c r="B58" s="22">
        <v>12</v>
      </c>
      <c r="C58" s="14">
        <v>18</v>
      </c>
      <c r="D58" s="18">
        <v>30</v>
      </c>
    </row>
    <row r="59" spans="1:4" ht="18" customHeight="1" x14ac:dyDescent="0.15">
      <c r="A59" s="5" t="s">
        <v>21</v>
      </c>
      <c r="B59" s="22">
        <v>62</v>
      </c>
      <c r="C59" s="14">
        <v>65</v>
      </c>
      <c r="D59" s="18">
        <v>127</v>
      </c>
    </row>
    <row r="60" spans="1:4" ht="18" customHeight="1" x14ac:dyDescent="0.15">
      <c r="A60" s="5">
        <v>45</v>
      </c>
      <c r="B60" s="22">
        <v>16</v>
      </c>
      <c r="C60" s="14">
        <v>20</v>
      </c>
      <c r="D60" s="18">
        <v>36</v>
      </c>
    </row>
    <row r="61" spans="1:4" ht="18" customHeight="1" x14ac:dyDescent="0.15">
      <c r="A61" s="5">
        <v>46</v>
      </c>
      <c r="B61" s="22">
        <v>11</v>
      </c>
      <c r="C61" s="14">
        <v>11</v>
      </c>
      <c r="D61" s="18">
        <v>22</v>
      </c>
    </row>
    <row r="62" spans="1:4" ht="18" customHeight="1" x14ac:dyDescent="0.15">
      <c r="A62" s="5">
        <v>47</v>
      </c>
      <c r="B62" s="22">
        <v>18</v>
      </c>
      <c r="C62" s="14">
        <v>13</v>
      </c>
      <c r="D62" s="18">
        <v>31</v>
      </c>
    </row>
    <row r="63" spans="1:4" ht="18" customHeight="1" x14ac:dyDescent="0.15">
      <c r="A63" s="5">
        <v>48</v>
      </c>
      <c r="B63" s="22">
        <v>19</v>
      </c>
      <c r="C63" s="14">
        <v>24</v>
      </c>
      <c r="D63" s="18">
        <v>43</v>
      </c>
    </row>
    <row r="64" spans="1:4" ht="18" customHeight="1" x14ac:dyDescent="0.15">
      <c r="A64" s="5">
        <v>49</v>
      </c>
      <c r="B64" s="22">
        <v>14</v>
      </c>
      <c r="C64" s="14">
        <v>16</v>
      </c>
      <c r="D64" s="18">
        <v>30</v>
      </c>
    </row>
    <row r="65" spans="1:4" ht="18" customHeight="1" x14ac:dyDescent="0.15">
      <c r="A65" s="5" t="s">
        <v>17</v>
      </c>
      <c r="B65" s="22">
        <v>78</v>
      </c>
      <c r="C65" s="14">
        <v>84</v>
      </c>
      <c r="D65" s="18">
        <v>162</v>
      </c>
    </row>
    <row r="66" spans="1:4" ht="18" customHeight="1" x14ac:dyDescent="0.15">
      <c r="A66" s="5">
        <v>50</v>
      </c>
      <c r="B66" s="22">
        <v>23</v>
      </c>
      <c r="C66" s="14">
        <v>14</v>
      </c>
      <c r="D66" s="18">
        <v>37</v>
      </c>
    </row>
    <row r="67" spans="1:4" ht="18" customHeight="1" x14ac:dyDescent="0.15">
      <c r="A67" s="5">
        <v>51</v>
      </c>
      <c r="B67" s="22">
        <v>27</v>
      </c>
      <c r="C67" s="14">
        <v>18</v>
      </c>
      <c r="D67" s="18">
        <v>45</v>
      </c>
    </row>
    <row r="68" spans="1:4" ht="18" customHeight="1" x14ac:dyDescent="0.15">
      <c r="A68" s="5">
        <v>52</v>
      </c>
      <c r="B68" s="22">
        <v>27</v>
      </c>
      <c r="C68" s="14">
        <v>16</v>
      </c>
      <c r="D68" s="18">
        <v>43</v>
      </c>
    </row>
    <row r="69" spans="1:4" ht="18" customHeight="1" x14ac:dyDescent="0.15">
      <c r="A69" s="5">
        <v>53</v>
      </c>
      <c r="B69" s="22">
        <v>21</v>
      </c>
      <c r="C69" s="14">
        <v>21</v>
      </c>
      <c r="D69" s="18">
        <v>42</v>
      </c>
    </row>
    <row r="70" spans="1:4" ht="18" customHeight="1" x14ac:dyDescent="0.15">
      <c r="A70" s="5">
        <v>54</v>
      </c>
      <c r="B70" s="22">
        <v>32</v>
      </c>
      <c r="C70" s="14">
        <v>36</v>
      </c>
      <c r="D70" s="18">
        <v>68</v>
      </c>
    </row>
    <row r="71" spans="1:4" ht="18" customHeight="1" x14ac:dyDescent="0.15">
      <c r="A71" s="5" t="s">
        <v>22</v>
      </c>
      <c r="B71" s="22">
        <v>130</v>
      </c>
      <c r="C71" s="14">
        <v>105</v>
      </c>
      <c r="D71" s="18">
        <v>235</v>
      </c>
    </row>
    <row r="72" spans="1:4" ht="18" customHeight="1" x14ac:dyDescent="0.15">
      <c r="A72" s="5">
        <v>55</v>
      </c>
      <c r="B72" s="22">
        <v>31</v>
      </c>
      <c r="C72" s="14">
        <v>17</v>
      </c>
      <c r="D72" s="18">
        <v>48</v>
      </c>
    </row>
    <row r="73" spans="1:4" ht="18" customHeight="1" x14ac:dyDescent="0.15">
      <c r="A73" s="5">
        <v>56</v>
      </c>
      <c r="B73" s="22">
        <v>25</v>
      </c>
      <c r="C73" s="14">
        <v>33</v>
      </c>
      <c r="D73" s="18">
        <v>58</v>
      </c>
    </row>
    <row r="74" spans="1:4" ht="18" customHeight="1" x14ac:dyDescent="0.15">
      <c r="A74" s="5">
        <v>57</v>
      </c>
      <c r="B74" s="22">
        <v>27</v>
      </c>
      <c r="C74" s="14">
        <v>20</v>
      </c>
      <c r="D74" s="18">
        <v>47</v>
      </c>
    </row>
    <row r="75" spans="1:4" ht="18" customHeight="1" x14ac:dyDescent="0.15">
      <c r="A75" s="5">
        <v>58</v>
      </c>
      <c r="B75" s="22">
        <v>26</v>
      </c>
      <c r="C75" s="14">
        <v>17</v>
      </c>
      <c r="D75" s="18">
        <v>43</v>
      </c>
    </row>
    <row r="76" spans="1:4" ht="18" customHeight="1" x14ac:dyDescent="0.15">
      <c r="A76" s="5">
        <v>59</v>
      </c>
      <c r="B76" s="22">
        <v>23</v>
      </c>
      <c r="C76" s="14">
        <v>25</v>
      </c>
      <c r="D76" s="18">
        <v>48</v>
      </c>
    </row>
    <row r="77" spans="1:4" ht="18" customHeight="1" x14ac:dyDescent="0.15">
      <c r="A77" s="5" t="s">
        <v>27</v>
      </c>
      <c r="B77" s="22">
        <v>132</v>
      </c>
      <c r="C77" s="14">
        <v>112</v>
      </c>
      <c r="D77" s="18">
        <v>244</v>
      </c>
    </row>
    <row r="78" spans="1:4" ht="18" customHeight="1" x14ac:dyDescent="0.15">
      <c r="A78" s="5">
        <v>60</v>
      </c>
      <c r="B78" s="22">
        <v>14</v>
      </c>
      <c r="C78" s="14">
        <v>20</v>
      </c>
      <c r="D78" s="18">
        <v>34</v>
      </c>
    </row>
    <row r="79" spans="1:4" ht="18" customHeight="1" x14ac:dyDescent="0.15">
      <c r="A79" s="5">
        <v>61</v>
      </c>
      <c r="B79" s="22">
        <v>19</v>
      </c>
      <c r="C79" s="14">
        <v>17</v>
      </c>
      <c r="D79" s="18">
        <v>36</v>
      </c>
    </row>
    <row r="80" spans="1:4" ht="18" customHeight="1" x14ac:dyDescent="0.15">
      <c r="A80" s="5">
        <v>62</v>
      </c>
      <c r="B80" s="22">
        <v>19</v>
      </c>
      <c r="C80" s="14">
        <v>12</v>
      </c>
      <c r="D80" s="18">
        <v>31</v>
      </c>
    </row>
    <row r="81" spans="1:4" ht="18" customHeight="1" x14ac:dyDescent="0.15">
      <c r="A81" s="5">
        <v>63</v>
      </c>
      <c r="B81" s="22">
        <v>13</v>
      </c>
      <c r="C81" s="14">
        <v>14</v>
      </c>
      <c r="D81" s="18">
        <v>27</v>
      </c>
    </row>
    <row r="82" spans="1:4" ht="18" customHeight="1" x14ac:dyDescent="0.15">
      <c r="A82" s="5">
        <v>64</v>
      </c>
      <c r="B82" s="22">
        <v>16</v>
      </c>
      <c r="C82" s="14">
        <v>16</v>
      </c>
      <c r="D82" s="18">
        <v>32</v>
      </c>
    </row>
    <row r="83" spans="1:4" ht="18" customHeight="1" x14ac:dyDescent="0.15">
      <c r="A83" s="5" t="s">
        <v>28</v>
      </c>
      <c r="B83" s="22">
        <v>81</v>
      </c>
      <c r="C83" s="14">
        <v>79</v>
      </c>
      <c r="D83" s="18">
        <v>160</v>
      </c>
    </row>
    <row r="84" spans="1:4" ht="18" customHeight="1" x14ac:dyDescent="0.15">
      <c r="A84" s="5" t="s">
        <v>31</v>
      </c>
      <c r="B84" s="22">
        <v>748</v>
      </c>
      <c r="C84" s="14">
        <v>696</v>
      </c>
      <c r="D84" s="18">
        <v>1444</v>
      </c>
    </row>
    <row r="85" spans="1:4" ht="18" customHeight="1" x14ac:dyDescent="0.15">
      <c r="A85" s="5">
        <v>65</v>
      </c>
      <c r="B85" s="22">
        <v>11</v>
      </c>
      <c r="C85" s="14">
        <v>25</v>
      </c>
      <c r="D85" s="18">
        <v>36</v>
      </c>
    </row>
    <row r="86" spans="1:4" ht="18" customHeight="1" x14ac:dyDescent="0.15">
      <c r="A86" s="5">
        <v>66</v>
      </c>
      <c r="B86" s="22">
        <v>9</v>
      </c>
      <c r="C86" s="14">
        <v>20</v>
      </c>
      <c r="D86" s="18">
        <v>29</v>
      </c>
    </row>
    <row r="87" spans="1:4" ht="18" customHeight="1" x14ac:dyDescent="0.15">
      <c r="A87" s="5">
        <v>67</v>
      </c>
      <c r="B87" s="22">
        <v>24</v>
      </c>
      <c r="C87" s="14">
        <v>32</v>
      </c>
      <c r="D87" s="18">
        <v>56</v>
      </c>
    </row>
    <row r="88" spans="1:4" ht="18" customHeight="1" x14ac:dyDescent="0.15">
      <c r="A88" s="5">
        <v>68</v>
      </c>
      <c r="B88" s="22">
        <v>19</v>
      </c>
      <c r="C88" s="14">
        <v>12</v>
      </c>
      <c r="D88" s="18">
        <v>31</v>
      </c>
    </row>
    <row r="89" spans="1:4" ht="18" customHeight="1" x14ac:dyDescent="0.15">
      <c r="A89" s="5">
        <v>69</v>
      </c>
      <c r="B89" s="22">
        <v>17</v>
      </c>
      <c r="C89" s="14">
        <v>24</v>
      </c>
      <c r="D89" s="18">
        <v>41</v>
      </c>
    </row>
    <row r="90" spans="1:4" ht="18" customHeight="1" x14ac:dyDescent="0.15">
      <c r="A90" s="5" t="s">
        <v>20</v>
      </c>
      <c r="B90" s="22">
        <v>80</v>
      </c>
      <c r="C90" s="14">
        <v>113</v>
      </c>
      <c r="D90" s="18">
        <v>193</v>
      </c>
    </row>
    <row r="91" spans="1:4" ht="18" customHeight="1" x14ac:dyDescent="0.15">
      <c r="A91" s="5">
        <v>70</v>
      </c>
      <c r="B91" s="22">
        <v>26</v>
      </c>
      <c r="C91" s="14">
        <v>24</v>
      </c>
      <c r="D91" s="18">
        <v>50</v>
      </c>
    </row>
    <row r="92" spans="1:4" ht="18" customHeight="1" x14ac:dyDescent="0.15">
      <c r="A92" s="5">
        <v>71</v>
      </c>
      <c r="B92" s="22">
        <v>28</v>
      </c>
      <c r="C92" s="14">
        <v>31</v>
      </c>
      <c r="D92" s="18">
        <v>59</v>
      </c>
    </row>
    <row r="93" spans="1:4" ht="18" customHeight="1" x14ac:dyDescent="0.15">
      <c r="A93" s="5">
        <v>72</v>
      </c>
      <c r="B93" s="22">
        <v>22</v>
      </c>
      <c r="C93" s="14">
        <v>30</v>
      </c>
      <c r="D93" s="18">
        <v>52</v>
      </c>
    </row>
    <row r="94" spans="1:4" ht="18" customHeight="1" x14ac:dyDescent="0.15">
      <c r="A94" s="5">
        <v>73</v>
      </c>
      <c r="B94" s="22">
        <v>25</v>
      </c>
      <c r="C94" s="14">
        <v>24</v>
      </c>
      <c r="D94" s="18">
        <v>49</v>
      </c>
    </row>
    <row r="95" spans="1:4" ht="18" customHeight="1" x14ac:dyDescent="0.15">
      <c r="A95" s="5">
        <v>74</v>
      </c>
      <c r="B95" s="22">
        <v>21</v>
      </c>
      <c r="C95" s="14">
        <v>30</v>
      </c>
      <c r="D95" s="18">
        <v>51</v>
      </c>
    </row>
    <row r="96" spans="1:4" ht="18" customHeight="1" x14ac:dyDescent="0.15">
      <c r="A96" s="5" t="s">
        <v>33</v>
      </c>
      <c r="B96" s="22">
        <v>122</v>
      </c>
      <c r="C96" s="14">
        <v>139</v>
      </c>
      <c r="D96" s="18">
        <v>261</v>
      </c>
    </row>
    <row r="97" spans="1:4" ht="18" customHeight="1" x14ac:dyDescent="0.15">
      <c r="A97" s="5">
        <v>75</v>
      </c>
      <c r="B97" s="22">
        <v>28</v>
      </c>
      <c r="C97" s="14">
        <v>36</v>
      </c>
      <c r="D97" s="18">
        <v>64</v>
      </c>
    </row>
    <row r="98" spans="1:4" ht="18" customHeight="1" x14ac:dyDescent="0.15">
      <c r="A98" s="5">
        <v>76</v>
      </c>
      <c r="B98" s="22">
        <v>38</v>
      </c>
      <c r="C98" s="14">
        <v>40</v>
      </c>
      <c r="D98" s="18">
        <v>78</v>
      </c>
    </row>
    <row r="99" spans="1:4" ht="18" customHeight="1" x14ac:dyDescent="0.15">
      <c r="A99" s="5">
        <v>77</v>
      </c>
      <c r="B99" s="22">
        <v>32</v>
      </c>
      <c r="C99" s="14">
        <v>47</v>
      </c>
      <c r="D99" s="18">
        <v>79</v>
      </c>
    </row>
    <row r="100" spans="1:4" ht="18" customHeight="1" x14ac:dyDescent="0.15">
      <c r="A100" s="5">
        <v>78</v>
      </c>
      <c r="B100" s="22">
        <v>46</v>
      </c>
      <c r="C100" s="14">
        <v>58</v>
      </c>
      <c r="D100" s="18">
        <v>104</v>
      </c>
    </row>
    <row r="101" spans="1:4" ht="18" customHeight="1" x14ac:dyDescent="0.15">
      <c r="A101" s="5">
        <v>79</v>
      </c>
      <c r="B101" s="22">
        <v>34</v>
      </c>
      <c r="C101" s="14">
        <v>39</v>
      </c>
      <c r="D101" s="18">
        <v>73</v>
      </c>
    </row>
    <row r="102" spans="1:4" ht="18" customHeight="1" x14ac:dyDescent="0.15">
      <c r="A102" s="5" t="s">
        <v>0</v>
      </c>
      <c r="B102" s="22">
        <v>178</v>
      </c>
      <c r="C102" s="14">
        <v>220</v>
      </c>
      <c r="D102" s="18">
        <v>398</v>
      </c>
    </row>
    <row r="103" spans="1:4" ht="18" customHeight="1" x14ac:dyDescent="0.15">
      <c r="A103" s="5">
        <v>80</v>
      </c>
      <c r="B103" s="22">
        <v>12</v>
      </c>
      <c r="C103" s="14">
        <v>16</v>
      </c>
      <c r="D103" s="18">
        <v>28</v>
      </c>
    </row>
    <row r="104" spans="1:4" ht="18" customHeight="1" x14ac:dyDescent="0.15">
      <c r="A104" s="5">
        <v>81</v>
      </c>
      <c r="B104" s="22">
        <v>28</v>
      </c>
      <c r="C104" s="14">
        <v>31</v>
      </c>
      <c r="D104" s="18">
        <v>59</v>
      </c>
    </row>
    <row r="105" spans="1:4" ht="18" customHeight="1" x14ac:dyDescent="0.15">
      <c r="A105" s="5">
        <v>82</v>
      </c>
      <c r="B105" s="22">
        <v>34</v>
      </c>
      <c r="C105" s="14">
        <v>36</v>
      </c>
      <c r="D105" s="18">
        <v>70</v>
      </c>
    </row>
    <row r="106" spans="1:4" ht="18" customHeight="1" x14ac:dyDescent="0.15">
      <c r="A106" s="5">
        <v>83</v>
      </c>
      <c r="B106" s="22">
        <v>17</v>
      </c>
      <c r="C106" s="14">
        <v>24</v>
      </c>
      <c r="D106" s="18">
        <v>41</v>
      </c>
    </row>
    <row r="107" spans="1:4" ht="18" customHeight="1" x14ac:dyDescent="0.15">
      <c r="A107" s="5">
        <v>84</v>
      </c>
      <c r="B107" s="22">
        <v>17</v>
      </c>
      <c r="C107" s="14">
        <v>39</v>
      </c>
      <c r="D107" s="18">
        <v>56</v>
      </c>
    </row>
    <row r="108" spans="1:4" ht="18" customHeight="1" x14ac:dyDescent="0.15">
      <c r="A108" s="5" t="s">
        <v>35</v>
      </c>
      <c r="B108" s="22">
        <v>108</v>
      </c>
      <c r="C108" s="14">
        <v>146</v>
      </c>
      <c r="D108" s="18">
        <v>254</v>
      </c>
    </row>
    <row r="109" spans="1:4" ht="18" customHeight="1" x14ac:dyDescent="0.15">
      <c r="A109" s="5">
        <v>85</v>
      </c>
      <c r="B109" s="22">
        <v>25</v>
      </c>
      <c r="C109" s="14">
        <v>34</v>
      </c>
      <c r="D109" s="18">
        <v>59</v>
      </c>
    </row>
    <row r="110" spans="1:4" ht="18" customHeight="1" x14ac:dyDescent="0.15">
      <c r="A110" s="5">
        <v>86</v>
      </c>
      <c r="B110" s="22">
        <v>14</v>
      </c>
      <c r="C110" s="14">
        <v>32</v>
      </c>
      <c r="D110" s="18">
        <v>46</v>
      </c>
    </row>
    <row r="111" spans="1:4" ht="18" customHeight="1" x14ac:dyDescent="0.15">
      <c r="A111" s="5">
        <v>87</v>
      </c>
      <c r="B111" s="22">
        <v>7</v>
      </c>
      <c r="C111" s="14">
        <v>20</v>
      </c>
      <c r="D111" s="18">
        <v>27</v>
      </c>
    </row>
    <row r="112" spans="1:4" ht="18" customHeight="1" x14ac:dyDescent="0.15">
      <c r="A112" s="5">
        <v>88</v>
      </c>
      <c r="B112" s="22">
        <v>6</v>
      </c>
      <c r="C112" s="14">
        <v>22</v>
      </c>
      <c r="D112" s="18">
        <v>28</v>
      </c>
    </row>
    <row r="113" spans="1:4" ht="18" customHeight="1" x14ac:dyDescent="0.15">
      <c r="A113" s="5">
        <v>89</v>
      </c>
      <c r="B113" s="22">
        <v>15</v>
      </c>
      <c r="C113" s="14">
        <v>12</v>
      </c>
      <c r="D113" s="18">
        <v>27</v>
      </c>
    </row>
    <row r="114" spans="1:4" ht="18" customHeight="1" x14ac:dyDescent="0.15">
      <c r="A114" s="5" t="s">
        <v>37</v>
      </c>
      <c r="B114" s="22">
        <v>67</v>
      </c>
      <c r="C114" s="14">
        <v>120</v>
      </c>
      <c r="D114" s="18">
        <v>187</v>
      </c>
    </row>
    <row r="115" spans="1:4" ht="18" customHeight="1" x14ac:dyDescent="0.15">
      <c r="A115" s="5">
        <v>90</v>
      </c>
      <c r="B115" s="22">
        <v>7</v>
      </c>
      <c r="C115" s="14">
        <v>22</v>
      </c>
      <c r="D115" s="18">
        <v>29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3</v>
      </c>
      <c r="C118" s="14">
        <v>14</v>
      </c>
      <c r="D118" s="18">
        <v>17</v>
      </c>
    </row>
    <row r="119" spans="1:4" ht="18" customHeight="1" x14ac:dyDescent="0.15">
      <c r="A119" s="5">
        <v>94</v>
      </c>
      <c r="B119" s="22">
        <v>1</v>
      </c>
      <c r="C119" s="14">
        <v>12</v>
      </c>
      <c r="D119" s="18">
        <v>13</v>
      </c>
    </row>
    <row r="120" spans="1:4" ht="18" customHeight="1" x14ac:dyDescent="0.15">
      <c r="A120" s="5" t="s">
        <v>39</v>
      </c>
      <c r="B120" s="22">
        <v>17</v>
      </c>
      <c r="C120" s="14">
        <v>68</v>
      </c>
      <c r="D120" s="18">
        <v>85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7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76</v>
      </c>
      <c r="C130" s="14">
        <v>827</v>
      </c>
      <c r="D130" s="18">
        <v>1403</v>
      </c>
    </row>
    <row r="131" spans="1:4" ht="18" customHeight="1" x14ac:dyDescent="0.15">
      <c r="A131" s="7" t="s">
        <v>45</v>
      </c>
      <c r="B131" s="23">
        <v>1457</v>
      </c>
      <c r="C131" s="15">
        <v>1637</v>
      </c>
      <c r="D131" s="19">
        <v>30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</v>
      </c>
      <c r="C5" s="13">
        <v>10</v>
      </c>
      <c r="D5" s="17">
        <v>15</v>
      </c>
    </row>
    <row r="6" spans="1:4" ht="18" customHeight="1" x14ac:dyDescent="0.15">
      <c r="A6" s="5">
        <v>1</v>
      </c>
      <c r="B6" s="22">
        <v>6</v>
      </c>
      <c r="C6" s="14">
        <v>9</v>
      </c>
      <c r="D6" s="18">
        <v>15</v>
      </c>
    </row>
    <row r="7" spans="1:4" ht="18" customHeight="1" x14ac:dyDescent="0.15">
      <c r="A7" s="5">
        <v>2</v>
      </c>
      <c r="B7" s="22">
        <v>10</v>
      </c>
      <c r="C7" s="14">
        <v>10</v>
      </c>
      <c r="D7" s="18">
        <v>20</v>
      </c>
    </row>
    <row r="8" spans="1:4" ht="18" customHeight="1" x14ac:dyDescent="0.15">
      <c r="A8" s="5">
        <v>3</v>
      </c>
      <c r="B8" s="22">
        <v>5</v>
      </c>
      <c r="C8" s="14">
        <v>11</v>
      </c>
      <c r="D8" s="18">
        <v>16</v>
      </c>
    </row>
    <row r="9" spans="1:4" ht="18" customHeight="1" x14ac:dyDescent="0.15">
      <c r="A9" s="5">
        <v>4</v>
      </c>
      <c r="B9" s="22">
        <v>15</v>
      </c>
      <c r="C9" s="14">
        <v>9</v>
      </c>
      <c r="D9" s="18">
        <v>24</v>
      </c>
    </row>
    <row r="10" spans="1:4" ht="18" customHeight="1" x14ac:dyDescent="0.15">
      <c r="A10" s="5" t="s">
        <v>7</v>
      </c>
      <c r="B10" s="22">
        <v>41</v>
      </c>
      <c r="C10" s="14">
        <v>49</v>
      </c>
      <c r="D10" s="18">
        <v>90</v>
      </c>
    </row>
    <row r="11" spans="1:4" ht="18" customHeight="1" x14ac:dyDescent="0.15">
      <c r="A11" s="5">
        <v>5</v>
      </c>
      <c r="B11" s="22">
        <v>12</v>
      </c>
      <c r="C11" s="14">
        <v>5</v>
      </c>
      <c r="D11" s="18">
        <v>17</v>
      </c>
    </row>
    <row r="12" spans="1:4" ht="18" customHeight="1" x14ac:dyDescent="0.15">
      <c r="A12" s="5">
        <v>6</v>
      </c>
      <c r="B12" s="22">
        <v>13</v>
      </c>
      <c r="C12" s="14">
        <v>13</v>
      </c>
      <c r="D12" s="18">
        <v>26</v>
      </c>
    </row>
    <row r="13" spans="1:4" ht="18" customHeight="1" x14ac:dyDescent="0.15">
      <c r="A13" s="5">
        <v>7</v>
      </c>
      <c r="B13" s="22">
        <v>11</v>
      </c>
      <c r="C13" s="14">
        <v>12</v>
      </c>
      <c r="D13" s="18">
        <v>23</v>
      </c>
    </row>
    <row r="14" spans="1:4" ht="18" customHeight="1" x14ac:dyDescent="0.15">
      <c r="A14" s="5">
        <v>8</v>
      </c>
      <c r="B14" s="22">
        <v>8</v>
      </c>
      <c r="C14" s="14">
        <v>9</v>
      </c>
      <c r="D14" s="18">
        <v>17</v>
      </c>
    </row>
    <row r="15" spans="1:4" ht="18" customHeight="1" x14ac:dyDescent="0.15">
      <c r="A15" s="5">
        <v>9</v>
      </c>
      <c r="B15" s="22">
        <v>14</v>
      </c>
      <c r="C15" s="14">
        <v>7</v>
      </c>
      <c r="D15" s="18">
        <v>21</v>
      </c>
    </row>
    <row r="16" spans="1:4" ht="18" customHeight="1" x14ac:dyDescent="0.15">
      <c r="A16" s="5" t="s">
        <v>11</v>
      </c>
      <c r="B16" s="22">
        <v>58</v>
      </c>
      <c r="C16" s="14">
        <v>46</v>
      </c>
      <c r="D16" s="18">
        <v>104</v>
      </c>
    </row>
    <row r="17" spans="1:4" ht="18" customHeight="1" x14ac:dyDescent="0.15">
      <c r="A17" s="5">
        <v>10</v>
      </c>
      <c r="B17" s="22">
        <v>18</v>
      </c>
      <c r="C17" s="14">
        <v>10</v>
      </c>
      <c r="D17" s="18">
        <v>28</v>
      </c>
    </row>
    <row r="18" spans="1:4" ht="18" customHeight="1" x14ac:dyDescent="0.15">
      <c r="A18" s="5">
        <v>11</v>
      </c>
      <c r="B18" s="22">
        <v>8</v>
      </c>
      <c r="C18" s="14">
        <v>9</v>
      </c>
      <c r="D18" s="18">
        <v>17</v>
      </c>
    </row>
    <row r="19" spans="1:4" ht="18" customHeight="1" x14ac:dyDescent="0.15">
      <c r="A19" s="5">
        <v>12</v>
      </c>
      <c r="B19" s="22">
        <v>10</v>
      </c>
      <c r="C19" s="14">
        <v>12</v>
      </c>
      <c r="D19" s="18">
        <v>22</v>
      </c>
    </row>
    <row r="20" spans="1:4" ht="18" customHeight="1" x14ac:dyDescent="0.15">
      <c r="A20" s="5">
        <v>13</v>
      </c>
      <c r="B20" s="22">
        <v>18</v>
      </c>
      <c r="C20" s="14">
        <v>6</v>
      </c>
      <c r="D20" s="18">
        <v>24</v>
      </c>
    </row>
    <row r="21" spans="1:4" ht="18" customHeight="1" x14ac:dyDescent="0.15">
      <c r="A21" s="5">
        <v>14</v>
      </c>
      <c r="B21" s="22">
        <v>14</v>
      </c>
      <c r="C21" s="14">
        <v>10</v>
      </c>
      <c r="D21" s="18">
        <v>24</v>
      </c>
    </row>
    <row r="22" spans="1:4" ht="18" customHeight="1" x14ac:dyDescent="0.15">
      <c r="A22" s="5" t="s">
        <v>12</v>
      </c>
      <c r="B22" s="22">
        <v>68</v>
      </c>
      <c r="C22" s="14">
        <v>47</v>
      </c>
      <c r="D22" s="18">
        <v>115</v>
      </c>
    </row>
    <row r="23" spans="1:4" ht="18" customHeight="1" x14ac:dyDescent="0.15">
      <c r="A23" s="5" t="s">
        <v>6</v>
      </c>
      <c r="B23" s="22">
        <v>167</v>
      </c>
      <c r="C23" s="14">
        <v>142</v>
      </c>
      <c r="D23" s="18">
        <v>309</v>
      </c>
    </row>
    <row r="24" spans="1:4" ht="18" customHeight="1" x14ac:dyDescent="0.15">
      <c r="A24" s="5">
        <v>15</v>
      </c>
      <c r="B24" s="22">
        <v>10</v>
      </c>
      <c r="C24" s="14">
        <v>16</v>
      </c>
      <c r="D24" s="18">
        <v>26</v>
      </c>
    </row>
    <row r="25" spans="1:4" ht="18" customHeight="1" x14ac:dyDescent="0.15">
      <c r="A25" s="5">
        <v>16</v>
      </c>
      <c r="B25" s="22">
        <v>12</v>
      </c>
      <c r="C25" s="14">
        <v>14</v>
      </c>
      <c r="D25" s="18">
        <v>26</v>
      </c>
    </row>
    <row r="26" spans="1:4" ht="18" customHeight="1" x14ac:dyDescent="0.15">
      <c r="A26" s="5">
        <v>17</v>
      </c>
      <c r="B26" s="22">
        <v>21</v>
      </c>
      <c r="C26" s="14">
        <v>8</v>
      </c>
      <c r="D26" s="18">
        <v>29</v>
      </c>
    </row>
    <row r="27" spans="1:4" ht="18" customHeight="1" x14ac:dyDescent="0.15">
      <c r="A27" s="5">
        <v>18</v>
      </c>
      <c r="B27" s="22">
        <v>11</v>
      </c>
      <c r="C27" s="14">
        <v>7</v>
      </c>
      <c r="D27" s="18">
        <v>18</v>
      </c>
    </row>
    <row r="28" spans="1:4" ht="18" customHeight="1" x14ac:dyDescent="0.15">
      <c r="A28" s="5">
        <v>19</v>
      </c>
      <c r="B28" s="22">
        <v>12</v>
      </c>
      <c r="C28" s="14">
        <v>22</v>
      </c>
      <c r="D28" s="18">
        <v>34</v>
      </c>
    </row>
    <row r="29" spans="1:4" ht="18" customHeight="1" x14ac:dyDescent="0.15">
      <c r="A29" s="5" t="s">
        <v>14</v>
      </c>
      <c r="B29" s="22">
        <v>66</v>
      </c>
      <c r="C29" s="14">
        <v>67</v>
      </c>
      <c r="D29" s="18">
        <v>133</v>
      </c>
    </row>
    <row r="30" spans="1:4" ht="18" customHeight="1" x14ac:dyDescent="0.15">
      <c r="A30" s="5">
        <v>20</v>
      </c>
      <c r="B30" s="22">
        <v>16</v>
      </c>
      <c r="C30" s="14">
        <v>15</v>
      </c>
      <c r="D30" s="18">
        <v>31</v>
      </c>
    </row>
    <row r="31" spans="1:4" ht="18" customHeight="1" x14ac:dyDescent="0.15">
      <c r="A31" s="5">
        <v>21</v>
      </c>
      <c r="B31" s="22">
        <v>20</v>
      </c>
      <c r="C31" s="14">
        <v>13</v>
      </c>
      <c r="D31" s="18">
        <v>33</v>
      </c>
    </row>
    <row r="32" spans="1:4" ht="18" customHeight="1" x14ac:dyDescent="0.15">
      <c r="A32" s="5">
        <v>22</v>
      </c>
      <c r="B32" s="22">
        <v>17</v>
      </c>
      <c r="C32" s="14">
        <v>15</v>
      </c>
      <c r="D32" s="18">
        <v>32</v>
      </c>
    </row>
    <row r="33" spans="1:4" ht="18" customHeight="1" x14ac:dyDescent="0.15">
      <c r="A33" s="5">
        <v>23</v>
      </c>
      <c r="B33" s="22">
        <v>13</v>
      </c>
      <c r="C33" s="14">
        <v>21</v>
      </c>
      <c r="D33" s="18">
        <v>34</v>
      </c>
    </row>
    <row r="34" spans="1:4" ht="18" customHeight="1" x14ac:dyDescent="0.15">
      <c r="A34" s="5">
        <v>24</v>
      </c>
      <c r="B34" s="22">
        <v>16</v>
      </c>
      <c r="C34" s="14">
        <v>19</v>
      </c>
      <c r="D34" s="18">
        <v>35</v>
      </c>
    </row>
    <row r="35" spans="1:4" ht="18" customHeight="1" x14ac:dyDescent="0.15">
      <c r="A35" s="5" t="s">
        <v>9</v>
      </c>
      <c r="B35" s="22">
        <v>82</v>
      </c>
      <c r="C35" s="14">
        <v>83</v>
      </c>
      <c r="D35" s="18">
        <v>165</v>
      </c>
    </row>
    <row r="36" spans="1:4" ht="18" customHeight="1" x14ac:dyDescent="0.15">
      <c r="A36" s="5">
        <v>25</v>
      </c>
      <c r="B36" s="22">
        <v>25</v>
      </c>
      <c r="C36" s="14">
        <v>27</v>
      </c>
      <c r="D36" s="18">
        <v>52</v>
      </c>
    </row>
    <row r="37" spans="1:4" ht="18" customHeight="1" x14ac:dyDescent="0.15">
      <c r="A37" s="5">
        <v>26</v>
      </c>
      <c r="B37" s="22">
        <v>18</v>
      </c>
      <c r="C37" s="14">
        <v>19</v>
      </c>
      <c r="D37" s="18">
        <v>37</v>
      </c>
    </row>
    <row r="38" spans="1:4" ht="18" customHeight="1" x14ac:dyDescent="0.15">
      <c r="A38" s="5">
        <v>27</v>
      </c>
      <c r="B38" s="22">
        <v>25</v>
      </c>
      <c r="C38" s="14">
        <v>14</v>
      </c>
      <c r="D38" s="18">
        <v>39</v>
      </c>
    </row>
    <row r="39" spans="1:4" ht="18" customHeight="1" x14ac:dyDescent="0.15">
      <c r="A39" s="5">
        <v>28</v>
      </c>
      <c r="B39" s="22">
        <v>17</v>
      </c>
      <c r="C39" s="14">
        <v>16</v>
      </c>
      <c r="D39" s="18">
        <v>33</v>
      </c>
    </row>
    <row r="40" spans="1:4" ht="18" customHeight="1" x14ac:dyDescent="0.15">
      <c r="A40" s="5">
        <v>29</v>
      </c>
      <c r="B40" s="22">
        <v>26</v>
      </c>
      <c r="C40" s="14">
        <v>28</v>
      </c>
      <c r="D40" s="18">
        <v>54</v>
      </c>
    </row>
    <row r="41" spans="1:4" ht="18" customHeight="1" x14ac:dyDescent="0.15">
      <c r="A41" s="5" t="s">
        <v>2</v>
      </c>
      <c r="B41" s="22">
        <v>111</v>
      </c>
      <c r="C41" s="14">
        <v>104</v>
      </c>
      <c r="D41" s="18">
        <v>215</v>
      </c>
    </row>
    <row r="42" spans="1:4" ht="18" customHeight="1" x14ac:dyDescent="0.15">
      <c r="A42" s="5">
        <v>30</v>
      </c>
      <c r="B42" s="22">
        <v>21</v>
      </c>
      <c r="C42" s="14">
        <v>16</v>
      </c>
      <c r="D42" s="18">
        <v>37</v>
      </c>
    </row>
    <row r="43" spans="1:4" ht="18" customHeight="1" x14ac:dyDescent="0.15">
      <c r="A43" s="5">
        <v>31</v>
      </c>
      <c r="B43" s="22">
        <v>28</v>
      </c>
      <c r="C43" s="14">
        <v>19</v>
      </c>
      <c r="D43" s="18">
        <v>47</v>
      </c>
    </row>
    <row r="44" spans="1:4" ht="18" customHeight="1" x14ac:dyDescent="0.15">
      <c r="A44" s="5">
        <v>32</v>
      </c>
      <c r="B44" s="22">
        <v>19</v>
      </c>
      <c r="C44" s="14">
        <v>19</v>
      </c>
      <c r="D44" s="18">
        <v>38</v>
      </c>
    </row>
    <row r="45" spans="1:4" ht="18" customHeight="1" x14ac:dyDescent="0.15">
      <c r="A45" s="5">
        <v>33</v>
      </c>
      <c r="B45" s="22">
        <v>19</v>
      </c>
      <c r="C45" s="14">
        <v>12</v>
      </c>
      <c r="D45" s="18">
        <v>31</v>
      </c>
    </row>
    <row r="46" spans="1:4" ht="18" customHeight="1" x14ac:dyDescent="0.15">
      <c r="A46" s="5">
        <v>34</v>
      </c>
      <c r="B46" s="22">
        <v>15</v>
      </c>
      <c r="C46" s="14">
        <v>14</v>
      </c>
      <c r="D46" s="18">
        <v>29</v>
      </c>
    </row>
    <row r="47" spans="1:4" ht="18" customHeight="1" x14ac:dyDescent="0.15">
      <c r="A47" s="5" t="s">
        <v>15</v>
      </c>
      <c r="B47" s="22">
        <v>102</v>
      </c>
      <c r="C47" s="14">
        <v>80</v>
      </c>
      <c r="D47" s="18">
        <v>182</v>
      </c>
    </row>
    <row r="48" spans="1:4" ht="18" customHeight="1" x14ac:dyDescent="0.15">
      <c r="A48" s="5">
        <v>35</v>
      </c>
      <c r="B48" s="22">
        <v>22</v>
      </c>
      <c r="C48" s="14">
        <v>8</v>
      </c>
      <c r="D48" s="18">
        <v>30</v>
      </c>
    </row>
    <row r="49" spans="1:4" ht="18" customHeight="1" x14ac:dyDescent="0.15">
      <c r="A49" s="5">
        <v>36</v>
      </c>
      <c r="B49" s="22">
        <v>17</v>
      </c>
      <c r="C49" s="14">
        <v>12</v>
      </c>
      <c r="D49" s="18">
        <v>29</v>
      </c>
    </row>
    <row r="50" spans="1:4" ht="18" customHeight="1" x14ac:dyDescent="0.15">
      <c r="A50" s="5">
        <v>37</v>
      </c>
      <c r="B50" s="22">
        <v>18</v>
      </c>
      <c r="C50" s="14">
        <v>15</v>
      </c>
      <c r="D50" s="18">
        <v>33</v>
      </c>
    </row>
    <row r="51" spans="1:4" ht="18" customHeight="1" x14ac:dyDescent="0.15">
      <c r="A51" s="5">
        <v>38</v>
      </c>
      <c r="B51" s="22">
        <v>19</v>
      </c>
      <c r="C51" s="14">
        <v>14</v>
      </c>
      <c r="D51" s="18">
        <v>33</v>
      </c>
    </row>
    <row r="52" spans="1:4" ht="18" customHeight="1" x14ac:dyDescent="0.15">
      <c r="A52" s="5">
        <v>39</v>
      </c>
      <c r="B52" s="22">
        <v>23</v>
      </c>
      <c r="C52" s="14">
        <v>13</v>
      </c>
      <c r="D52" s="18">
        <v>36</v>
      </c>
    </row>
    <row r="53" spans="1:4" ht="18" customHeight="1" x14ac:dyDescent="0.15">
      <c r="A53" s="5" t="s">
        <v>18</v>
      </c>
      <c r="B53" s="22">
        <v>99</v>
      </c>
      <c r="C53" s="14">
        <v>62</v>
      </c>
      <c r="D53" s="18">
        <v>161</v>
      </c>
    </row>
    <row r="54" spans="1:4" ht="18" customHeight="1" x14ac:dyDescent="0.15">
      <c r="A54" s="5">
        <v>40</v>
      </c>
      <c r="B54" s="22">
        <v>15</v>
      </c>
      <c r="C54" s="14">
        <v>16</v>
      </c>
      <c r="D54" s="18">
        <v>31</v>
      </c>
    </row>
    <row r="55" spans="1:4" ht="18" customHeight="1" x14ac:dyDescent="0.15">
      <c r="A55" s="5">
        <v>41</v>
      </c>
      <c r="B55" s="22">
        <v>19</v>
      </c>
      <c r="C55" s="14">
        <v>24</v>
      </c>
      <c r="D55" s="18">
        <v>43</v>
      </c>
    </row>
    <row r="56" spans="1:4" ht="18" customHeight="1" x14ac:dyDescent="0.15">
      <c r="A56" s="5">
        <v>42</v>
      </c>
      <c r="B56" s="22">
        <v>13</v>
      </c>
      <c r="C56" s="14">
        <v>14</v>
      </c>
      <c r="D56" s="18">
        <v>27</v>
      </c>
    </row>
    <row r="57" spans="1:4" ht="18" customHeight="1" x14ac:dyDescent="0.15">
      <c r="A57" s="5">
        <v>43</v>
      </c>
      <c r="B57" s="22">
        <v>21</v>
      </c>
      <c r="C57" s="14">
        <v>17</v>
      </c>
      <c r="D57" s="18">
        <v>38</v>
      </c>
    </row>
    <row r="58" spans="1:4" ht="18" customHeight="1" x14ac:dyDescent="0.15">
      <c r="A58" s="5">
        <v>44</v>
      </c>
      <c r="B58" s="22">
        <v>23</v>
      </c>
      <c r="C58" s="14">
        <v>13</v>
      </c>
      <c r="D58" s="18">
        <v>36</v>
      </c>
    </row>
    <row r="59" spans="1:4" ht="18" customHeight="1" x14ac:dyDescent="0.15">
      <c r="A59" s="5" t="s">
        <v>21</v>
      </c>
      <c r="B59" s="22">
        <v>91</v>
      </c>
      <c r="C59" s="14">
        <v>84</v>
      </c>
      <c r="D59" s="18">
        <v>175</v>
      </c>
    </row>
    <row r="60" spans="1:4" ht="18" customHeight="1" x14ac:dyDescent="0.15">
      <c r="A60" s="5">
        <v>45</v>
      </c>
      <c r="B60" s="22">
        <v>17</v>
      </c>
      <c r="C60" s="14">
        <v>10</v>
      </c>
      <c r="D60" s="18">
        <v>27</v>
      </c>
    </row>
    <row r="61" spans="1:4" ht="18" customHeight="1" x14ac:dyDescent="0.15">
      <c r="A61" s="5">
        <v>46</v>
      </c>
      <c r="B61" s="22">
        <v>15</v>
      </c>
      <c r="C61" s="14">
        <v>30</v>
      </c>
      <c r="D61" s="18">
        <v>45</v>
      </c>
    </row>
    <row r="62" spans="1:4" ht="18" customHeight="1" x14ac:dyDescent="0.15">
      <c r="A62" s="5">
        <v>47</v>
      </c>
      <c r="B62" s="22">
        <v>29</v>
      </c>
      <c r="C62" s="14">
        <v>26</v>
      </c>
      <c r="D62" s="18">
        <v>55</v>
      </c>
    </row>
    <row r="63" spans="1:4" ht="18" customHeight="1" x14ac:dyDescent="0.15">
      <c r="A63" s="5">
        <v>48</v>
      </c>
      <c r="B63" s="22">
        <v>27</v>
      </c>
      <c r="C63" s="14">
        <v>22</v>
      </c>
      <c r="D63" s="18">
        <v>49</v>
      </c>
    </row>
    <row r="64" spans="1:4" ht="18" customHeight="1" x14ac:dyDescent="0.15">
      <c r="A64" s="5">
        <v>49</v>
      </c>
      <c r="B64" s="22">
        <v>35</v>
      </c>
      <c r="C64" s="14">
        <v>19</v>
      </c>
      <c r="D64" s="18">
        <v>54</v>
      </c>
    </row>
    <row r="65" spans="1:4" ht="18" customHeight="1" x14ac:dyDescent="0.15">
      <c r="A65" s="5" t="s">
        <v>17</v>
      </c>
      <c r="B65" s="22">
        <v>123</v>
      </c>
      <c r="C65" s="14">
        <v>107</v>
      </c>
      <c r="D65" s="18">
        <v>230</v>
      </c>
    </row>
    <row r="66" spans="1:4" ht="18" customHeight="1" x14ac:dyDescent="0.15">
      <c r="A66" s="5">
        <v>50</v>
      </c>
      <c r="B66" s="22">
        <v>31</v>
      </c>
      <c r="C66" s="14">
        <v>28</v>
      </c>
      <c r="D66" s="18">
        <v>59</v>
      </c>
    </row>
    <row r="67" spans="1:4" ht="18" customHeight="1" x14ac:dyDescent="0.15">
      <c r="A67" s="5">
        <v>51</v>
      </c>
      <c r="B67" s="22">
        <v>26</v>
      </c>
      <c r="C67" s="14">
        <v>28</v>
      </c>
      <c r="D67" s="18">
        <v>54</v>
      </c>
    </row>
    <row r="68" spans="1:4" ht="18" customHeight="1" x14ac:dyDescent="0.15">
      <c r="A68" s="5">
        <v>52</v>
      </c>
      <c r="B68" s="22">
        <v>35</v>
      </c>
      <c r="C68" s="14">
        <v>34</v>
      </c>
      <c r="D68" s="18">
        <v>69</v>
      </c>
    </row>
    <row r="69" spans="1:4" ht="18" customHeight="1" x14ac:dyDescent="0.15">
      <c r="A69" s="5">
        <v>53</v>
      </c>
      <c r="B69" s="22">
        <v>40</v>
      </c>
      <c r="C69" s="14">
        <v>42</v>
      </c>
      <c r="D69" s="18">
        <v>82</v>
      </c>
    </row>
    <row r="70" spans="1:4" ht="18" customHeight="1" x14ac:dyDescent="0.15">
      <c r="A70" s="5">
        <v>54</v>
      </c>
      <c r="B70" s="22">
        <v>37</v>
      </c>
      <c r="C70" s="14">
        <v>31</v>
      </c>
      <c r="D70" s="18">
        <v>68</v>
      </c>
    </row>
    <row r="71" spans="1:4" ht="18" customHeight="1" x14ac:dyDescent="0.15">
      <c r="A71" s="5" t="s">
        <v>22</v>
      </c>
      <c r="B71" s="22">
        <v>169</v>
      </c>
      <c r="C71" s="14">
        <v>163</v>
      </c>
      <c r="D71" s="18">
        <v>332</v>
      </c>
    </row>
    <row r="72" spans="1:4" ht="18" customHeight="1" x14ac:dyDescent="0.15">
      <c r="A72" s="5">
        <v>55</v>
      </c>
      <c r="B72" s="22">
        <v>33</v>
      </c>
      <c r="C72" s="14">
        <v>32</v>
      </c>
      <c r="D72" s="18">
        <v>65</v>
      </c>
    </row>
    <row r="73" spans="1:4" ht="18" customHeight="1" x14ac:dyDescent="0.15">
      <c r="A73" s="5">
        <v>56</v>
      </c>
      <c r="B73" s="22">
        <v>27</v>
      </c>
      <c r="C73" s="14">
        <v>32</v>
      </c>
      <c r="D73" s="18">
        <v>59</v>
      </c>
    </row>
    <row r="74" spans="1:4" ht="18" customHeight="1" x14ac:dyDescent="0.15">
      <c r="A74" s="5">
        <v>57</v>
      </c>
      <c r="B74" s="22">
        <v>44</v>
      </c>
      <c r="C74" s="14">
        <v>25</v>
      </c>
      <c r="D74" s="18">
        <v>69</v>
      </c>
    </row>
    <row r="75" spans="1:4" ht="18" customHeight="1" x14ac:dyDescent="0.15">
      <c r="A75" s="5">
        <v>58</v>
      </c>
      <c r="B75" s="22">
        <v>27</v>
      </c>
      <c r="C75" s="14">
        <v>28</v>
      </c>
      <c r="D75" s="18">
        <v>55</v>
      </c>
    </row>
    <row r="76" spans="1:4" ht="18" customHeight="1" x14ac:dyDescent="0.15">
      <c r="A76" s="5">
        <v>59</v>
      </c>
      <c r="B76" s="22">
        <v>21</v>
      </c>
      <c r="C76" s="14">
        <v>20</v>
      </c>
      <c r="D76" s="18">
        <v>41</v>
      </c>
    </row>
    <row r="77" spans="1:4" ht="18" customHeight="1" x14ac:dyDescent="0.15">
      <c r="A77" s="5" t="s">
        <v>27</v>
      </c>
      <c r="B77" s="22">
        <v>152</v>
      </c>
      <c r="C77" s="14">
        <v>137</v>
      </c>
      <c r="D77" s="18">
        <v>289</v>
      </c>
    </row>
    <row r="78" spans="1:4" ht="18" customHeight="1" x14ac:dyDescent="0.15">
      <c r="A78" s="5">
        <v>60</v>
      </c>
      <c r="B78" s="22">
        <v>20</v>
      </c>
      <c r="C78" s="14">
        <v>18</v>
      </c>
      <c r="D78" s="18">
        <v>38</v>
      </c>
    </row>
    <row r="79" spans="1:4" ht="18" customHeight="1" x14ac:dyDescent="0.15">
      <c r="A79" s="5">
        <v>61</v>
      </c>
      <c r="B79" s="22">
        <v>28</v>
      </c>
      <c r="C79" s="14">
        <v>25</v>
      </c>
      <c r="D79" s="18">
        <v>53</v>
      </c>
    </row>
    <row r="80" spans="1:4" ht="18" customHeight="1" x14ac:dyDescent="0.15">
      <c r="A80" s="5">
        <v>62</v>
      </c>
      <c r="B80" s="22">
        <v>17</v>
      </c>
      <c r="C80" s="14">
        <v>18</v>
      </c>
      <c r="D80" s="18">
        <v>35</v>
      </c>
    </row>
    <row r="81" spans="1:4" ht="18" customHeight="1" x14ac:dyDescent="0.15">
      <c r="A81" s="5">
        <v>63</v>
      </c>
      <c r="B81" s="22">
        <v>19</v>
      </c>
      <c r="C81" s="14">
        <v>27</v>
      </c>
      <c r="D81" s="18">
        <v>46</v>
      </c>
    </row>
    <row r="82" spans="1:4" ht="18" customHeight="1" x14ac:dyDescent="0.15">
      <c r="A82" s="5">
        <v>64</v>
      </c>
      <c r="B82" s="22">
        <v>21</v>
      </c>
      <c r="C82" s="14">
        <v>20</v>
      </c>
      <c r="D82" s="18">
        <v>41</v>
      </c>
    </row>
    <row r="83" spans="1:4" ht="18" customHeight="1" x14ac:dyDescent="0.15">
      <c r="A83" s="5" t="s">
        <v>28</v>
      </c>
      <c r="B83" s="22">
        <v>105</v>
      </c>
      <c r="C83" s="14">
        <v>108</v>
      </c>
      <c r="D83" s="18">
        <v>213</v>
      </c>
    </row>
    <row r="84" spans="1:4" ht="18" customHeight="1" x14ac:dyDescent="0.15">
      <c r="A84" s="5" t="s">
        <v>31</v>
      </c>
      <c r="B84" s="22">
        <v>1100</v>
      </c>
      <c r="C84" s="14">
        <v>995</v>
      </c>
      <c r="D84" s="18">
        <v>2095</v>
      </c>
    </row>
    <row r="85" spans="1:4" ht="18" customHeight="1" x14ac:dyDescent="0.15">
      <c r="A85" s="5">
        <v>65</v>
      </c>
      <c r="B85" s="22">
        <v>21</v>
      </c>
      <c r="C85" s="14">
        <v>24</v>
      </c>
      <c r="D85" s="18">
        <v>45</v>
      </c>
    </row>
    <row r="86" spans="1:4" ht="18" customHeight="1" x14ac:dyDescent="0.15">
      <c r="A86" s="5">
        <v>66</v>
      </c>
      <c r="B86" s="22">
        <v>24</v>
      </c>
      <c r="C86" s="14">
        <v>19</v>
      </c>
      <c r="D86" s="18">
        <v>43</v>
      </c>
    </row>
    <row r="87" spans="1:4" ht="18" customHeight="1" x14ac:dyDescent="0.15">
      <c r="A87" s="5">
        <v>67</v>
      </c>
      <c r="B87" s="22">
        <v>12</v>
      </c>
      <c r="C87" s="14">
        <v>23</v>
      </c>
      <c r="D87" s="18">
        <v>35</v>
      </c>
    </row>
    <row r="88" spans="1:4" ht="18" customHeight="1" x14ac:dyDescent="0.15">
      <c r="A88" s="5">
        <v>68</v>
      </c>
      <c r="B88" s="22">
        <v>17</v>
      </c>
      <c r="C88" s="14">
        <v>30</v>
      </c>
      <c r="D88" s="18">
        <v>47</v>
      </c>
    </row>
    <row r="89" spans="1:4" ht="18" customHeight="1" x14ac:dyDescent="0.15">
      <c r="A89" s="5">
        <v>69</v>
      </c>
      <c r="B89" s="22">
        <v>30</v>
      </c>
      <c r="C89" s="14">
        <v>28</v>
      </c>
      <c r="D89" s="18">
        <v>58</v>
      </c>
    </row>
    <row r="90" spans="1:4" ht="18" customHeight="1" x14ac:dyDescent="0.15">
      <c r="A90" s="5" t="s">
        <v>20</v>
      </c>
      <c r="B90" s="22">
        <v>104</v>
      </c>
      <c r="C90" s="14">
        <v>124</v>
      </c>
      <c r="D90" s="18">
        <v>228</v>
      </c>
    </row>
    <row r="91" spans="1:4" ht="18" customHeight="1" x14ac:dyDescent="0.15">
      <c r="A91" s="5">
        <v>70</v>
      </c>
      <c r="B91" s="22">
        <v>20</v>
      </c>
      <c r="C91" s="14">
        <v>22</v>
      </c>
      <c r="D91" s="18">
        <v>42</v>
      </c>
    </row>
    <row r="92" spans="1:4" ht="18" customHeight="1" x14ac:dyDescent="0.15">
      <c r="A92" s="5">
        <v>71</v>
      </c>
      <c r="B92" s="22">
        <v>31</v>
      </c>
      <c r="C92" s="14">
        <v>26</v>
      </c>
      <c r="D92" s="18">
        <v>57</v>
      </c>
    </row>
    <row r="93" spans="1:4" ht="18" customHeight="1" x14ac:dyDescent="0.15">
      <c r="A93" s="5">
        <v>72</v>
      </c>
      <c r="B93" s="22">
        <v>22</v>
      </c>
      <c r="C93" s="14">
        <v>27</v>
      </c>
      <c r="D93" s="18">
        <v>49</v>
      </c>
    </row>
    <row r="94" spans="1:4" ht="18" customHeight="1" x14ac:dyDescent="0.15">
      <c r="A94" s="5">
        <v>73</v>
      </c>
      <c r="B94" s="22">
        <v>28</v>
      </c>
      <c r="C94" s="14">
        <v>22</v>
      </c>
      <c r="D94" s="18">
        <v>50</v>
      </c>
    </row>
    <row r="95" spans="1:4" ht="18" customHeight="1" x14ac:dyDescent="0.15">
      <c r="A95" s="5">
        <v>74</v>
      </c>
      <c r="B95" s="22">
        <v>23</v>
      </c>
      <c r="C95" s="14">
        <v>30</v>
      </c>
      <c r="D95" s="18">
        <v>53</v>
      </c>
    </row>
    <row r="96" spans="1:4" ht="18" customHeight="1" x14ac:dyDescent="0.15">
      <c r="A96" s="5" t="s">
        <v>33</v>
      </c>
      <c r="B96" s="22">
        <v>124</v>
      </c>
      <c r="C96" s="14">
        <v>127</v>
      </c>
      <c r="D96" s="18">
        <v>251</v>
      </c>
    </row>
    <row r="97" spans="1:4" ht="18" customHeight="1" x14ac:dyDescent="0.15">
      <c r="A97" s="5">
        <v>75</v>
      </c>
      <c r="B97" s="22">
        <v>27</v>
      </c>
      <c r="C97" s="14">
        <v>47</v>
      </c>
      <c r="D97" s="18">
        <v>74</v>
      </c>
    </row>
    <row r="98" spans="1:4" ht="18" customHeight="1" x14ac:dyDescent="0.15">
      <c r="A98" s="5">
        <v>76</v>
      </c>
      <c r="B98" s="22">
        <v>30</v>
      </c>
      <c r="C98" s="14">
        <v>42</v>
      </c>
      <c r="D98" s="18">
        <v>72</v>
      </c>
    </row>
    <row r="99" spans="1:4" ht="18" customHeight="1" x14ac:dyDescent="0.15">
      <c r="A99" s="5">
        <v>77</v>
      </c>
      <c r="B99" s="22">
        <v>35</v>
      </c>
      <c r="C99" s="14">
        <v>38</v>
      </c>
      <c r="D99" s="18">
        <v>73</v>
      </c>
    </row>
    <row r="100" spans="1:4" ht="18" customHeight="1" x14ac:dyDescent="0.15">
      <c r="A100" s="5">
        <v>78</v>
      </c>
      <c r="B100" s="22">
        <v>35</v>
      </c>
      <c r="C100" s="14">
        <v>52</v>
      </c>
      <c r="D100" s="18">
        <v>87</v>
      </c>
    </row>
    <row r="101" spans="1:4" ht="18" customHeight="1" x14ac:dyDescent="0.15">
      <c r="A101" s="5">
        <v>79</v>
      </c>
      <c r="B101" s="22">
        <v>33</v>
      </c>
      <c r="C101" s="14">
        <v>38</v>
      </c>
      <c r="D101" s="18">
        <v>71</v>
      </c>
    </row>
    <row r="102" spans="1:4" ht="18" customHeight="1" x14ac:dyDescent="0.15">
      <c r="A102" s="5" t="s">
        <v>0</v>
      </c>
      <c r="B102" s="22">
        <v>160</v>
      </c>
      <c r="C102" s="14">
        <v>217</v>
      </c>
      <c r="D102" s="18">
        <v>377</v>
      </c>
    </row>
    <row r="103" spans="1:4" ht="18" customHeight="1" x14ac:dyDescent="0.15">
      <c r="A103" s="5">
        <v>80</v>
      </c>
      <c r="B103" s="22">
        <v>24</v>
      </c>
      <c r="C103" s="14">
        <v>22</v>
      </c>
      <c r="D103" s="18">
        <v>46</v>
      </c>
    </row>
    <row r="104" spans="1:4" ht="18" customHeight="1" x14ac:dyDescent="0.15">
      <c r="A104" s="5">
        <v>81</v>
      </c>
      <c r="B104" s="22">
        <v>27</v>
      </c>
      <c r="C104" s="14">
        <v>28</v>
      </c>
      <c r="D104" s="18">
        <v>55</v>
      </c>
    </row>
    <row r="105" spans="1:4" ht="18" customHeight="1" x14ac:dyDescent="0.15">
      <c r="A105" s="5">
        <v>82</v>
      </c>
      <c r="B105" s="22">
        <v>19</v>
      </c>
      <c r="C105" s="14">
        <v>32</v>
      </c>
      <c r="D105" s="18">
        <v>51</v>
      </c>
    </row>
    <row r="106" spans="1:4" ht="18" customHeight="1" x14ac:dyDescent="0.15">
      <c r="A106" s="5">
        <v>83</v>
      </c>
      <c r="B106" s="22">
        <v>28</v>
      </c>
      <c r="C106" s="14">
        <v>26</v>
      </c>
      <c r="D106" s="18">
        <v>54</v>
      </c>
    </row>
    <row r="107" spans="1:4" ht="18" customHeight="1" x14ac:dyDescent="0.15">
      <c r="A107" s="5">
        <v>84</v>
      </c>
      <c r="B107" s="22">
        <v>30</v>
      </c>
      <c r="C107" s="14">
        <v>37</v>
      </c>
      <c r="D107" s="18">
        <v>67</v>
      </c>
    </row>
    <row r="108" spans="1:4" ht="18" customHeight="1" x14ac:dyDescent="0.15">
      <c r="A108" s="5" t="s">
        <v>35</v>
      </c>
      <c r="B108" s="22">
        <v>128</v>
      </c>
      <c r="C108" s="14">
        <v>145</v>
      </c>
      <c r="D108" s="18">
        <v>273</v>
      </c>
    </row>
    <row r="109" spans="1:4" ht="18" customHeight="1" x14ac:dyDescent="0.15">
      <c r="A109" s="5">
        <v>85</v>
      </c>
      <c r="B109" s="22">
        <v>19</v>
      </c>
      <c r="C109" s="14">
        <v>18</v>
      </c>
      <c r="D109" s="18">
        <v>37</v>
      </c>
    </row>
    <row r="110" spans="1:4" ht="18" customHeight="1" x14ac:dyDescent="0.15">
      <c r="A110" s="5">
        <v>86</v>
      </c>
      <c r="B110" s="22">
        <v>11</v>
      </c>
      <c r="C110" s="14">
        <v>25</v>
      </c>
      <c r="D110" s="18">
        <v>36</v>
      </c>
    </row>
    <row r="111" spans="1:4" ht="18" customHeight="1" x14ac:dyDescent="0.15">
      <c r="A111" s="5">
        <v>87</v>
      </c>
      <c r="B111" s="22">
        <v>9</v>
      </c>
      <c r="C111" s="14">
        <v>19</v>
      </c>
      <c r="D111" s="18">
        <v>28</v>
      </c>
    </row>
    <row r="112" spans="1:4" ht="18" customHeight="1" x14ac:dyDescent="0.15">
      <c r="A112" s="5">
        <v>88</v>
      </c>
      <c r="B112" s="22">
        <v>11</v>
      </c>
      <c r="C112" s="14">
        <v>18</v>
      </c>
      <c r="D112" s="18">
        <v>29</v>
      </c>
    </row>
    <row r="113" spans="1:4" ht="18" customHeight="1" x14ac:dyDescent="0.15">
      <c r="A113" s="5">
        <v>89</v>
      </c>
      <c r="B113" s="22">
        <v>9</v>
      </c>
      <c r="C113" s="14">
        <v>23</v>
      </c>
      <c r="D113" s="18">
        <v>32</v>
      </c>
    </row>
    <row r="114" spans="1:4" ht="18" customHeight="1" x14ac:dyDescent="0.15">
      <c r="A114" s="5" t="s">
        <v>37</v>
      </c>
      <c r="B114" s="22">
        <v>59</v>
      </c>
      <c r="C114" s="14">
        <v>103</v>
      </c>
      <c r="D114" s="18">
        <v>162</v>
      </c>
    </row>
    <row r="115" spans="1:4" ht="18" customHeight="1" x14ac:dyDescent="0.15">
      <c r="A115" s="5">
        <v>90</v>
      </c>
      <c r="B115" s="22">
        <v>8</v>
      </c>
      <c r="C115" s="14">
        <v>15</v>
      </c>
      <c r="D115" s="18">
        <v>23</v>
      </c>
    </row>
    <row r="116" spans="1:4" ht="18" customHeight="1" x14ac:dyDescent="0.15">
      <c r="A116" s="5">
        <v>91</v>
      </c>
      <c r="B116" s="22">
        <v>6</v>
      </c>
      <c r="C116" s="14">
        <v>13</v>
      </c>
      <c r="D116" s="18">
        <v>19</v>
      </c>
    </row>
    <row r="117" spans="1:4" ht="18" customHeight="1" x14ac:dyDescent="0.15">
      <c r="A117" s="5">
        <v>92</v>
      </c>
      <c r="B117" s="22">
        <v>2</v>
      </c>
      <c r="C117" s="14">
        <v>7</v>
      </c>
      <c r="D117" s="18">
        <v>9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11</v>
      </c>
      <c r="D119" s="18">
        <v>13</v>
      </c>
    </row>
    <row r="120" spans="1:4" ht="18" customHeight="1" x14ac:dyDescent="0.15">
      <c r="A120" s="5" t="s">
        <v>39</v>
      </c>
      <c r="B120" s="22">
        <v>19</v>
      </c>
      <c r="C120" s="14">
        <v>52</v>
      </c>
      <c r="D120" s="18">
        <v>71</v>
      </c>
    </row>
    <row r="121" spans="1:4" ht="18" customHeight="1" x14ac:dyDescent="0.15">
      <c r="A121" s="5">
        <v>95</v>
      </c>
      <c r="B121" s="22">
        <v>3</v>
      </c>
      <c r="C121" s="14">
        <v>6</v>
      </c>
      <c r="D121" s="18">
        <v>9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14</v>
      </c>
      <c r="D126" s="18">
        <v>20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01</v>
      </c>
      <c r="C130" s="14">
        <v>788</v>
      </c>
      <c r="D130" s="18">
        <v>1389</v>
      </c>
    </row>
    <row r="131" spans="1:4" ht="18" customHeight="1" x14ac:dyDescent="0.15">
      <c r="A131" s="7" t="s">
        <v>45</v>
      </c>
      <c r="B131" s="23">
        <v>1868</v>
      </c>
      <c r="C131" s="15">
        <v>1925</v>
      </c>
      <c r="D131" s="19">
        <v>37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1</v>
      </c>
      <c r="D5" s="17">
        <v>1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3</v>
      </c>
      <c r="C7" s="14">
        <v>3</v>
      </c>
      <c r="D7" s="18">
        <v>6</v>
      </c>
    </row>
    <row r="8" spans="1:4" ht="18" customHeight="1" x14ac:dyDescent="0.15">
      <c r="A8" s="5">
        <v>3</v>
      </c>
      <c r="B8" s="22">
        <v>2</v>
      </c>
      <c r="C8" s="14">
        <v>5</v>
      </c>
      <c r="D8" s="18">
        <v>7</v>
      </c>
    </row>
    <row r="9" spans="1:4" ht="18" customHeight="1" x14ac:dyDescent="0.15">
      <c r="A9" s="5">
        <v>4</v>
      </c>
      <c r="B9" s="22">
        <v>6</v>
      </c>
      <c r="C9" s="14">
        <v>3</v>
      </c>
      <c r="D9" s="18">
        <v>9</v>
      </c>
    </row>
    <row r="10" spans="1:4" ht="18" customHeight="1" x14ac:dyDescent="0.15">
      <c r="A10" s="5" t="s">
        <v>7</v>
      </c>
      <c r="B10" s="22">
        <v>14</v>
      </c>
      <c r="C10" s="14">
        <v>14</v>
      </c>
      <c r="D10" s="18">
        <v>28</v>
      </c>
    </row>
    <row r="11" spans="1:4" ht="18" customHeight="1" x14ac:dyDescent="0.15">
      <c r="A11" s="5">
        <v>5</v>
      </c>
      <c r="B11" s="22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2">
        <v>6</v>
      </c>
      <c r="C12" s="14">
        <v>3</v>
      </c>
      <c r="D12" s="18">
        <v>9</v>
      </c>
    </row>
    <row r="13" spans="1:4" ht="18" customHeight="1" x14ac:dyDescent="0.15">
      <c r="A13" s="5">
        <v>7</v>
      </c>
      <c r="B13" s="22">
        <v>3</v>
      </c>
      <c r="C13" s="14">
        <v>1</v>
      </c>
      <c r="D13" s="18">
        <v>4</v>
      </c>
    </row>
    <row r="14" spans="1:4" ht="18" customHeight="1" x14ac:dyDescent="0.15">
      <c r="A14" s="5">
        <v>8</v>
      </c>
      <c r="B14" s="22">
        <v>4</v>
      </c>
      <c r="C14" s="14">
        <v>0</v>
      </c>
      <c r="D14" s="18">
        <v>4</v>
      </c>
    </row>
    <row r="15" spans="1:4" ht="18" customHeight="1" x14ac:dyDescent="0.15">
      <c r="A15" s="5">
        <v>9</v>
      </c>
      <c r="B15" s="22">
        <v>6</v>
      </c>
      <c r="C15" s="14">
        <v>2</v>
      </c>
      <c r="D15" s="18">
        <v>8</v>
      </c>
    </row>
    <row r="16" spans="1:4" ht="18" customHeight="1" x14ac:dyDescent="0.15">
      <c r="A16" s="5" t="s">
        <v>11</v>
      </c>
      <c r="B16" s="22">
        <v>21</v>
      </c>
      <c r="C16" s="14">
        <v>11</v>
      </c>
      <c r="D16" s="18">
        <v>32</v>
      </c>
    </row>
    <row r="17" spans="1:4" ht="18" customHeight="1" x14ac:dyDescent="0.15">
      <c r="A17" s="5">
        <v>10</v>
      </c>
      <c r="B17" s="22">
        <v>5</v>
      </c>
      <c r="C17" s="14">
        <v>12</v>
      </c>
      <c r="D17" s="18">
        <v>17</v>
      </c>
    </row>
    <row r="18" spans="1:4" ht="18" customHeight="1" x14ac:dyDescent="0.15">
      <c r="A18" s="5">
        <v>11</v>
      </c>
      <c r="B18" s="22">
        <v>1</v>
      </c>
      <c r="C18" s="14">
        <v>3</v>
      </c>
      <c r="D18" s="18">
        <v>4</v>
      </c>
    </row>
    <row r="19" spans="1:4" ht="18" customHeight="1" x14ac:dyDescent="0.15">
      <c r="A19" s="5">
        <v>12</v>
      </c>
      <c r="B19" s="22">
        <v>4</v>
      </c>
      <c r="C19" s="14">
        <v>7</v>
      </c>
      <c r="D19" s="18">
        <v>11</v>
      </c>
    </row>
    <row r="20" spans="1:4" ht="18" customHeight="1" x14ac:dyDescent="0.15">
      <c r="A20" s="5">
        <v>13</v>
      </c>
      <c r="B20" s="22">
        <v>7</v>
      </c>
      <c r="C20" s="14">
        <v>5</v>
      </c>
      <c r="D20" s="18">
        <v>12</v>
      </c>
    </row>
    <row r="21" spans="1:4" ht="18" customHeight="1" x14ac:dyDescent="0.15">
      <c r="A21" s="5">
        <v>14</v>
      </c>
      <c r="B21" s="22">
        <v>7</v>
      </c>
      <c r="C21" s="14">
        <v>7</v>
      </c>
      <c r="D21" s="18">
        <v>14</v>
      </c>
    </row>
    <row r="22" spans="1:4" ht="18" customHeight="1" x14ac:dyDescent="0.15">
      <c r="A22" s="5" t="s">
        <v>12</v>
      </c>
      <c r="B22" s="22">
        <v>24</v>
      </c>
      <c r="C22" s="14">
        <v>34</v>
      </c>
      <c r="D22" s="18">
        <v>58</v>
      </c>
    </row>
    <row r="23" spans="1:4" ht="18" customHeight="1" x14ac:dyDescent="0.15">
      <c r="A23" s="5" t="s">
        <v>6</v>
      </c>
      <c r="B23" s="22">
        <v>59</v>
      </c>
      <c r="C23" s="14">
        <v>59</v>
      </c>
      <c r="D23" s="18">
        <v>118</v>
      </c>
    </row>
    <row r="24" spans="1:4" ht="18" customHeight="1" x14ac:dyDescent="0.15">
      <c r="A24" s="5">
        <v>15</v>
      </c>
      <c r="B24" s="22">
        <v>7</v>
      </c>
      <c r="C24" s="14">
        <v>3</v>
      </c>
      <c r="D24" s="18">
        <v>10</v>
      </c>
    </row>
    <row r="25" spans="1:4" ht="18" customHeight="1" x14ac:dyDescent="0.15">
      <c r="A25" s="5">
        <v>16</v>
      </c>
      <c r="B25" s="22">
        <v>7</v>
      </c>
      <c r="C25" s="14">
        <v>7</v>
      </c>
      <c r="D25" s="18">
        <v>14</v>
      </c>
    </row>
    <row r="26" spans="1:4" ht="18" customHeight="1" x14ac:dyDescent="0.15">
      <c r="A26" s="5">
        <v>17</v>
      </c>
      <c r="B26" s="22">
        <v>10</v>
      </c>
      <c r="C26" s="14">
        <v>8</v>
      </c>
      <c r="D26" s="18">
        <v>18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11</v>
      </c>
      <c r="C28" s="14">
        <v>3</v>
      </c>
      <c r="D28" s="18">
        <v>14</v>
      </c>
    </row>
    <row r="29" spans="1:4" ht="18" customHeight="1" x14ac:dyDescent="0.15">
      <c r="A29" s="5" t="s">
        <v>14</v>
      </c>
      <c r="B29" s="22">
        <v>37</v>
      </c>
      <c r="C29" s="14">
        <v>23</v>
      </c>
      <c r="D29" s="18">
        <v>60</v>
      </c>
    </row>
    <row r="30" spans="1:4" ht="18" customHeight="1" x14ac:dyDescent="0.15">
      <c r="A30" s="5">
        <v>20</v>
      </c>
      <c r="B30" s="22">
        <v>6</v>
      </c>
      <c r="C30" s="14">
        <v>5</v>
      </c>
      <c r="D30" s="18">
        <v>11</v>
      </c>
    </row>
    <row r="31" spans="1:4" ht="18" customHeight="1" x14ac:dyDescent="0.15">
      <c r="A31" s="5">
        <v>21</v>
      </c>
      <c r="B31" s="22">
        <v>9</v>
      </c>
      <c r="C31" s="14">
        <v>2</v>
      </c>
      <c r="D31" s="18">
        <v>11</v>
      </c>
    </row>
    <row r="32" spans="1:4" ht="18" customHeight="1" x14ac:dyDescent="0.15">
      <c r="A32" s="5">
        <v>22</v>
      </c>
      <c r="B32" s="22">
        <v>8</v>
      </c>
      <c r="C32" s="14">
        <v>6</v>
      </c>
      <c r="D32" s="18">
        <v>14</v>
      </c>
    </row>
    <row r="33" spans="1:4" ht="18" customHeight="1" x14ac:dyDescent="0.15">
      <c r="A33" s="5">
        <v>23</v>
      </c>
      <c r="B33" s="22">
        <v>5</v>
      </c>
      <c r="C33" s="14">
        <v>6</v>
      </c>
      <c r="D33" s="18">
        <v>11</v>
      </c>
    </row>
    <row r="34" spans="1:4" ht="18" customHeight="1" x14ac:dyDescent="0.15">
      <c r="A34" s="5">
        <v>24</v>
      </c>
      <c r="B34" s="22">
        <v>6</v>
      </c>
      <c r="C34" s="14">
        <v>4</v>
      </c>
      <c r="D34" s="18">
        <v>10</v>
      </c>
    </row>
    <row r="35" spans="1:4" ht="18" customHeight="1" x14ac:dyDescent="0.15">
      <c r="A35" s="5" t="s">
        <v>9</v>
      </c>
      <c r="B35" s="22">
        <v>34</v>
      </c>
      <c r="C35" s="14">
        <v>23</v>
      </c>
      <c r="D35" s="18">
        <v>57</v>
      </c>
    </row>
    <row r="36" spans="1:4" ht="18" customHeight="1" x14ac:dyDescent="0.15">
      <c r="A36" s="5">
        <v>25</v>
      </c>
      <c r="B36" s="22">
        <v>5</v>
      </c>
      <c r="C36" s="14">
        <v>2</v>
      </c>
      <c r="D36" s="18">
        <v>7</v>
      </c>
    </row>
    <row r="37" spans="1:4" ht="18" customHeight="1" x14ac:dyDescent="0.15">
      <c r="A37" s="5">
        <v>26</v>
      </c>
      <c r="B37" s="22">
        <v>6</v>
      </c>
      <c r="C37" s="14">
        <v>6</v>
      </c>
      <c r="D37" s="18">
        <v>12</v>
      </c>
    </row>
    <row r="38" spans="1:4" ht="18" customHeight="1" x14ac:dyDescent="0.15">
      <c r="A38" s="5">
        <v>27</v>
      </c>
      <c r="B38" s="22">
        <v>3</v>
      </c>
      <c r="C38" s="14">
        <v>0</v>
      </c>
      <c r="D38" s="18">
        <v>3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2</v>
      </c>
      <c r="C40" s="14">
        <v>4</v>
      </c>
      <c r="D40" s="18">
        <v>6</v>
      </c>
    </row>
    <row r="41" spans="1:4" ht="18" customHeight="1" x14ac:dyDescent="0.15">
      <c r="A41" s="5" t="s">
        <v>2</v>
      </c>
      <c r="B41" s="22">
        <v>20</v>
      </c>
      <c r="C41" s="14">
        <v>14</v>
      </c>
      <c r="D41" s="18">
        <v>34</v>
      </c>
    </row>
    <row r="42" spans="1:4" ht="18" customHeight="1" x14ac:dyDescent="0.15">
      <c r="A42" s="5">
        <v>30</v>
      </c>
      <c r="B42" s="22">
        <v>9</v>
      </c>
      <c r="C42" s="14">
        <v>6</v>
      </c>
      <c r="D42" s="18">
        <v>15</v>
      </c>
    </row>
    <row r="43" spans="1:4" ht="18" customHeight="1" x14ac:dyDescent="0.15">
      <c r="A43" s="5">
        <v>31</v>
      </c>
      <c r="B43" s="22">
        <v>3</v>
      </c>
      <c r="C43" s="14">
        <v>3</v>
      </c>
      <c r="D43" s="18">
        <v>6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6</v>
      </c>
      <c r="C45" s="14">
        <v>7</v>
      </c>
      <c r="D45" s="18">
        <v>13</v>
      </c>
    </row>
    <row r="46" spans="1:4" ht="18" customHeight="1" x14ac:dyDescent="0.15">
      <c r="A46" s="5">
        <v>34</v>
      </c>
      <c r="B46" s="22">
        <v>5</v>
      </c>
      <c r="C46" s="14">
        <v>8</v>
      </c>
      <c r="D46" s="18">
        <v>13</v>
      </c>
    </row>
    <row r="47" spans="1:4" ht="18" customHeight="1" x14ac:dyDescent="0.15">
      <c r="A47" s="5" t="s">
        <v>15</v>
      </c>
      <c r="B47" s="22">
        <v>26</v>
      </c>
      <c r="C47" s="14">
        <v>24</v>
      </c>
      <c r="D47" s="18">
        <v>50</v>
      </c>
    </row>
    <row r="48" spans="1:4" ht="18" customHeight="1" x14ac:dyDescent="0.15">
      <c r="A48" s="5">
        <v>35</v>
      </c>
      <c r="B48" s="22">
        <v>4</v>
      </c>
      <c r="C48" s="14">
        <v>6</v>
      </c>
      <c r="D48" s="18">
        <v>10</v>
      </c>
    </row>
    <row r="49" spans="1:4" ht="18" customHeight="1" x14ac:dyDescent="0.15">
      <c r="A49" s="5">
        <v>36</v>
      </c>
      <c r="B49" s="22">
        <v>9</v>
      </c>
      <c r="C49" s="14">
        <v>7</v>
      </c>
      <c r="D49" s="18">
        <v>16</v>
      </c>
    </row>
    <row r="50" spans="1:4" ht="18" customHeight="1" x14ac:dyDescent="0.15">
      <c r="A50" s="5">
        <v>37</v>
      </c>
      <c r="B50" s="22">
        <v>10</v>
      </c>
      <c r="C50" s="14">
        <v>5</v>
      </c>
      <c r="D50" s="18">
        <v>15</v>
      </c>
    </row>
    <row r="51" spans="1:4" ht="18" customHeight="1" x14ac:dyDescent="0.15">
      <c r="A51" s="5">
        <v>38</v>
      </c>
      <c r="B51" s="22">
        <v>8</v>
      </c>
      <c r="C51" s="14">
        <v>2</v>
      </c>
      <c r="D51" s="18">
        <v>10</v>
      </c>
    </row>
    <row r="52" spans="1:4" ht="18" customHeight="1" x14ac:dyDescent="0.15">
      <c r="A52" s="5">
        <v>39</v>
      </c>
      <c r="B52" s="22">
        <v>11</v>
      </c>
      <c r="C52" s="14">
        <v>7</v>
      </c>
      <c r="D52" s="18">
        <v>18</v>
      </c>
    </row>
    <row r="53" spans="1:4" ht="18" customHeight="1" x14ac:dyDescent="0.15">
      <c r="A53" s="5" t="s">
        <v>18</v>
      </c>
      <c r="B53" s="22">
        <v>42</v>
      </c>
      <c r="C53" s="14">
        <v>27</v>
      </c>
      <c r="D53" s="18">
        <v>69</v>
      </c>
    </row>
    <row r="54" spans="1:4" ht="18" customHeight="1" x14ac:dyDescent="0.15">
      <c r="A54" s="5">
        <v>40</v>
      </c>
      <c r="B54" s="22">
        <v>12</v>
      </c>
      <c r="C54" s="14">
        <v>8</v>
      </c>
      <c r="D54" s="18">
        <v>20</v>
      </c>
    </row>
    <row r="55" spans="1:4" ht="18" customHeight="1" x14ac:dyDescent="0.15">
      <c r="A55" s="5">
        <v>41</v>
      </c>
      <c r="B55" s="22">
        <v>7</v>
      </c>
      <c r="C55" s="14">
        <v>9</v>
      </c>
      <c r="D55" s="18">
        <v>16</v>
      </c>
    </row>
    <row r="56" spans="1:4" ht="18" customHeight="1" x14ac:dyDescent="0.15">
      <c r="A56" s="5">
        <v>42</v>
      </c>
      <c r="B56" s="22">
        <v>8</v>
      </c>
      <c r="C56" s="14">
        <v>8</v>
      </c>
      <c r="D56" s="18">
        <v>16</v>
      </c>
    </row>
    <row r="57" spans="1:4" ht="18" customHeight="1" x14ac:dyDescent="0.15">
      <c r="A57" s="5">
        <v>43</v>
      </c>
      <c r="B57" s="22">
        <v>5</v>
      </c>
      <c r="C57" s="14">
        <v>4</v>
      </c>
      <c r="D57" s="18">
        <v>9</v>
      </c>
    </row>
    <row r="58" spans="1:4" ht="18" customHeight="1" x14ac:dyDescent="0.15">
      <c r="A58" s="5">
        <v>44</v>
      </c>
      <c r="B58" s="22">
        <v>11</v>
      </c>
      <c r="C58" s="14">
        <v>6</v>
      </c>
      <c r="D58" s="18">
        <v>17</v>
      </c>
    </row>
    <row r="59" spans="1:4" ht="18" customHeight="1" x14ac:dyDescent="0.15">
      <c r="A59" s="5" t="s">
        <v>21</v>
      </c>
      <c r="B59" s="22">
        <v>43</v>
      </c>
      <c r="C59" s="14">
        <v>35</v>
      </c>
      <c r="D59" s="18">
        <v>78</v>
      </c>
    </row>
    <row r="60" spans="1:4" ht="18" customHeight="1" x14ac:dyDescent="0.15">
      <c r="A60" s="5">
        <v>45</v>
      </c>
      <c r="B60" s="22">
        <v>6</v>
      </c>
      <c r="C60" s="14">
        <v>5</v>
      </c>
      <c r="D60" s="18">
        <v>11</v>
      </c>
    </row>
    <row r="61" spans="1:4" ht="18" customHeight="1" x14ac:dyDescent="0.15">
      <c r="A61" s="5">
        <v>46</v>
      </c>
      <c r="B61" s="22">
        <v>9</v>
      </c>
      <c r="C61" s="14">
        <v>8</v>
      </c>
      <c r="D61" s="18">
        <v>17</v>
      </c>
    </row>
    <row r="62" spans="1:4" ht="18" customHeight="1" x14ac:dyDescent="0.15">
      <c r="A62" s="5">
        <v>47</v>
      </c>
      <c r="B62" s="22">
        <v>13</v>
      </c>
      <c r="C62" s="14">
        <v>10</v>
      </c>
      <c r="D62" s="18">
        <v>23</v>
      </c>
    </row>
    <row r="63" spans="1:4" ht="18" customHeight="1" x14ac:dyDescent="0.15">
      <c r="A63" s="5">
        <v>48</v>
      </c>
      <c r="B63" s="22">
        <v>9</v>
      </c>
      <c r="C63" s="14">
        <v>11</v>
      </c>
      <c r="D63" s="18">
        <v>20</v>
      </c>
    </row>
    <row r="64" spans="1:4" ht="18" customHeight="1" x14ac:dyDescent="0.15">
      <c r="A64" s="5">
        <v>49</v>
      </c>
      <c r="B64" s="22">
        <v>14</v>
      </c>
      <c r="C64" s="14">
        <v>7</v>
      </c>
      <c r="D64" s="18">
        <v>21</v>
      </c>
    </row>
    <row r="65" spans="1:4" ht="18" customHeight="1" x14ac:dyDescent="0.15">
      <c r="A65" s="5" t="s">
        <v>17</v>
      </c>
      <c r="B65" s="22">
        <v>51</v>
      </c>
      <c r="C65" s="14">
        <v>41</v>
      </c>
      <c r="D65" s="18">
        <v>92</v>
      </c>
    </row>
    <row r="66" spans="1:4" ht="18" customHeight="1" x14ac:dyDescent="0.15">
      <c r="A66" s="5">
        <v>50</v>
      </c>
      <c r="B66" s="22">
        <v>11</v>
      </c>
      <c r="C66" s="14">
        <v>9</v>
      </c>
      <c r="D66" s="18">
        <v>20</v>
      </c>
    </row>
    <row r="67" spans="1:4" ht="18" customHeight="1" x14ac:dyDescent="0.15">
      <c r="A67" s="5">
        <v>51</v>
      </c>
      <c r="B67" s="22">
        <v>16</v>
      </c>
      <c r="C67" s="14">
        <v>15</v>
      </c>
      <c r="D67" s="18">
        <v>31</v>
      </c>
    </row>
    <row r="68" spans="1:4" ht="18" customHeight="1" x14ac:dyDescent="0.15">
      <c r="A68" s="5">
        <v>52</v>
      </c>
      <c r="B68" s="22">
        <v>17</v>
      </c>
      <c r="C68" s="14">
        <v>14</v>
      </c>
      <c r="D68" s="18">
        <v>31</v>
      </c>
    </row>
    <row r="69" spans="1:4" ht="18" customHeight="1" x14ac:dyDescent="0.15">
      <c r="A69" s="5">
        <v>53</v>
      </c>
      <c r="B69" s="22">
        <v>15</v>
      </c>
      <c r="C69" s="14">
        <v>12</v>
      </c>
      <c r="D69" s="18">
        <v>27</v>
      </c>
    </row>
    <row r="70" spans="1:4" ht="18" customHeight="1" x14ac:dyDescent="0.15">
      <c r="A70" s="5">
        <v>54</v>
      </c>
      <c r="B70" s="22">
        <v>11</v>
      </c>
      <c r="C70" s="14">
        <v>8</v>
      </c>
      <c r="D70" s="18">
        <v>19</v>
      </c>
    </row>
    <row r="71" spans="1:4" ht="18" customHeight="1" x14ac:dyDescent="0.15">
      <c r="A71" s="5" t="s">
        <v>22</v>
      </c>
      <c r="B71" s="22">
        <v>70</v>
      </c>
      <c r="C71" s="14">
        <v>58</v>
      </c>
      <c r="D71" s="18">
        <v>128</v>
      </c>
    </row>
    <row r="72" spans="1:4" ht="18" customHeight="1" x14ac:dyDescent="0.15">
      <c r="A72" s="5">
        <v>55</v>
      </c>
      <c r="B72" s="22">
        <v>11</v>
      </c>
      <c r="C72" s="14">
        <v>17</v>
      </c>
      <c r="D72" s="18">
        <v>28</v>
      </c>
    </row>
    <row r="73" spans="1:4" ht="18" customHeight="1" x14ac:dyDescent="0.15">
      <c r="A73" s="5">
        <v>56</v>
      </c>
      <c r="B73" s="22">
        <v>12</v>
      </c>
      <c r="C73" s="14">
        <v>9</v>
      </c>
      <c r="D73" s="18">
        <v>21</v>
      </c>
    </row>
    <row r="74" spans="1:4" ht="18" customHeight="1" x14ac:dyDescent="0.15">
      <c r="A74" s="5">
        <v>57</v>
      </c>
      <c r="B74" s="22">
        <v>12</v>
      </c>
      <c r="C74" s="14">
        <v>7</v>
      </c>
      <c r="D74" s="18">
        <v>19</v>
      </c>
    </row>
    <row r="75" spans="1:4" ht="18" customHeight="1" x14ac:dyDescent="0.15">
      <c r="A75" s="5">
        <v>58</v>
      </c>
      <c r="B75" s="22">
        <v>18</v>
      </c>
      <c r="C75" s="14">
        <v>10</v>
      </c>
      <c r="D75" s="18">
        <v>28</v>
      </c>
    </row>
    <row r="76" spans="1:4" ht="18" customHeight="1" x14ac:dyDescent="0.15">
      <c r="A76" s="5">
        <v>59</v>
      </c>
      <c r="B76" s="22">
        <v>8</v>
      </c>
      <c r="C76" s="14">
        <v>11</v>
      </c>
      <c r="D76" s="18">
        <v>19</v>
      </c>
    </row>
    <row r="77" spans="1:4" ht="18" customHeight="1" x14ac:dyDescent="0.15">
      <c r="A77" s="5" t="s">
        <v>27</v>
      </c>
      <c r="B77" s="22">
        <v>61</v>
      </c>
      <c r="C77" s="14">
        <v>54</v>
      </c>
      <c r="D77" s="18">
        <v>115</v>
      </c>
    </row>
    <row r="78" spans="1:4" ht="18" customHeight="1" x14ac:dyDescent="0.15">
      <c r="A78" s="5">
        <v>60</v>
      </c>
      <c r="B78" s="22">
        <v>9</v>
      </c>
      <c r="C78" s="14">
        <v>13</v>
      </c>
      <c r="D78" s="18">
        <v>22</v>
      </c>
    </row>
    <row r="79" spans="1:4" ht="18" customHeight="1" x14ac:dyDescent="0.15">
      <c r="A79" s="5">
        <v>61</v>
      </c>
      <c r="B79" s="22">
        <v>15</v>
      </c>
      <c r="C79" s="14">
        <v>13</v>
      </c>
      <c r="D79" s="18">
        <v>28</v>
      </c>
    </row>
    <row r="80" spans="1:4" ht="18" customHeight="1" x14ac:dyDescent="0.15">
      <c r="A80" s="5">
        <v>62</v>
      </c>
      <c r="B80" s="22">
        <v>2</v>
      </c>
      <c r="C80" s="14">
        <v>12</v>
      </c>
      <c r="D80" s="18">
        <v>14</v>
      </c>
    </row>
    <row r="81" spans="1:4" ht="18" customHeight="1" x14ac:dyDescent="0.15">
      <c r="A81" s="5">
        <v>63</v>
      </c>
      <c r="B81" s="22">
        <v>11</v>
      </c>
      <c r="C81" s="14">
        <v>13</v>
      </c>
      <c r="D81" s="18">
        <v>24</v>
      </c>
    </row>
    <row r="82" spans="1:4" ht="18" customHeight="1" x14ac:dyDescent="0.15">
      <c r="A82" s="5">
        <v>64</v>
      </c>
      <c r="B82" s="22">
        <v>9</v>
      </c>
      <c r="C82" s="14">
        <v>15</v>
      </c>
      <c r="D82" s="18">
        <v>24</v>
      </c>
    </row>
    <row r="83" spans="1:4" ht="18" customHeight="1" x14ac:dyDescent="0.15">
      <c r="A83" s="5" t="s">
        <v>28</v>
      </c>
      <c r="B83" s="22">
        <v>46</v>
      </c>
      <c r="C83" s="14">
        <v>66</v>
      </c>
      <c r="D83" s="18">
        <v>112</v>
      </c>
    </row>
    <row r="84" spans="1:4" ht="18" customHeight="1" x14ac:dyDescent="0.15">
      <c r="A84" s="5" t="s">
        <v>31</v>
      </c>
      <c r="B84" s="22">
        <v>430</v>
      </c>
      <c r="C84" s="14">
        <v>365</v>
      </c>
      <c r="D84" s="18">
        <v>795</v>
      </c>
    </row>
    <row r="85" spans="1:4" ht="18" customHeight="1" x14ac:dyDescent="0.15">
      <c r="A85" s="5">
        <v>65</v>
      </c>
      <c r="B85" s="22">
        <v>14</v>
      </c>
      <c r="C85" s="14">
        <v>8</v>
      </c>
      <c r="D85" s="18">
        <v>22</v>
      </c>
    </row>
    <row r="86" spans="1:4" ht="18" customHeight="1" x14ac:dyDescent="0.15">
      <c r="A86" s="5">
        <v>66</v>
      </c>
      <c r="B86" s="22">
        <v>14</v>
      </c>
      <c r="C86" s="14">
        <v>15</v>
      </c>
      <c r="D86" s="18">
        <v>29</v>
      </c>
    </row>
    <row r="87" spans="1:4" ht="18" customHeight="1" x14ac:dyDescent="0.15">
      <c r="A87" s="5">
        <v>67</v>
      </c>
      <c r="B87" s="22">
        <v>14</v>
      </c>
      <c r="C87" s="14">
        <v>10</v>
      </c>
      <c r="D87" s="18">
        <v>24</v>
      </c>
    </row>
    <row r="88" spans="1:4" ht="18" customHeight="1" x14ac:dyDescent="0.15">
      <c r="A88" s="5">
        <v>68</v>
      </c>
      <c r="B88" s="22">
        <v>14</v>
      </c>
      <c r="C88" s="14">
        <v>16</v>
      </c>
      <c r="D88" s="18">
        <v>30</v>
      </c>
    </row>
    <row r="89" spans="1:4" ht="18" customHeight="1" x14ac:dyDescent="0.15">
      <c r="A89" s="5">
        <v>69</v>
      </c>
      <c r="B89" s="22">
        <v>10</v>
      </c>
      <c r="C89" s="14">
        <v>11</v>
      </c>
      <c r="D89" s="18">
        <v>21</v>
      </c>
    </row>
    <row r="90" spans="1:4" ht="18" customHeight="1" x14ac:dyDescent="0.15">
      <c r="A90" s="5" t="s">
        <v>20</v>
      </c>
      <c r="B90" s="22">
        <v>66</v>
      </c>
      <c r="C90" s="14">
        <v>60</v>
      </c>
      <c r="D90" s="18">
        <v>126</v>
      </c>
    </row>
    <row r="91" spans="1:4" ht="18" customHeight="1" x14ac:dyDescent="0.15">
      <c r="A91" s="5">
        <v>70</v>
      </c>
      <c r="B91" s="22">
        <v>13</v>
      </c>
      <c r="C91" s="14">
        <v>11</v>
      </c>
      <c r="D91" s="18">
        <v>24</v>
      </c>
    </row>
    <row r="92" spans="1:4" ht="18" customHeight="1" x14ac:dyDescent="0.15">
      <c r="A92" s="5">
        <v>71</v>
      </c>
      <c r="B92" s="22">
        <v>12</v>
      </c>
      <c r="C92" s="14">
        <v>18</v>
      </c>
      <c r="D92" s="18">
        <v>30</v>
      </c>
    </row>
    <row r="93" spans="1:4" ht="18" customHeight="1" x14ac:dyDescent="0.15">
      <c r="A93" s="5">
        <v>72</v>
      </c>
      <c r="B93" s="22">
        <v>11</v>
      </c>
      <c r="C93" s="14">
        <v>10</v>
      </c>
      <c r="D93" s="18">
        <v>21</v>
      </c>
    </row>
    <row r="94" spans="1:4" ht="18" customHeight="1" x14ac:dyDescent="0.15">
      <c r="A94" s="5">
        <v>73</v>
      </c>
      <c r="B94" s="22">
        <v>15</v>
      </c>
      <c r="C94" s="14">
        <v>19</v>
      </c>
      <c r="D94" s="18">
        <v>34</v>
      </c>
    </row>
    <row r="95" spans="1:4" ht="18" customHeight="1" x14ac:dyDescent="0.15">
      <c r="A95" s="5">
        <v>74</v>
      </c>
      <c r="B95" s="22">
        <v>20</v>
      </c>
      <c r="C95" s="14">
        <v>18</v>
      </c>
      <c r="D95" s="18">
        <v>38</v>
      </c>
    </row>
    <row r="96" spans="1:4" ht="18" customHeight="1" x14ac:dyDescent="0.15">
      <c r="A96" s="5" t="s">
        <v>33</v>
      </c>
      <c r="B96" s="22">
        <v>71</v>
      </c>
      <c r="C96" s="14">
        <v>76</v>
      </c>
      <c r="D96" s="18">
        <v>147</v>
      </c>
    </row>
    <row r="97" spans="1:4" ht="18" customHeight="1" x14ac:dyDescent="0.15">
      <c r="A97" s="5">
        <v>75</v>
      </c>
      <c r="B97" s="22">
        <v>19</v>
      </c>
      <c r="C97" s="14">
        <v>19</v>
      </c>
      <c r="D97" s="18">
        <v>38</v>
      </c>
    </row>
    <row r="98" spans="1:4" ht="18" customHeight="1" x14ac:dyDescent="0.15">
      <c r="A98" s="5">
        <v>76</v>
      </c>
      <c r="B98" s="22">
        <v>22</v>
      </c>
      <c r="C98" s="14">
        <v>21</v>
      </c>
      <c r="D98" s="18">
        <v>43</v>
      </c>
    </row>
    <row r="99" spans="1:4" ht="18" customHeight="1" x14ac:dyDescent="0.15">
      <c r="A99" s="5">
        <v>77</v>
      </c>
      <c r="B99" s="22">
        <v>21</v>
      </c>
      <c r="C99" s="14">
        <v>28</v>
      </c>
      <c r="D99" s="18">
        <v>49</v>
      </c>
    </row>
    <row r="100" spans="1:4" ht="18" customHeight="1" x14ac:dyDescent="0.15">
      <c r="A100" s="5">
        <v>78</v>
      </c>
      <c r="B100" s="22">
        <v>17</v>
      </c>
      <c r="C100" s="14">
        <v>27</v>
      </c>
      <c r="D100" s="18">
        <v>44</v>
      </c>
    </row>
    <row r="101" spans="1:4" ht="18" customHeight="1" x14ac:dyDescent="0.15">
      <c r="A101" s="5">
        <v>79</v>
      </c>
      <c r="B101" s="22">
        <v>29</v>
      </c>
      <c r="C101" s="14">
        <v>35</v>
      </c>
      <c r="D101" s="18">
        <v>64</v>
      </c>
    </row>
    <row r="102" spans="1:4" ht="18" customHeight="1" x14ac:dyDescent="0.15">
      <c r="A102" s="5" t="s">
        <v>0</v>
      </c>
      <c r="B102" s="22">
        <v>108</v>
      </c>
      <c r="C102" s="14">
        <v>130</v>
      </c>
      <c r="D102" s="18">
        <v>238</v>
      </c>
    </row>
    <row r="103" spans="1:4" ht="18" customHeight="1" x14ac:dyDescent="0.15">
      <c r="A103" s="5">
        <v>80</v>
      </c>
      <c r="B103" s="22">
        <v>8</v>
      </c>
      <c r="C103" s="14">
        <v>17</v>
      </c>
      <c r="D103" s="18">
        <v>25</v>
      </c>
    </row>
    <row r="104" spans="1:4" ht="18" customHeight="1" x14ac:dyDescent="0.15">
      <c r="A104" s="5">
        <v>81</v>
      </c>
      <c r="B104" s="22">
        <v>9</v>
      </c>
      <c r="C104" s="14">
        <v>8</v>
      </c>
      <c r="D104" s="18">
        <v>17</v>
      </c>
    </row>
    <row r="105" spans="1:4" ht="18" customHeight="1" x14ac:dyDescent="0.15">
      <c r="A105" s="5">
        <v>82</v>
      </c>
      <c r="B105" s="22">
        <v>13</v>
      </c>
      <c r="C105" s="14">
        <v>15</v>
      </c>
      <c r="D105" s="18">
        <v>28</v>
      </c>
    </row>
    <row r="106" spans="1:4" ht="18" customHeight="1" x14ac:dyDescent="0.15">
      <c r="A106" s="5">
        <v>83</v>
      </c>
      <c r="B106" s="22">
        <v>11</v>
      </c>
      <c r="C106" s="14">
        <v>16</v>
      </c>
      <c r="D106" s="18">
        <v>27</v>
      </c>
    </row>
    <row r="107" spans="1:4" ht="18" customHeight="1" x14ac:dyDescent="0.15">
      <c r="A107" s="5">
        <v>84</v>
      </c>
      <c r="B107" s="22">
        <v>19</v>
      </c>
      <c r="C107" s="14">
        <v>11</v>
      </c>
      <c r="D107" s="18">
        <v>30</v>
      </c>
    </row>
    <row r="108" spans="1:4" ht="18" customHeight="1" x14ac:dyDescent="0.15">
      <c r="A108" s="5" t="s">
        <v>35</v>
      </c>
      <c r="B108" s="22">
        <v>60</v>
      </c>
      <c r="C108" s="14">
        <v>67</v>
      </c>
      <c r="D108" s="18">
        <v>127</v>
      </c>
    </row>
    <row r="109" spans="1:4" ht="18" customHeight="1" x14ac:dyDescent="0.15">
      <c r="A109" s="5">
        <v>85</v>
      </c>
      <c r="B109" s="22">
        <v>5</v>
      </c>
      <c r="C109" s="14">
        <v>10</v>
      </c>
      <c r="D109" s="18">
        <v>15</v>
      </c>
    </row>
    <row r="110" spans="1:4" ht="18" customHeight="1" x14ac:dyDescent="0.15">
      <c r="A110" s="5">
        <v>86</v>
      </c>
      <c r="B110" s="22">
        <v>8</v>
      </c>
      <c r="C110" s="14">
        <v>17</v>
      </c>
      <c r="D110" s="18">
        <v>25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3</v>
      </c>
      <c r="C112" s="14">
        <v>10</v>
      </c>
      <c r="D112" s="18">
        <v>13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26</v>
      </c>
      <c r="C114" s="14">
        <v>58</v>
      </c>
      <c r="D114" s="18">
        <v>84</v>
      </c>
    </row>
    <row r="115" spans="1:4" ht="18" customHeight="1" x14ac:dyDescent="0.15">
      <c r="A115" s="5">
        <v>90</v>
      </c>
      <c r="B115" s="22">
        <v>2</v>
      </c>
      <c r="C115" s="14">
        <v>11</v>
      </c>
      <c r="D115" s="18">
        <v>13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4</v>
      </c>
      <c r="C117" s="14">
        <v>7</v>
      </c>
      <c r="D117" s="18">
        <v>11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2</v>
      </c>
      <c r="C119" s="14">
        <v>1</v>
      </c>
      <c r="D119" s="18">
        <v>3</v>
      </c>
    </row>
    <row r="120" spans="1:4" ht="18" customHeight="1" x14ac:dyDescent="0.15">
      <c r="A120" s="5" t="s">
        <v>39</v>
      </c>
      <c r="B120" s="22">
        <v>9</v>
      </c>
      <c r="C120" s="14">
        <v>28</v>
      </c>
      <c r="D120" s="18">
        <v>37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5</v>
      </c>
      <c r="C126" s="14">
        <v>13</v>
      </c>
      <c r="D126" s="18">
        <v>1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345</v>
      </c>
      <c r="C130" s="14">
        <v>433</v>
      </c>
      <c r="D130" s="18">
        <v>778</v>
      </c>
    </row>
    <row r="131" spans="1:4" ht="18" customHeight="1" x14ac:dyDescent="0.15">
      <c r="A131" s="7" t="s">
        <v>45</v>
      </c>
      <c r="B131" s="23">
        <v>834</v>
      </c>
      <c r="C131" s="15">
        <v>857</v>
      </c>
      <c r="D131" s="19">
        <v>16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2</v>
      </c>
      <c r="C5" s="13">
        <v>8</v>
      </c>
      <c r="D5" s="17">
        <v>20</v>
      </c>
    </row>
    <row r="6" spans="1:4" ht="18" customHeight="1" x14ac:dyDescent="0.15">
      <c r="A6" s="5">
        <v>1</v>
      </c>
      <c r="B6" s="22">
        <v>9</v>
      </c>
      <c r="C6" s="14">
        <v>10</v>
      </c>
      <c r="D6" s="18">
        <v>19</v>
      </c>
    </row>
    <row r="7" spans="1:4" ht="18" customHeight="1" x14ac:dyDescent="0.15">
      <c r="A7" s="5">
        <v>2</v>
      </c>
      <c r="B7" s="22">
        <v>7</v>
      </c>
      <c r="C7" s="14">
        <v>13</v>
      </c>
      <c r="D7" s="18">
        <v>20</v>
      </c>
    </row>
    <row r="8" spans="1:4" ht="18" customHeight="1" x14ac:dyDescent="0.15">
      <c r="A8" s="5">
        <v>3</v>
      </c>
      <c r="B8" s="22">
        <v>9</v>
      </c>
      <c r="C8" s="14">
        <v>8</v>
      </c>
      <c r="D8" s="18">
        <v>17</v>
      </c>
    </row>
    <row r="9" spans="1:4" ht="18" customHeight="1" x14ac:dyDescent="0.15">
      <c r="A9" s="5">
        <v>4</v>
      </c>
      <c r="B9" s="22">
        <v>11</v>
      </c>
      <c r="C9" s="14">
        <v>12</v>
      </c>
      <c r="D9" s="18">
        <v>23</v>
      </c>
    </row>
    <row r="10" spans="1:4" ht="18" customHeight="1" x14ac:dyDescent="0.15">
      <c r="A10" s="5" t="s">
        <v>7</v>
      </c>
      <c r="B10" s="22">
        <v>48</v>
      </c>
      <c r="C10" s="14">
        <v>51</v>
      </c>
      <c r="D10" s="18">
        <v>99</v>
      </c>
    </row>
    <row r="11" spans="1:4" ht="18" customHeight="1" x14ac:dyDescent="0.15">
      <c r="A11" s="5">
        <v>5</v>
      </c>
      <c r="B11" s="22">
        <v>13</v>
      </c>
      <c r="C11" s="14">
        <v>9</v>
      </c>
      <c r="D11" s="18">
        <v>22</v>
      </c>
    </row>
    <row r="12" spans="1:4" ht="18" customHeight="1" x14ac:dyDescent="0.15">
      <c r="A12" s="5">
        <v>6</v>
      </c>
      <c r="B12" s="22">
        <v>9</v>
      </c>
      <c r="C12" s="14">
        <v>8</v>
      </c>
      <c r="D12" s="18">
        <v>17</v>
      </c>
    </row>
    <row r="13" spans="1:4" ht="18" customHeight="1" x14ac:dyDescent="0.15">
      <c r="A13" s="5">
        <v>7</v>
      </c>
      <c r="B13" s="22">
        <v>6</v>
      </c>
      <c r="C13" s="14">
        <v>9</v>
      </c>
      <c r="D13" s="18">
        <v>15</v>
      </c>
    </row>
    <row r="14" spans="1:4" ht="18" customHeight="1" x14ac:dyDescent="0.15">
      <c r="A14" s="5">
        <v>8</v>
      </c>
      <c r="B14" s="22">
        <v>18</v>
      </c>
      <c r="C14" s="14">
        <v>9</v>
      </c>
      <c r="D14" s="18">
        <v>27</v>
      </c>
    </row>
    <row r="15" spans="1:4" ht="18" customHeight="1" x14ac:dyDescent="0.15">
      <c r="A15" s="5">
        <v>9</v>
      </c>
      <c r="B15" s="22">
        <v>6</v>
      </c>
      <c r="C15" s="14">
        <v>13</v>
      </c>
      <c r="D15" s="18">
        <v>19</v>
      </c>
    </row>
    <row r="16" spans="1:4" ht="18" customHeight="1" x14ac:dyDescent="0.15">
      <c r="A16" s="5" t="s">
        <v>11</v>
      </c>
      <c r="B16" s="22">
        <v>52</v>
      </c>
      <c r="C16" s="14">
        <v>48</v>
      </c>
      <c r="D16" s="18">
        <v>100</v>
      </c>
    </row>
    <row r="17" spans="1:4" ht="18" customHeight="1" x14ac:dyDescent="0.15">
      <c r="A17" s="5">
        <v>10</v>
      </c>
      <c r="B17" s="22">
        <v>12</v>
      </c>
      <c r="C17" s="14">
        <v>11</v>
      </c>
      <c r="D17" s="18">
        <v>23</v>
      </c>
    </row>
    <row r="18" spans="1:4" ht="18" customHeight="1" x14ac:dyDescent="0.15">
      <c r="A18" s="5">
        <v>11</v>
      </c>
      <c r="B18" s="22">
        <v>16</v>
      </c>
      <c r="C18" s="14">
        <v>9</v>
      </c>
      <c r="D18" s="18">
        <v>25</v>
      </c>
    </row>
    <row r="19" spans="1:4" ht="18" customHeight="1" x14ac:dyDescent="0.15">
      <c r="A19" s="5">
        <v>12</v>
      </c>
      <c r="B19" s="22">
        <v>11</v>
      </c>
      <c r="C19" s="14">
        <v>11</v>
      </c>
      <c r="D19" s="18">
        <v>22</v>
      </c>
    </row>
    <row r="20" spans="1:4" ht="18" customHeight="1" x14ac:dyDescent="0.15">
      <c r="A20" s="5">
        <v>13</v>
      </c>
      <c r="B20" s="22">
        <v>8</v>
      </c>
      <c r="C20" s="14">
        <v>12</v>
      </c>
      <c r="D20" s="18">
        <v>20</v>
      </c>
    </row>
    <row r="21" spans="1:4" ht="18" customHeight="1" x14ac:dyDescent="0.15">
      <c r="A21" s="5">
        <v>14</v>
      </c>
      <c r="B21" s="22">
        <v>14</v>
      </c>
      <c r="C21" s="14">
        <v>13</v>
      </c>
      <c r="D21" s="18">
        <v>27</v>
      </c>
    </row>
    <row r="22" spans="1:4" ht="18" customHeight="1" x14ac:dyDescent="0.15">
      <c r="A22" s="5" t="s">
        <v>12</v>
      </c>
      <c r="B22" s="22">
        <v>61</v>
      </c>
      <c r="C22" s="14">
        <v>56</v>
      </c>
      <c r="D22" s="18">
        <v>117</v>
      </c>
    </row>
    <row r="23" spans="1:4" ht="18" customHeight="1" x14ac:dyDescent="0.15">
      <c r="A23" s="5" t="s">
        <v>6</v>
      </c>
      <c r="B23" s="22">
        <v>161</v>
      </c>
      <c r="C23" s="14">
        <v>155</v>
      </c>
      <c r="D23" s="18">
        <v>316</v>
      </c>
    </row>
    <row r="24" spans="1:4" ht="18" customHeight="1" x14ac:dyDescent="0.15">
      <c r="A24" s="5">
        <v>15</v>
      </c>
      <c r="B24" s="22">
        <v>19</v>
      </c>
      <c r="C24" s="14">
        <v>8</v>
      </c>
      <c r="D24" s="18">
        <v>27</v>
      </c>
    </row>
    <row r="25" spans="1:4" ht="18" customHeight="1" x14ac:dyDescent="0.15">
      <c r="A25" s="5">
        <v>16</v>
      </c>
      <c r="B25" s="22">
        <v>8</v>
      </c>
      <c r="C25" s="14">
        <v>12</v>
      </c>
      <c r="D25" s="18">
        <v>20</v>
      </c>
    </row>
    <row r="26" spans="1:4" ht="18" customHeight="1" x14ac:dyDescent="0.15">
      <c r="A26" s="5">
        <v>17</v>
      </c>
      <c r="B26" s="22">
        <v>12</v>
      </c>
      <c r="C26" s="14">
        <v>18</v>
      </c>
      <c r="D26" s="18">
        <v>30</v>
      </c>
    </row>
    <row r="27" spans="1:4" ht="18" customHeight="1" x14ac:dyDescent="0.15">
      <c r="A27" s="5">
        <v>18</v>
      </c>
      <c r="B27" s="22">
        <v>13</v>
      </c>
      <c r="C27" s="14">
        <v>11</v>
      </c>
      <c r="D27" s="18">
        <v>24</v>
      </c>
    </row>
    <row r="28" spans="1:4" ht="18" customHeight="1" x14ac:dyDescent="0.15">
      <c r="A28" s="5">
        <v>19</v>
      </c>
      <c r="B28" s="22">
        <v>16</v>
      </c>
      <c r="C28" s="14">
        <v>12</v>
      </c>
      <c r="D28" s="18">
        <v>28</v>
      </c>
    </row>
    <row r="29" spans="1:4" ht="18" customHeight="1" x14ac:dyDescent="0.15">
      <c r="A29" s="5" t="s">
        <v>14</v>
      </c>
      <c r="B29" s="22">
        <v>68</v>
      </c>
      <c r="C29" s="14">
        <v>61</v>
      </c>
      <c r="D29" s="18">
        <v>129</v>
      </c>
    </row>
    <row r="30" spans="1:4" ht="18" customHeight="1" x14ac:dyDescent="0.15">
      <c r="A30" s="5">
        <v>20</v>
      </c>
      <c r="B30" s="22">
        <v>21</v>
      </c>
      <c r="C30" s="14">
        <v>12</v>
      </c>
      <c r="D30" s="18">
        <v>33</v>
      </c>
    </row>
    <row r="31" spans="1:4" ht="18" customHeight="1" x14ac:dyDescent="0.15">
      <c r="A31" s="5">
        <v>21</v>
      </c>
      <c r="B31" s="22">
        <v>12</v>
      </c>
      <c r="C31" s="14">
        <v>12</v>
      </c>
      <c r="D31" s="18">
        <v>24</v>
      </c>
    </row>
    <row r="32" spans="1:4" ht="18" customHeight="1" x14ac:dyDescent="0.15">
      <c r="A32" s="5">
        <v>22</v>
      </c>
      <c r="B32" s="22">
        <v>20</v>
      </c>
      <c r="C32" s="14">
        <v>13</v>
      </c>
      <c r="D32" s="18">
        <v>33</v>
      </c>
    </row>
    <row r="33" spans="1:4" ht="18" customHeight="1" x14ac:dyDescent="0.15">
      <c r="A33" s="5">
        <v>23</v>
      </c>
      <c r="B33" s="22">
        <v>12</v>
      </c>
      <c r="C33" s="14">
        <v>22</v>
      </c>
      <c r="D33" s="18">
        <v>34</v>
      </c>
    </row>
    <row r="34" spans="1:4" ht="18" customHeight="1" x14ac:dyDescent="0.15">
      <c r="A34" s="5">
        <v>24</v>
      </c>
      <c r="B34" s="22">
        <v>19</v>
      </c>
      <c r="C34" s="14">
        <v>17</v>
      </c>
      <c r="D34" s="18">
        <v>36</v>
      </c>
    </row>
    <row r="35" spans="1:4" ht="18" customHeight="1" x14ac:dyDescent="0.15">
      <c r="A35" s="5" t="s">
        <v>9</v>
      </c>
      <c r="B35" s="22">
        <v>84</v>
      </c>
      <c r="C35" s="14">
        <v>76</v>
      </c>
      <c r="D35" s="18">
        <v>160</v>
      </c>
    </row>
    <row r="36" spans="1:4" ht="18" customHeight="1" x14ac:dyDescent="0.15">
      <c r="A36" s="5">
        <v>25</v>
      </c>
      <c r="B36" s="22">
        <v>14</v>
      </c>
      <c r="C36" s="14">
        <v>15</v>
      </c>
      <c r="D36" s="18">
        <v>29</v>
      </c>
    </row>
    <row r="37" spans="1:4" ht="18" customHeight="1" x14ac:dyDescent="0.15">
      <c r="A37" s="5">
        <v>26</v>
      </c>
      <c r="B37" s="22">
        <v>24</v>
      </c>
      <c r="C37" s="14">
        <v>15</v>
      </c>
      <c r="D37" s="18">
        <v>39</v>
      </c>
    </row>
    <row r="38" spans="1:4" ht="18" customHeight="1" x14ac:dyDescent="0.15">
      <c r="A38" s="5">
        <v>27</v>
      </c>
      <c r="B38" s="22">
        <v>11</v>
      </c>
      <c r="C38" s="14">
        <v>12</v>
      </c>
      <c r="D38" s="18">
        <v>23</v>
      </c>
    </row>
    <row r="39" spans="1:4" ht="18" customHeight="1" x14ac:dyDescent="0.15">
      <c r="A39" s="5">
        <v>28</v>
      </c>
      <c r="B39" s="22">
        <v>23</v>
      </c>
      <c r="C39" s="14">
        <v>12</v>
      </c>
      <c r="D39" s="18">
        <v>35</v>
      </c>
    </row>
    <row r="40" spans="1:4" ht="18" customHeight="1" x14ac:dyDescent="0.15">
      <c r="A40" s="5">
        <v>29</v>
      </c>
      <c r="B40" s="22">
        <v>14</v>
      </c>
      <c r="C40" s="14">
        <v>13</v>
      </c>
      <c r="D40" s="18">
        <v>27</v>
      </c>
    </row>
    <row r="41" spans="1:4" ht="18" customHeight="1" x14ac:dyDescent="0.15">
      <c r="A41" s="5" t="s">
        <v>2</v>
      </c>
      <c r="B41" s="22">
        <v>86</v>
      </c>
      <c r="C41" s="14">
        <v>67</v>
      </c>
      <c r="D41" s="18">
        <v>153</v>
      </c>
    </row>
    <row r="42" spans="1:4" ht="18" customHeight="1" x14ac:dyDescent="0.15">
      <c r="A42" s="5">
        <v>30</v>
      </c>
      <c r="B42" s="22">
        <v>16</v>
      </c>
      <c r="C42" s="14">
        <v>14</v>
      </c>
      <c r="D42" s="18">
        <v>30</v>
      </c>
    </row>
    <row r="43" spans="1:4" ht="18" customHeight="1" x14ac:dyDescent="0.15">
      <c r="A43" s="5">
        <v>31</v>
      </c>
      <c r="B43" s="22">
        <v>16</v>
      </c>
      <c r="C43" s="14">
        <v>13</v>
      </c>
      <c r="D43" s="18">
        <v>29</v>
      </c>
    </row>
    <row r="44" spans="1:4" ht="18" customHeight="1" x14ac:dyDescent="0.15">
      <c r="A44" s="5">
        <v>32</v>
      </c>
      <c r="B44" s="22">
        <v>17</v>
      </c>
      <c r="C44" s="14">
        <v>19</v>
      </c>
      <c r="D44" s="18">
        <v>36</v>
      </c>
    </row>
    <row r="45" spans="1:4" ht="18" customHeight="1" x14ac:dyDescent="0.15">
      <c r="A45" s="5">
        <v>33</v>
      </c>
      <c r="B45" s="22">
        <v>16</v>
      </c>
      <c r="C45" s="14">
        <v>12</v>
      </c>
      <c r="D45" s="18">
        <v>28</v>
      </c>
    </row>
    <row r="46" spans="1:4" ht="18" customHeight="1" x14ac:dyDescent="0.15">
      <c r="A46" s="5">
        <v>34</v>
      </c>
      <c r="B46" s="22">
        <v>18</v>
      </c>
      <c r="C46" s="14">
        <v>22</v>
      </c>
      <c r="D46" s="18">
        <v>40</v>
      </c>
    </row>
    <row r="47" spans="1:4" ht="18" customHeight="1" x14ac:dyDescent="0.15">
      <c r="A47" s="5" t="s">
        <v>15</v>
      </c>
      <c r="B47" s="22">
        <v>83</v>
      </c>
      <c r="C47" s="14">
        <v>80</v>
      </c>
      <c r="D47" s="18">
        <v>163</v>
      </c>
    </row>
    <row r="48" spans="1:4" ht="18" customHeight="1" x14ac:dyDescent="0.15">
      <c r="A48" s="5">
        <v>35</v>
      </c>
      <c r="B48" s="22">
        <v>7</v>
      </c>
      <c r="C48" s="14">
        <v>20</v>
      </c>
      <c r="D48" s="18">
        <v>27</v>
      </c>
    </row>
    <row r="49" spans="1:4" ht="18" customHeight="1" x14ac:dyDescent="0.15">
      <c r="A49" s="5">
        <v>36</v>
      </c>
      <c r="B49" s="22">
        <v>13</v>
      </c>
      <c r="C49" s="14">
        <v>9</v>
      </c>
      <c r="D49" s="18">
        <v>22</v>
      </c>
    </row>
    <row r="50" spans="1:4" ht="18" customHeight="1" x14ac:dyDescent="0.15">
      <c r="A50" s="5">
        <v>37</v>
      </c>
      <c r="B50" s="22">
        <v>23</v>
      </c>
      <c r="C50" s="14">
        <v>16</v>
      </c>
      <c r="D50" s="18">
        <v>39</v>
      </c>
    </row>
    <row r="51" spans="1:4" ht="18" customHeight="1" x14ac:dyDescent="0.15">
      <c r="A51" s="5">
        <v>38</v>
      </c>
      <c r="B51" s="22">
        <v>14</v>
      </c>
      <c r="C51" s="14">
        <v>21</v>
      </c>
      <c r="D51" s="18">
        <v>35</v>
      </c>
    </row>
    <row r="52" spans="1:4" ht="18" customHeight="1" x14ac:dyDescent="0.15">
      <c r="A52" s="5">
        <v>39</v>
      </c>
      <c r="B52" s="22">
        <v>18</v>
      </c>
      <c r="C52" s="14">
        <v>22</v>
      </c>
      <c r="D52" s="18">
        <v>40</v>
      </c>
    </row>
    <row r="53" spans="1:4" ht="18" customHeight="1" x14ac:dyDescent="0.15">
      <c r="A53" s="5" t="s">
        <v>18</v>
      </c>
      <c r="B53" s="22">
        <v>75</v>
      </c>
      <c r="C53" s="14">
        <v>88</v>
      </c>
      <c r="D53" s="18">
        <v>163</v>
      </c>
    </row>
    <row r="54" spans="1:4" ht="18" customHeight="1" x14ac:dyDescent="0.15">
      <c r="A54" s="5">
        <v>40</v>
      </c>
      <c r="B54" s="22">
        <v>26</v>
      </c>
      <c r="C54" s="14">
        <v>11</v>
      </c>
      <c r="D54" s="18">
        <v>37</v>
      </c>
    </row>
    <row r="55" spans="1:4" ht="18" customHeight="1" x14ac:dyDescent="0.15">
      <c r="A55" s="5">
        <v>41</v>
      </c>
      <c r="B55" s="22">
        <v>19</v>
      </c>
      <c r="C55" s="14">
        <v>9</v>
      </c>
      <c r="D55" s="18">
        <v>28</v>
      </c>
    </row>
    <row r="56" spans="1:4" ht="18" customHeight="1" x14ac:dyDescent="0.15">
      <c r="A56" s="5">
        <v>42</v>
      </c>
      <c r="B56" s="22">
        <v>26</v>
      </c>
      <c r="C56" s="14">
        <v>16</v>
      </c>
      <c r="D56" s="18">
        <v>42</v>
      </c>
    </row>
    <row r="57" spans="1:4" ht="18" customHeight="1" x14ac:dyDescent="0.15">
      <c r="A57" s="5">
        <v>43</v>
      </c>
      <c r="B57" s="22">
        <v>17</v>
      </c>
      <c r="C57" s="14">
        <v>19</v>
      </c>
      <c r="D57" s="18">
        <v>36</v>
      </c>
    </row>
    <row r="58" spans="1:4" ht="18" customHeight="1" x14ac:dyDescent="0.15">
      <c r="A58" s="5">
        <v>44</v>
      </c>
      <c r="B58" s="22">
        <v>15</v>
      </c>
      <c r="C58" s="14">
        <v>20</v>
      </c>
      <c r="D58" s="18">
        <v>35</v>
      </c>
    </row>
    <row r="59" spans="1:4" ht="18" customHeight="1" x14ac:dyDescent="0.15">
      <c r="A59" s="5" t="s">
        <v>21</v>
      </c>
      <c r="B59" s="22">
        <v>103</v>
      </c>
      <c r="C59" s="14">
        <v>75</v>
      </c>
      <c r="D59" s="18">
        <v>178</v>
      </c>
    </row>
    <row r="60" spans="1:4" ht="18" customHeight="1" x14ac:dyDescent="0.15">
      <c r="A60" s="5">
        <v>45</v>
      </c>
      <c r="B60" s="22">
        <v>27</v>
      </c>
      <c r="C60" s="14">
        <v>11</v>
      </c>
      <c r="D60" s="18">
        <v>38</v>
      </c>
    </row>
    <row r="61" spans="1:4" ht="18" customHeight="1" x14ac:dyDescent="0.15">
      <c r="A61" s="5">
        <v>46</v>
      </c>
      <c r="B61" s="22">
        <v>28</v>
      </c>
      <c r="C61" s="14">
        <v>17</v>
      </c>
      <c r="D61" s="18">
        <v>45</v>
      </c>
    </row>
    <row r="62" spans="1:4" ht="18" customHeight="1" x14ac:dyDescent="0.15">
      <c r="A62" s="5">
        <v>47</v>
      </c>
      <c r="B62" s="22">
        <v>23</v>
      </c>
      <c r="C62" s="14">
        <v>10</v>
      </c>
      <c r="D62" s="18">
        <v>33</v>
      </c>
    </row>
    <row r="63" spans="1:4" ht="18" customHeight="1" x14ac:dyDescent="0.15">
      <c r="A63" s="5">
        <v>48</v>
      </c>
      <c r="B63" s="22">
        <v>27</v>
      </c>
      <c r="C63" s="14">
        <v>25</v>
      </c>
      <c r="D63" s="18">
        <v>52</v>
      </c>
    </row>
    <row r="64" spans="1:4" ht="18" customHeight="1" x14ac:dyDescent="0.15">
      <c r="A64" s="5">
        <v>49</v>
      </c>
      <c r="B64" s="22">
        <v>27</v>
      </c>
      <c r="C64" s="14">
        <v>21</v>
      </c>
      <c r="D64" s="18">
        <v>48</v>
      </c>
    </row>
    <row r="65" spans="1:4" ht="18" customHeight="1" x14ac:dyDescent="0.15">
      <c r="A65" s="5" t="s">
        <v>17</v>
      </c>
      <c r="B65" s="22">
        <v>132</v>
      </c>
      <c r="C65" s="14">
        <v>84</v>
      </c>
      <c r="D65" s="18">
        <v>216</v>
      </c>
    </row>
    <row r="66" spans="1:4" ht="18" customHeight="1" x14ac:dyDescent="0.15">
      <c r="A66" s="5">
        <v>50</v>
      </c>
      <c r="B66" s="22">
        <v>32</v>
      </c>
      <c r="C66" s="14">
        <v>25</v>
      </c>
      <c r="D66" s="18">
        <v>57</v>
      </c>
    </row>
    <row r="67" spans="1:4" ht="18" customHeight="1" x14ac:dyDescent="0.15">
      <c r="A67" s="5">
        <v>51</v>
      </c>
      <c r="B67" s="22">
        <v>40</v>
      </c>
      <c r="C67" s="14">
        <v>21</v>
      </c>
      <c r="D67" s="18">
        <v>61</v>
      </c>
    </row>
    <row r="68" spans="1:4" ht="18" customHeight="1" x14ac:dyDescent="0.15">
      <c r="A68" s="5">
        <v>52</v>
      </c>
      <c r="B68" s="22">
        <v>32</v>
      </c>
      <c r="C68" s="14">
        <v>26</v>
      </c>
      <c r="D68" s="18">
        <v>58</v>
      </c>
    </row>
    <row r="69" spans="1:4" ht="18" customHeight="1" x14ac:dyDescent="0.15">
      <c r="A69" s="5">
        <v>53</v>
      </c>
      <c r="B69" s="22">
        <v>29</v>
      </c>
      <c r="C69" s="14">
        <v>24</v>
      </c>
      <c r="D69" s="18">
        <v>53</v>
      </c>
    </row>
    <row r="70" spans="1:4" ht="18" customHeight="1" x14ac:dyDescent="0.15">
      <c r="A70" s="5">
        <v>54</v>
      </c>
      <c r="B70" s="22">
        <v>25</v>
      </c>
      <c r="C70" s="14">
        <v>18</v>
      </c>
      <c r="D70" s="18">
        <v>43</v>
      </c>
    </row>
    <row r="71" spans="1:4" ht="18" customHeight="1" x14ac:dyDescent="0.15">
      <c r="A71" s="5" t="s">
        <v>22</v>
      </c>
      <c r="B71" s="22">
        <v>158</v>
      </c>
      <c r="C71" s="14">
        <v>114</v>
      </c>
      <c r="D71" s="18">
        <v>272</v>
      </c>
    </row>
    <row r="72" spans="1:4" ht="18" customHeight="1" x14ac:dyDescent="0.15">
      <c r="A72" s="5">
        <v>55</v>
      </c>
      <c r="B72" s="22">
        <v>33</v>
      </c>
      <c r="C72" s="14">
        <v>34</v>
      </c>
      <c r="D72" s="18">
        <v>67</v>
      </c>
    </row>
    <row r="73" spans="1:4" ht="18" customHeight="1" x14ac:dyDescent="0.15">
      <c r="A73" s="5">
        <v>56</v>
      </c>
      <c r="B73" s="22">
        <v>28</v>
      </c>
      <c r="C73" s="14">
        <v>25</v>
      </c>
      <c r="D73" s="18">
        <v>53</v>
      </c>
    </row>
    <row r="74" spans="1:4" ht="18" customHeight="1" x14ac:dyDescent="0.15">
      <c r="A74" s="5">
        <v>57</v>
      </c>
      <c r="B74" s="22">
        <v>20</v>
      </c>
      <c r="C74" s="14">
        <v>11</v>
      </c>
      <c r="D74" s="18">
        <v>31</v>
      </c>
    </row>
    <row r="75" spans="1:4" ht="18" customHeight="1" x14ac:dyDescent="0.15">
      <c r="A75" s="5">
        <v>58</v>
      </c>
      <c r="B75" s="22">
        <v>21</v>
      </c>
      <c r="C75" s="14">
        <v>25</v>
      </c>
      <c r="D75" s="18">
        <v>46</v>
      </c>
    </row>
    <row r="76" spans="1:4" ht="18" customHeight="1" x14ac:dyDescent="0.15">
      <c r="A76" s="5">
        <v>59</v>
      </c>
      <c r="B76" s="22">
        <v>23</v>
      </c>
      <c r="C76" s="14">
        <v>18</v>
      </c>
      <c r="D76" s="18">
        <v>41</v>
      </c>
    </row>
    <row r="77" spans="1:4" ht="18" customHeight="1" x14ac:dyDescent="0.15">
      <c r="A77" s="5" t="s">
        <v>27</v>
      </c>
      <c r="B77" s="22">
        <v>125</v>
      </c>
      <c r="C77" s="14">
        <v>113</v>
      </c>
      <c r="D77" s="18">
        <v>238</v>
      </c>
    </row>
    <row r="78" spans="1:4" ht="18" customHeight="1" x14ac:dyDescent="0.15">
      <c r="A78" s="5">
        <v>60</v>
      </c>
      <c r="B78" s="22">
        <v>19</v>
      </c>
      <c r="C78" s="14">
        <v>19</v>
      </c>
      <c r="D78" s="18">
        <v>38</v>
      </c>
    </row>
    <row r="79" spans="1:4" ht="18" customHeight="1" x14ac:dyDescent="0.15">
      <c r="A79" s="5">
        <v>61</v>
      </c>
      <c r="B79" s="22">
        <v>23</v>
      </c>
      <c r="C79" s="14">
        <v>25</v>
      </c>
      <c r="D79" s="18">
        <v>48</v>
      </c>
    </row>
    <row r="80" spans="1:4" ht="18" customHeight="1" x14ac:dyDescent="0.15">
      <c r="A80" s="5">
        <v>62</v>
      </c>
      <c r="B80" s="22">
        <v>23</v>
      </c>
      <c r="C80" s="14">
        <v>16</v>
      </c>
      <c r="D80" s="18">
        <v>39</v>
      </c>
    </row>
    <row r="81" spans="1:4" ht="18" customHeight="1" x14ac:dyDescent="0.15">
      <c r="A81" s="5">
        <v>63</v>
      </c>
      <c r="B81" s="22">
        <v>26</v>
      </c>
      <c r="C81" s="14">
        <v>28</v>
      </c>
      <c r="D81" s="18">
        <v>54</v>
      </c>
    </row>
    <row r="82" spans="1:4" ht="18" customHeight="1" x14ac:dyDescent="0.15">
      <c r="A82" s="5">
        <v>64</v>
      </c>
      <c r="B82" s="22">
        <v>29</v>
      </c>
      <c r="C82" s="14">
        <v>25</v>
      </c>
      <c r="D82" s="18">
        <v>54</v>
      </c>
    </row>
    <row r="83" spans="1:4" ht="18" customHeight="1" x14ac:dyDescent="0.15">
      <c r="A83" s="5" t="s">
        <v>28</v>
      </c>
      <c r="B83" s="22">
        <v>120</v>
      </c>
      <c r="C83" s="14">
        <v>113</v>
      </c>
      <c r="D83" s="18">
        <v>233</v>
      </c>
    </row>
    <row r="84" spans="1:4" ht="18" customHeight="1" x14ac:dyDescent="0.15">
      <c r="A84" s="5" t="s">
        <v>31</v>
      </c>
      <c r="B84" s="22">
        <v>1034</v>
      </c>
      <c r="C84" s="14">
        <v>871</v>
      </c>
      <c r="D84" s="18">
        <v>1905</v>
      </c>
    </row>
    <row r="85" spans="1:4" ht="18" customHeight="1" x14ac:dyDescent="0.15">
      <c r="A85" s="5">
        <v>65</v>
      </c>
      <c r="B85" s="22">
        <v>21</v>
      </c>
      <c r="C85" s="14">
        <v>29</v>
      </c>
      <c r="D85" s="18">
        <v>50</v>
      </c>
    </row>
    <row r="86" spans="1:4" ht="18" customHeight="1" x14ac:dyDescent="0.15">
      <c r="A86" s="5">
        <v>66</v>
      </c>
      <c r="B86" s="22">
        <v>24</v>
      </c>
      <c r="C86" s="14">
        <v>19</v>
      </c>
      <c r="D86" s="18">
        <v>43</v>
      </c>
    </row>
    <row r="87" spans="1:4" ht="18" customHeight="1" x14ac:dyDescent="0.15">
      <c r="A87" s="5">
        <v>67</v>
      </c>
      <c r="B87" s="22">
        <v>29</v>
      </c>
      <c r="C87" s="14">
        <v>28</v>
      </c>
      <c r="D87" s="18">
        <v>57</v>
      </c>
    </row>
    <row r="88" spans="1:4" ht="18" customHeight="1" x14ac:dyDescent="0.15">
      <c r="A88" s="5">
        <v>68</v>
      </c>
      <c r="B88" s="22">
        <v>20</v>
      </c>
      <c r="C88" s="14">
        <v>25</v>
      </c>
      <c r="D88" s="18">
        <v>45</v>
      </c>
    </row>
    <row r="89" spans="1:4" ht="18" customHeight="1" x14ac:dyDescent="0.15">
      <c r="A89" s="5">
        <v>69</v>
      </c>
      <c r="B89" s="22">
        <v>24</v>
      </c>
      <c r="C89" s="14">
        <v>30</v>
      </c>
      <c r="D89" s="18">
        <v>54</v>
      </c>
    </row>
    <row r="90" spans="1:4" ht="18" customHeight="1" x14ac:dyDescent="0.15">
      <c r="A90" s="5" t="s">
        <v>20</v>
      </c>
      <c r="B90" s="22">
        <v>118</v>
      </c>
      <c r="C90" s="14">
        <v>131</v>
      </c>
      <c r="D90" s="18">
        <v>249</v>
      </c>
    </row>
    <row r="91" spans="1:4" ht="18" customHeight="1" x14ac:dyDescent="0.15">
      <c r="A91" s="5">
        <v>70</v>
      </c>
      <c r="B91" s="22">
        <v>23</v>
      </c>
      <c r="C91" s="14">
        <v>31</v>
      </c>
      <c r="D91" s="18">
        <v>54</v>
      </c>
    </row>
    <row r="92" spans="1:4" ht="18" customHeight="1" x14ac:dyDescent="0.15">
      <c r="A92" s="5">
        <v>71</v>
      </c>
      <c r="B92" s="22">
        <v>31</v>
      </c>
      <c r="C92" s="14">
        <v>30</v>
      </c>
      <c r="D92" s="18">
        <v>61</v>
      </c>
    </row>
    <row r="93" spans="1:4" ht="18" customHeight="1" x14ac:dyDescent="0.15">
      <c r="A93" s="5">
        <v>72</v>
      </c>
      <c r="B93" s="22">
        <v>26</v>
      </c>
      <c r="C93" s="14">
        <v>27</v>
      </c>
      <c r="D93" s="18">
        <v>53</v>
      </c>
    </row>
    <row r="94" spans="1:4" ht="18" customHeight="1" x14ac:dyDescent="0.15">
      <c r="A94" s="5">
        <v>73</v>
      </c>
      <c r="B94" s="22">
        <v>25</v>
      </c>
      <c r="C94" s="14">
        <v>34</v>
      </c>
      <c r="D94" s="18">
        <v>59</v>
      </c>
    </row>
    <row r="95" spans="1:4" ht="18" customHeight="1" x14ac:dyDescent="0.15">
      <c r="A95" s="5">
        <v>74</v>
      </c>
      <c r="B95" s="22">
        <v>30</v>
      </c>
      <c r="C95" s="14">
        <v>26</v>
      </c>
      <c r="D95" s="18">
        <v>56</v>
      </c>
    </row>
    <row r="96" spans="1:4" ht="18" customHeight="1" x14ac:dyDescent="0.15">
      <c r="A96" s="5" t="s">
        <v>33</v>
      </c>
      <c r="B96" s="22">
        <v>135</v>
      </c>
      <c r="C96" s="14">
        <v>148</v>
      </c>
      <c r="D96" s="18">
        <v>283</v>
      </c>
    </row>
    <row r="97" spans="1:4" ht="18" customHeight="1" x14ac:dyDescent="0.15">
      <c r="A97" s="5">
        <v>75</v>
      </c>
      <c r="B97" s="22">
        <v>31</v>
      </c>
      <c r="C97" s="14">
        <v>29</v>
      </c>
      <c r="D97" s="18">
        <v>60</v>
      </c>
    </row>
    <row r="98" spans="1:4" ht="18" customHeight="1" x14ac:dyDescent="0.15">
      <c r="A98" s="5">
        <v>76</v>
      </c>
      <c r="B98" s="22">
        <v>41</v>
      </c>
      <c r="C98" s="14">
        <v>42</v>
      </c>
      <c r="D98" s="18">
        <v>83</v>
      </c>
    </row>
    <row r="99" spans="1:4" ht="18" customHeight="1" x14ac:dyDescent="0.15">
      <c r="A99" s="5">
        <v>77</v>
      </c>
      <c r="B99" s="22">
        <v>43</v>
      </c>
      <c r="C99" s="14">
        <v>59</v>
      </c>
      <c r="D99" s="18">
        <v>102</v>
      </c>
    </row>
    <row r="100" spans="1:4" ht="18" customHeight="1" x14ac:dyDescent="0.15">
      <c r="A100" s="5">
        <v>78</v>
      </c>
      <c r="B100" s="22">
        <v>39</v>
      </c>
      <c r="C100" s="14">
        <v>38</v>
      </c>
      <c r="D100" s="18">
        <v>77</v>
      </c>
    </row>
    <row r="101" spans="1:4" ht="18" customHeight="1" x14ac:dyDescent="0.15">
      <c r="A101" s="5">
        <v>79</v>
      </c>
      <c r="B101" s="22">
        <v>41</v>
      </c>
      <c r="C101" s="14">
        <v>43</v>
      </c>
      <c r="D101" s="18">
        <v>84</v>
      </c>
    </row>
    <row r="102" spans="1:4" ht="18" customHeight="1" x14ac:dyDescent="0.15">
      <c r="A102" s="5" t="s">
        <v>0</v>
      </c>
      <c r="B102" s="22">
        <v>195</v>
      </c>
      <c r="C102" s="14">
        <v>211</v>
      </c>
      <c r="D102" s="18">
        <v>406</v>
      </c>
    </row>
    <row r="103" spans="1:4" ht="18" customHeight="1" x14ac:dyDescent="0.15">
      <c r="A103" s="5">
        <v>80</v>
      </c>
      <c r="B103" s="22">
        <v>18</v>
      </c>
      <c r="C103" s="14">
        <v>20</v>
      </c>
      <c r="D103" s="18">
        <v>38</v>
      </c>
    </row>
    <row r="104" spans="1:4" ht="18" customHeight="1" x14ac:dyDescent="0.15">
      <c r="A104" s="5">
        <v>81</v>
      </c>
      <c r="B104" s="22">
        <v>15</v>
      </c>
      <c r="C104" s="14">
        <v>22</v>
      </c>
      <c r="D104" s="18">
        <v>37</v>
      </c>
    </row>
    <row r="105" spans="1:4" ht="18" customHeight="1" x14ac:dyDescent="0.15">
      <c r="A105" s="5">
        <v>82</v>
      </c>
      <c r="B105" s="22">
        <v>24</v>
      </c>
      <c r="C105" s="14">
        <v>29</v>
      </c>
      <c r="D105" s="18">
        <v>53</v>
      </c>
    </row>
    <row r="106" spans="1:4" ht="18" customHeight="1" x14ac:dyDescent="0.15">
      <c r="A106" s="5">
        <v>83</v>
      </c>
      <c r="B106" s="22">
        <v>17</v>
      </c>
      <c r="C106" s="14">
        <v>34</v>
      </c>
      <c r="D106" s="18">
        <v>51</v>
      </c>
    </row>
    <row r="107" spans="1:4" ht="18" customHeight="1" x14ac:dyDescent="0.15">
      <c r="A107" s="5">
        <v>84</v>
      </c>
      <c r="B107" s="22">
        <v>22</v>
      </c>
      <c r="C107" s="14">
        <v>36</v>
      </c>
      <c r="D107" s="18">
        <v>58</v>
      </c>
    </row>
    <row r="108" spans="1:4" ht="18" customHeight="1" x14ac:dyDescent="0.15">
      <c r="A108" s="5" t="s">
        <v>35</v>
      </c>
      <c r="B108" s="22">
        <v>96</v>
      </c>
      <c r="C108" s="14">
        <v>141</v>
      </c>
      <c r="D108" s="18">
        <v>237</v>
      </c>
    </row>
    <row r="109" spans="1:4" ht="18" customHeight="1" x14ac:dyDescent="0.15">
      <c r="A109" s="5">
        <v>85</v>
      </c>
      <c r="B109" s="22">
        <v>17</v>
      </c>
      <c r="C109" s="14">
        <v>29</v>
      </c>
      <c r="D109" s="18">
        <v>46</v>
      </c>
    </row>
    <row r="110" spans="1:4" ht="18" customHeight="1" x14ac:dyDescent="0.15">
      <c r="A110" s="5">
        <v>86</v>
      </c>
      <c r="B110" s="22">
        <v>11</v>
      </c>
      <c r="C110" s="14">
        <v>22</v>
      </c>
      <c r="D110" s="18">
        <v>33</v>
      </c>
    </row>
    <row r="111" spans="1:4" ht="18" customHeight="1" x14ac:dyDescent="0.15">
      <c r="A111" s="5">
        <v>87</v>
      </c>
      <c r="B111" s="22">
        <v>7</v>
      </c>
      <c r="C111" s="14">
        <v>22</v>
      </c>
      <c r="D111" s="18">
        <v>29</v>
      </c>
    </row>
    <row r="112" spans="1:4" ht="18" customHeight="1" x14ac:dyDescent="0.15">
      <c r="A112" s="5">
        <v>88</v>
      </c>
      <c r="B112" s="22">
        <v>10</v>
      </c>
      <c r="C112" s="14">
        <v>20</v>
      </c>
      <c r="D112" s="18">
        <v>30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51</v>
      </c>
      <c r="C114" s="14">
        <v>106</v>
      </c>
      <c r="D114" s="18">
        <v>157</v>
      </c>
    </row>
    <row r="115" spans="1:4" ht="18" customHeight="1" x14ac:dyDescent="0.15">
      <c r="A115" s="5">
        <v>90</v>
      </c>
      <c r="B115" s="22">
        <v>4</v>
      </c>
      <c r="C115" s="14">
        <v>17</v>
      </c>
      <c r="D115" s="18">
        <v>21</v>
      </c>
    </row>
    <row r="116" spans="1:4" ht="18" customHeight="1" x14ac:dyDescent="0.15">
      <c r="A116" s="5">
        <v>91</v>
      </c>
      <c r="B116" s="22">
        <v>6</v>
      </c>
      <c r="C116" s="14">
        <v>12</v>
      </c>
      <c r="D116" s="18">
        <v>18</v>
      </c>
    </row>
    <row r="117" spans="1:4" ht="18" customHeight="1" x14ac:dyDescent="0.15">
      <c r="A117" s="5">
        <v>92</v>
      </c>
      <c r="B117" s="22">
        <v>6</v>
      </c>
      <c r="C117" s="14">
        <v>18</v>
      </c>
      <c r="D117" s="18">
        <v>24</v>
      </c>
    </row>
    <row r="118" spans="1:4" ht="18" customHeight="1" x14ac:dyDescent="0.15">
      <c r="A118" s="5">
        <v>93</v>
      </c>
      <c r="B118" s="22">
        <v>1</v>
      </c>
      <c r="C118" s="14">
        <v>10</v>
      </c>
      <c r="D118" s="18">
        <v>11</v>
      </c>
    </row>
    <row r="119" spans="1:4" ht="18" customHeight="1" x14ac:dyDescent="0.15">
      <c r="A119" s="5">
        <v>94</v>
      </c>
      <c r="B119" s="22">
        <v>0</v>
      </c>
      <c r="C119" s="14">
        <v>11</v>
      </c>
      <c r="D119" s="18">
        <v>11</v>
      </c>
    </row>
    <row r="120" spans="1:4" ht="18" customHeight="1" x14ac:dyDescent="0.15">
      <c r="A120" s="5" t="s">
        <v>39</v>
      </c>
      <c r="B120" s="22">
        <v>17</v>
      </c>
      <c r="C120" s="14">
        <v>68</v>
      </c>
      <c r="D120" s="18">
        <v>85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25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15</v>
      </c>
      <c r="C130" s="14">
        <v>836</v>
      </c>
      <c r="D130" s="18">
        <v>1451</v>
      </c>
    </row>
    <row r="131" spans="1:4" ht="18" customHeight="1" x14ac:dyDescent="0.15">
      <c r="A131" s="7" t="s">
        <v>45</v>
      </c>
      <c r="B131" s="23">
        <v>1810</v>
      </c>
      <c r="C131" s="15">
        <v>1862</v>
      </c>
      <c r="D131" s="19">
        <v>36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5</v>
      </c>
      <c r="D5" s="17">
        <v>7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2">
        <v>2</v>
      </c>
      <c r="C8" s="14">
        <v>6</v>
      </c>
      <c r="D8" s="18">
        <v>8</v>
      </c>
    </row>
    <row r="9" spans="1:4" ht="18" customHeight="1" x14ac:dyDescent="0.15">
      <c r="A9" s="5">
        <v>4</v>
      </c>
      <c r="B9" s="22">
        <v>3</v>
      </c>
      <c r="C9" s="14">
        <v>3</v>
      </c>
      <c r="D9" s="18">
        <v>6</v>
      </c>
    </row>
    <row r="10" spans="1:4" ht="18" customHeight="1" x14ac:dyDescent="0.15">
      <c r="A10" s="5" t="s">
        <v>7</v>
      </c>
      <c r="B10" s="22">
        <v>11</v>
      </c>
      <c r="C10" s="14">
        <v>17</v>
      </c>
      <c r="D10" s="18">
        <v>28</v>
      </c>
    </row>
    <row r="11" spans="1:4" ht="18" customHeight="1" x14ac:dyDescent="0.15">
      <c r="A11" s="5">
        <v>5</v>
      </c>
      <c r="B11" s="22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2">
        <v>6</v>
      </c>
      <c r="C12" s="14">
        <v>3</v>
      </c>
      <c r="D12" s="18">
        <v>9</v>
      </c>
    </row>
    <row r="13" spans="1:4" ht="18" customHeight="1" x14ac:dyDescent="0.15">
      <c r="A13" s="5">
        <v>7</v>
      </c>
      <c r="B13" s="22">
        <v>2</v>
      </c>
      <c r="C13" s="14">
        <v>6</v>
      </c>
      <c r="D13" s="18">
        <v>8</v>
      </c>
    </row>
    <row r="14" spans="1:4" ht="18" customHeight="1" x14ac:dyDescent="0.15">
      <c r="A14" s="5">
        <v>8</v>
      </c>
      <c r="B14" s="22">
        <v>3</v>
      </c>
      <c r="C14" s="14">
        <v>5</v>
      </c>
      <c r="D14" s="18">
        <v>8</v>
      </c>
    </row>
    <row r="15" spans="1:4" ht="18" customHeight="1" x14ac:dyDescent="0.15">
      <c r="A15" s="5">
        <v>9</v>
      </c>
      <c r="B15" s="22">
        <v>5</v>
      </c>
      <c r="C15" s="14">
        <v>7</v>
      </c>
      <c r="D15" s="18">
        <v>12</v>
      </c>
    </row>
    <row r="16" spans="1:4" ht="18" customHeight="1" x14ac:dyDescent="0.15">
      <c r="A16" s="5" t="s">
        <v>11</v>
      </c>
      <c r="B16" s="22">
        <v>18</v>
      </c>
      <c r="C16" s="14">
        <v>24</v>
      </c>
      <c r="D16" s="18">
        <v>42</v>
      </c>
    </row>
    <row r="17" spans="1:4" ht="18" customHeight="1" x14ac:dyDescent="0.15">
      <c r="A17" s="5">
        <v>10</v>
      </c>
      <c r="B17" s="22">
        <v>2</v>
      </c>
      <c r="C17" s="14">
        <v>6</v>
      </c>
      <c r="D17" s="18">
        <v>8</v>
      </c>
    </row>
    <row r="18" spans="1:4" ht="18" customHeight="1" x14ac:dyDescent="0.15">
      <c r="A18" s="5">
        <v>11</v>
      </c>
      <c r="B18" s="22">
        <v>6</v>
      </c>
      <c r="C18" s="14">
        <v>1</v>
      </c>
      <c r="D18" s="18">
        <v>7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4</v>
      </c>
      <c r="C20" s="14">
        <v>5</v>
      </c>
      <c r="D20" s="18">
        <v>9</v>
      </c>
    </row>
    <row r="21" spans="1:4" ht="18" customHeight="1" x14ac:dyDescent="0.15">
      <c r="A21" s="5">
        <v>14</v>
      </c>
      <c r="B21" s="22">
        <v>9</v>
      </c>
      <c r="C21" s="14">
        <v>2</v>
      </c>
      <c r="D21" s="18">
        <v>11</v>
      </c>
    </row>
    <row r="22" spans="1:4" ht="18" customHeight="1" x14ac:dyDescent="0.15">
      <c r="A22" s="5" t="s">
        <v>12</v>
      </c>
      <c r="B22" s="22">
        <v>23</v>
      </c>
      <c r="C22" s="14">
        <v>19</v>
      </c>
      <c r="D22" s="18">
        <v>42</v>
      </c>
    </row>
    <row r="23" spans="1:4" ht="18" customHeight="1" x14ac:dyDescent="0.15">
      <c r="A23" s="5" t="s">
        <v>6</v>
      </c>
      <c r="B23" s="22">
        <v>52</v>
      </c>
      <c r="C23" s="14">
        <v>60</v>
      </c>
      <c r="D23" s="18">
        <v>112</v>
      </c>
    </row>
    <row r="24" spans="1:4" ht="18" customHeight="1" x14ac:dyDescent="0.15">
      <c r="A24" s="5">
        <v>15</v>
      </c>
      <c r="B24" s="22">
        <v>4</v>
      </c>
      <c r="C24" s="14">
        <v>3</v>
      </c>
      <c r="D24" s="18">
        <v>7</v>
      </c>
    </row>
    <row r="25" spans="1:4" ht="18" customHeight="1" x14ac:dyDescent="0.15">
      <c r="A25" s="5">
        <v>16</v>
      </c>
      <c r="B25" s="22">
        <v>10</v>
      </c>
      <c r="C25" s="14">
        <v>4</v>
      </c>
      <c r="D25" s="18">
        <v>14</v>
      </c>
    </row>
    <row r="26" spans="1:4" ht="18" customHeight="1" x14ac:dyDescent="0.15">
      <c r="A26" s="5">
        <v>17</v>
      </c>
      <c r="B26" s="22">
        <v>11</v>
      </c>
      <c r="C26" s="14">
        <v>12</v>
      </c>
      <c r="D26" s="18">
        <v>23</v>
      </c>
    </row>
    <row r="27" spans="1:4" ht="18" customHeight="1" x14ac:dyDescent="0.15">
      <c r="A27" s="5">
        <v>18</v>
      </c>
      <c r="B27" s="22">
        <v>7</v>
      </c>
      <c r="C27" s="14">
        <v>9</v>
      </c>
      <c r="D27" s="18">
        <v>16</v>
      </c>
    </row>
    <row r="28" spans="1:4" ht="18" customHeight="1" x14ac:dyDescent="0.15">
      <c r="A28" s="5">
        <v>19</v>
      </c>
      <c r="B28" s="22">
        <v>9</v>
      </c>
      <c r="C28" s="14">
        <v>7</v>
      </c>
      <c r="D28" s="18">
        <v>16</v>
      </c>
    </row>
    <row r="29" spans="1:4" ht="18" customHeight="1" x14ac:dyDescent="0.15">
      <c r="A29" s="5" t="s">
        <v>14</v>
      </c>
      <c r="B29" s="22">
        <v>41</v>
      </c>
      <c r="C29" s="14">
        <v>35</v>
      </c>
      <c r="D29" s="18">
        <v>76</v>
      </c>
    </row>
    <row r="30" spans="1:4" ht="18" customHeight="1" x14ac:dyDescent="0.15">
      <c r="A30" s="5">
        <v>20</v>
      </c>
      <c r="B30" s="22">
        <v>15</v>
      </c>
      <c r="C30" s="14">
        <v>15</v>
      </c>
      <c r="D30" s="18">
        <v>30</v>
      </c>
    </row>
    <row r="31" spans="1:4" ht="18" customHeight="1" x14ac:dyDescent="0.15">
      <c r="A31" s="5">
        <v>21</v>
      </c>
      <c r="B31" s="22">
        <v>19</v>
      </c>
      <c r="C31" s="14">
        <v>15</v>
      </c>
      <c r="D31" s="18">
        <v>34</v>
      </c>
    </row>
    <row r="32" spans="1:4" ht="18" customHeight="1" x14ac:dyDescent="0.15">
      <c r="A32" s="5">
        <v>22</v>
      </c>
      <c r="B32" s="22">
        <v>8</v>
      </c>
      <c r="C32" s="14">
        <v>17</v>
      </c>
      <c r="D32" s="18">
        <v>25</v>
      </c>
    </row>
    <row r="33" spans="1:4" ht="18" customHeight="1" x14ac:dyDescent="0.15">
      <c r="A33" s="5">
        <v>23</v>
      </c>
      <c r="B33" s="22">
        <v>11</v>
      </c>
      <c r="C33" s="14">
        <v>4</v>
      </c>
      <c r="D33" s="18">
        <v>15</v>
      </c>
    </row>
    <row r="34" spans="1:4" ht="18" customHeight="1" x14ac:dyDescent="0.15">
      <c r="A34" s="5">
        <v>24</v>
      </c>
      <c r="B34" s="22">
        <v>10</v>
      </c>
      <c r="C34" s="14">
        <v>14</v>
      </c>
      <c r="D34" s="18">
        <v>24</v>
      </c>
    </row>
    <row r="35" spans="1:4" ht="18" customHeight="1" x14ac:dyDescent="0.15">
      <c r="A35" s="5" t="s">
        <v>9</v>
      </c>
      <c r="B35" s="22">
        <v>63</v>
      </c>
      <c r="C35" s="14">
        <v>65</v>
      </c>
      <c r="D35" s="18">
        <v>128</v>
      </c>
    </row>
    <row r="36" spans="1:4" ht="18" customHeight="1" x14ac:dyDescent="0.15">
      <c r="A36" s="5">
        <v>25</v>
      </c>
      <c r="B36" s="22">
        <v>13</v>
      </c>
      <c r="C36" s="14">
        <v>5</v>
      </c>
      <c r="D36" s="18">
        <v>18</v>
      </c>
    </row>
    <row r="37" spans="1:4" ht="18" customHeight="1" x14ac:dyDescent="0.15">
      <c r="A37" s="5">
        <v>26</v>
      </c>
      <c r="B37" s="22">
        <v>14</v>
      </c>
      <c r="C37" s="14">
        <v>4</v>
      </c>
      <c r="D37" s="18">
        <v>18</v>
      </c>
    </row>
    <row r="38" spans="1:4" ht="18" customHeight="1" x14ac:dyDescent="0.15">
      <c r="A38" s="5">
        <v>27</v>
      </c>
      <c r="B38" s="22">
        <v>6</v>
      </c>
      <c r="C38" s="14">
        <v>4</v>
      </c>
      <c r="D38" s="18">
        <v>10</v>
      </c>
    </row>
    <row r="39" spans="1:4" ht="18" customHeight="1" x14ac:dyDescent="0.15">
      <c r="A39" s="5">
        <v>28</v>
      </c>
      <c r="B39" s="22">
        <v>8</v>
      </c>
      <c r="C39" s="14">
        <v>6</v>
      </c>
      <c r="D39" s="18">
        <v>14</v>
      </c>
    </row>
    <row r="40" spans="1:4" ht="18" customHeight="1" x14ac:dyDescent="0.15">
      <c r="A40" s="5">
        <v>29</v>
      </c>
      <c r="B40" s="22">
        <v>4</v>
      </c>
      <c r="C40" s="14">
        <v>9</v>
      </c>
      <c r="D40" s="18">
        <v>13</v>
      </c>
    </row>
    <row r="41" spans="1:4" ht="18" customHeight="1" x14ac:dyDescent="0.15">
      <c r="A41" s="5" t="s">
        <v>2</v>
      </c>
      <c r="B41" s="22">
        <v>45</v>
      </c>
      <c r="C41" s="14">
        <v>28</v>
      </c>
      <c r="D41" s="18">
        <v>73</v>
      </c>
    </row>
    <row r="42" spans="1:4" ht="18" customHeight="1" x14ac:dyDescent="0.15">
      <c r="A42" s="5">
        <v>30</v>
      </c>
      <c r="B42" s="22">
        <v>5</v>
      </c>
      <c r="C42" s="14">
        <v>4</v>
      </c>
      <c r="D42" s="18">
        <v>9</v>
      </c>
    </row>
    <row r="43" spans="1:4" ht="18" customHeight="1" x14ac:dyDescent="0.15">
      <c r="A43" s="5">
        <v>31</v>
      </c>
      <c r="B43" s="22">
        <v>5</v>
      </c>
      <c r="C43" s="14">
        <v>4</v>
      </c>
      <c r="D43" s="18">
        <v>9</v>
      </c>
    </row>
    <row r="44" spans="1:4" ht="18" customHeight="1" x14ac:dyDescent="0.15">
      <c r="A44" s="5">
        <v>32</v>
      </c>
      <c r="B44" s="22">
        <v>5</v>
      </c>
      <c r="C44" s="14">
        <v>4</v>
      </c>
      <c r="D44" s="18">
        <v>9</v>
      </c>
    </row>
    <row r="45" spans="1:4" ht="18" customHeight="1" x14ac:dyDescent="0.15">
      <c r="A45" s="5">
        <v>33</v>
      </c>
      <c r="B45" s="22">
        <v>3</v>
      </c>
      <c r="C45" s="14">
        <v>4</v>
      </c>
      <c r="D45" s="18">
        <v>7</v>
      </c>
    </row>
    <row r="46" spans="1:4" ht="18" customHeight="1" x14ac:dyDescent="0.15">
      <c r="A46" s="5">
        <v>34</v>
      </c>
      <c r="B46" s="22">
        <v>7</v>
      </c>
      <c r="C46" s="14">
        <v>1</v>
      </c>
      <c r="D46" s="18">
        <v>8</v>
      </c>
    </row>
    <row r="47" spans="1:4" ht="18" customHeight="1" x14ac:dyDescent="0.15">
      <c r="A47" s="5" t="s">
        <v>15</v>
      </c>
      <c r="B47" s="22">
        <v>25</v>
      </c>
      <c r="C47" s="14">
        <v>17</v>
      </c>
      <c r="D47" s="18">
        <v>42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6</v>
      </c>
      <c r="C49" s="14">
        <v>7</v>
      </c>
      <c r="D49" s="18">
        <v>13</v>
      </c>
    </row>
    <row r="50" spans="1:4" ht="18" customHeight="1" x14ac:dyDescent="0.15">
      <c r="A50" s="5">
        <v>37</v>
      </c>
      <c r="B50" s="22">
        <v>6</v>
      </c>
      <c r="C50" s="14">
        <v>3</v>
      </c>
      <c r="D50" s="18">
        <v>9</v>
      </c>
    </row>
    <row r="51" spans="1:4" ht="18" customHeight="1" x14ac:dyDescent="0.15">
      <c r="A51" s="5">
        <v>38</v>
      </c>
      <c r="B51" s="22">
        <v>4</v>
      </c>
      <c r="C51" s="14">
        <v>4</v>
      </c>
      <c r="D51" s="18">
        <v>8</v>
      </c>
    </row>
    <row r="52" spans="1:4" ht="18" customHeight="1" x14ac:dyDescent="0.15">
      <c r="A52" s="5">
        <v>39</v>
      </c>
      <c r="B52" s="22">
        <v>6</v>
      </c>
      <c r="C52" s="14">
        <v>7</v>
      </c>
      <c r="D52" s="18">
        <v>13</v>
      </c>
    </row>
    <row r="53" spans="1:4" ht="18" customHeight="1" x14ac:dyDescent="0.15">
      <c r="A53" s="5" t="s">
        <v>18</v>
      </c>
      <c r="B53" s="22">
        <v>25</v>
      </c>
      <c r="C53" s="14">
        <v>25</v>
      </c>
      <c r="D53" s="18">
        <v>50</v>
      </c>
    </row>
    <row r="54" spans="1:4" ht="18" customHeight="1" x14ac:dyDescent="0.15">
      <c r="A54" s="5">
        <v>40</v>
      </c>
      <c r="B54" s="22">
        <v>8</v>
      </c>
      <c r="C54" s="14">
        <v>5</v>
      </c>
      <c r="D54" s="18">
        <v>13</v>
      </c>
    </row>
    <row r="55" spans="1:4" ht="18" customHeight="1" x14ac:dyDescent="0.15">
      <c r="A55" s="5">
        <v>41</v>
      </c>
      <c r="B55" s="22">
        <v>4</v>
      </c>
      <c r="C55" s="14">
        <v>6</v>
      </c>
      <c r="D55" s="18">
        <v>10</v>
      </c>
    </row>
    <row r="56" spans="1:4" ht="18" customHeight="1" x14ac:dyDescent="0.15">
      <c r="A56" s="5">
        <v>42</v>
      </c>
      <c r="B56" s="22">
        <v>8</v>
      </c>
      <c r="C56" s="14">
        <v>6</v>
      </c>
      <c r="D56" s="18">
        <v>14</v>
      </c>
    </row>
    <row r="57" spans="1:4" ht="18" customHeight="1" x14ac:dyDescent="0.15">
      <c r="A57" s="5">
        <v>43</v>
      </c>
      <c r="B57" s="22">
        <v>8</v>
      </c>
      <c r="C57" s="14">
        <v>3</v>
      </c>
      <c r="D57" s="18">
        <v>11</v>
      </c>
    </row>
    <row r="58" spans="1:4" ht="18" customHeight="1" x14ac:dyDescent="0.15">
      <c r="A58" s="5">
        <v>44</v>
      </c>
      <c r="B58" s="22">
        <v>3</v>
      </c>
      <c r="C58" s="14">
        <v>5</v>
      </c>
      <c r="D58" s="18">
        <v>8</v>
      </c>
    </row>
    <row r="59" spans="1:4" ht="18" customHeight="1" x14ac:dyDescent="0.15">
      <c r="A59" s="5" t="s">
        <v>21</v>
      </c>
      <c r="B59" s="22">
        <v>31</v>
      </c>
      <c r="C59" s="14">
        <v>25</v>
      </c>
      <c r="D59" s="18">
        <v>56</v>
      </c>
    </row>
    <row r="60" spans="1:4" ht="18" customHeight="1" x14ac:dyDescent="0.15">
      <c r="A60" s="5">
        <v>45</v>
      </c>
      <c r="B60" s="22">
        <v>6</v>
      </c>
      <c r="C60" s="14">
        <v>7</v>
      </c>
      <c r="D60" s="18">
        <v>13</v>
      </c>
    </row>
    <row r="61" spans="1:4" ht="18" customHeight="1" x14ac:dyDescent="0.15">
      <c r="A61" s="5">
        <v>46</v>
      </c>
      <c r="B61" s="22">
        <v>9</v>
      </c>
      <c r="C61" s="14">
        <v>10</v>
      </c>
      <c r="D61" s="18">
        <v>19</v>
      </c>
    </row>
    <row r="62" spans="1:4" ht="18" customHeight="1" x14ac:dyDescent="0.15">
      <c r="A62" s="5">
        <v>47</v>
      </c>
      <c r="B62" s="22">
        <v>4</v>
      </c>
      <c r="C62" s="14">
        <v>9</v>
      </c>
      <c r="D62" s="18">
        <v>13</v>
      </c>
    </row>
    <row r="63" spans="1:4" ht="18" customHeight="1" x14ac:dyDescent="0.15">
      <c r="A63" s="5">
        <v>48</v>
      </c>
      <c r="B63" s="22">
        <v>13</v>
      </c>
      <c r="C63" s="14">
        <v>17</v>
      </c>
      <c r="D63" s="18">
        <v>30</v>
      </c>
    </row>
    <row r="64" spans="1:4" ht="18" customHeight="1" x14ac:dyDescent="0.15">
      <c r="A64" s="5">
        <v>49</v>
      </c>
      <c r="B64" s="22">
        <v>18</v>
      </c>
      <c r="C64" s="14">
        <v>18</v>
      </c>
      <c r="D64" s="18">
        <v>36</v>
      </c>
    </row>
    <row r="65" spans="1:4" ht="18" customHeight="1" x14ac:dyDescent="0.15">
      <c r="A65" s="5" t="s">
        <v>17</v>
      </c>
      <c r="B65" s="22">
        <v>50</v>
      </c>
      <c r="C65" s="14">
        <v>61</v>
      </c>
      <c r="D65" s="18">
        <v>111</v>
      </c>
    </row>
    <row r="66" spans="1:4" ht="18" customHeight="1" x14ac:dyDescent="0.15">
      <c r="A66" s="5">
        <v>50</v>
      </c>
      <c r="B66" s="22">
        <v>22</v>
      </c>
      <c r="C66" s="14">
        <v>13</v>
      </c>
      <c r="D66" s="18">
        <v>35</v>
      </c>
    </row>
    <row r="67" spans="1:4" ht="18" customHeight="1" x14ac:dyDescent="0.15">
      <c r="A67" s="5">
        <v>51</v>
      </c>
      <c r="B67" s="22">
        <v>27</v>
      </c>
      <c r="C67" s="14">
        <v>20</v>
      </c>
      <c r="D67" s="18">
        <v>47</v>
      </c>
    </row>
    <row r="68" spans="1:4" ht="18" customHeight="1" x14ac:dyDescent="0.15">
      <c r="A68" s="5">
        <v>52</v>
      </c>
      <c r="B68" s="22">
        <v>23</v>
      </c>
      <c r="C68" s="14">
        <v>14</v>
      </c>
      <c r="D68" s="18">
        <v>37</v>
      </c>
    </row>
    <row r="69" spans="1:4" ht="18" customHeight="1" x14ac:dyDescent="0.15">
      <c r="A69" s="5">
        <v>53</v>
      </c>
      <c r="B69" s="22">
        <v>21</v>
      </c>
      <c r="C69" s="14">
        <v>20</v>
      </c>
      <c r="D69" s="18">
        <v>41</v>
      </c>
    </row>
    <row r="70" spans="1:4" ht="18" customHeight="1" x14ac:dyDescent="0.15">
      <c r="A70" s="5">
        <v>54</v>
      </c>
      <c r="B70" s="22">
        <v>26</v>
      </c>
      <c r="C70" s="14">
        <v>16</v>
      </c>
      <c r="D70" s="18">
        <v>42</v>
      </c>
    </row>
    <row r="71" spans="1:4" ht="18" customHeight="1" x14ac:dyDescent="0.15">
      <c r="A71" s="5" t="s">
        <v>22</v>
      </c>
      <c r="B71" s="22">
        <v>119</v>
      </c>
      <c r="C71" s="14">
        <v>83</v>
      </c>
      <c r="D71" s="18">
        <v>202</v>
      </c>
    </row>
    <row r="72" spans="1:4" ht="18" customHeight="1" x14ac:dyDescent="0.15">
      <c r="A72" s="5">
        <v>55</v>
      </c>
      <c r="B72" s="22">
        <v>14</v>
      </c>
      <c r="C72" s="14">
        <v>15</v>
      </c>
      <c r="D72" s="18">
        <v>29</v>
      </c>
    </row>
    <row r="73" spans="1:4" ht="18" customHeight="1" x14ac:dyDescent="0.15">
      <c r="A73" s="5">
        <v>56</v>
      </c>
      <c r="B73" s="22">
        <v>17</v>
      </c>
      <c r="C73" s="14">
        <v>19</v>
      </c>
      <c r="D73" s="18">
        <v>36</v>
      </c>
    </row>
    <row r="74" spans="1:4" ht="18" customHeight="1" x14ac:dyDescent="0.15">
      <c r="A74" s="5">
        <v>57</v>
      </c>
      <c r="B74" s="22">
        <v>12</v>
      </c>
      <c r="C74" s="14">
        <v>18</v>
      </c>
      <c r="D74" s="18">
        <v>30</v>
      </c>
    </row>
    <row r="75" spans="1:4" ht="18" customHeight="1" x14ac:dyDescent="0.15">
      <c r="A75" s="5">
        <v>58</v>
      </c>
      <c r="B75" s="22">
        <v>19</v>
      </c>
      <c r="C75" s="14">
        <v>15</v>
      </c>
      <c r="D75" s="18">
        <v>34</v>
      </c>
    </row>
    <row r="76" spans="1:4" ht="18" customHeight="1" x14ac:dyDescent="0.15">
      <c r="A76" s="5">
        <v>59</v>
      </c>
      <c r="B76" s="22">
        <v>9</v>
      </c>
      <c r="C76" s="14">
        <v>9</v>
      </c>
      <c r="D76" s="18">
        <v>18</v>
      </c>
    </row>
    <row r="77" spans="1:4" ht="18" customHeight="1" x14ac:dyDescent="0.15">
      <c r="A77" s="5" t="s">
        <v>27</v>
      </c>
      <c r="B77" s="22">
        <v>71</v>
      </c>
      <c r="C77" s="14">
        <v>76</v>
      </c>
      <c r="D77" s="18">
        <v>147</v>
      </c>
    </row>
    <row r="78" spans="1:4" ht="18" customHeight="1" x14ac:dyDescent="0.15">
      <c r="A78" s="5">
        <v>60</v>
      </c>
      <c r="B78" s="22">
        <v>11</v>
      </c>
      <c r="C78" s="14">
        <v>7</v>
      </c>
      <c r="D78" s="18">
        <v>18</v>
      </c>
    </row>
    <row r="79" spans="1:4" ht="18" customHeight="1" x14ac:dyDescent="0.15">
      <c r="A79" s="5">
        <v>61</v>
      </c>
      <c r="B79" s="22">
        <v>8</v>
      </c>
      <c r="C79" s="14">
        <v>4</v>
      </c>
      <c r="D79" s="18">
        <v>12</v>
      </c>
    </row>
    <row r="80" spans="1:4" ht="18" customHeight="1" x14ac:dyDescent="0.15">
      <c r="A80" s="5">
        <v>62</v>
      </c>
      <c r="B80" s="22">
        <v>10</v>
      </c>
      <c r="C80" s="14">
        <v>11</v>
      </c>
      <c r="D80" s="18">
        <v>21</v>
      </c>
    </row>
    <row r="81" spans="1:4" ht="18" customHeight="1" x14ac:dyDescent="0.15">
      <c r="A81" s="5">
        <v>63</v>
      </c>
      <c r="B81" s="22">
        <v>6</v>
      </c>
      <c r="C81" s="14">
        <v>6</v>
      </c>
      <c r="D81" s="18">
        <v>12</v>
      </c>
    </row>
    <row r="82" spans="1:4" ht="18" customHeight="1" x14ac:dyDescent="0.15">
      <c r="A82" s="5">
        <v>64</v>
      </c>
      <c r="B82" s="22">
        <v>10</v>
      </c>
      <c r="C82" s="14">
        <v>12</v>
      </c>
      <c r="D82" s="18">
        <v>22</v>
      </c>
    </row>
    <row r="83" spans="1:4" ht="18" customHeight="1" x14ac:dyDescent="0.15">
      <c r="A83" s="5" t="s">
        <v>28</v>
      </c>
      <c r="B83" s="22">
        <v>45</v>
      </c>
      <c r="C83" s="14">
        <v>40</v>
      </c>
      <c r="D83" s="18">
        <v>85</v>
      </c>
    </row>
    <row r="84" spans="1:4" ht="18" customHeight="1" x14ac:dyDescent="0.15">
      <c r="A84" s="5" t="s">
        <v>31</v>
      </c>
      <c r="B84" s="22">
        <v>515</v>
      </c>
      <c r="C84" s="14">
        <v>455</v>
      </c>
      <c r="D84" s="18">
        <v>970</v>
      </c>
    </row>
    <row r="85" spans="1:4" ht="18" customHeight="1" x14ac:dyDescent="0.15">
      <c r="A85" s="5">
        <v>65</v>
      </c>
      <c r="B85" s="22">
        <v>5</v>
      </c>
      <c r="C85" s="14">
        <v>11</v>
      </c>
      <c r="D85" s="18">
        <v>16</v>
      </c>
    </row>
    <row r="86" spans="1:4" ht="18" customHeight="1" x14ac:dyDescent="0.15">
      <c r="A86" s="5">
        <v>66</v>
      </c>
      <c r="B86" s="22">
        <v>13</v>
      </c>
      <c r="C86" s="14">
        <v>7</v>
      </c>
      <c r="D86" s="18">
        <v>20</v>
      </c>
    </row>
    <row r="87" spans="1:4" ht="18" customHeight="1" x14ac:dyDescent="0.15">
      <c r="A87" s="5">
        <v>67</v>
      </c>
      <c r="B87" s="22">
        <v>13</v>
      </c>
      <c r="C87" s="14">
        <v>11</v>
      </c>
      <c r="D87" s="18">
        <v>24</v>
      </c>
    </row>
    <row r="88" spans="1:4" ht="18" customHeight="1" x14ac:dyDescent="0.15">
      <c r="A88" s="5">
        <v>68</v>
      </c>
      <c r="B88" s="22">
        <v>9</v>
      </c>
      <c r="C88" s="14">
        <v>9</v>
      </c>
      <c r="D88" s="18">
        <v>18</v>
      </c>
    </row>
    <row r="89" spans="1:4" ht="18" customHeight="1" x14ac:dyDescent="0.15">
      <c r="A89" s="5">
        <v>69</v>
      </c>
      <c r="B89" s="22">
        <v>7</v>
      </c>
      <c r="C89" s="14">
        <v>7</v>
      </c>
      <c r="D89" s="18">
        <v>14</v>
      </c>
    </row>
    <row r="90" spans="1:4" ht="18" customHeight="1" x14ac:dyDescent="0.15">
      <c r="A90" s="5" t="s">
        <v>20</v>
      </c>
      <c r="B90" s="22">
        <v>47</v>
      </c>
      <c r="C90" s="14">
        <v>45</v>
      </c>
      <c r="D90" s="18">
        <v>92</v>
      </c>
    </row>
    <row r="91" spans="1:4" ht="18" customHeight="1" x14ac:dyDescent="0.15">
      <c r="A91" s="5">
        <v>70</v>
      </c>
      <c r="B91" s="22">
        <v>5</v>
      </c>
      <c r="C91" s="14">
        <v>6</v>
      </c>
      <c r="D91" s="18">
        <v>11</v>
      </c>
    </row>
    <row r="92" spans="1:4" ht="18" customHeight="1" x14ac:dyDescent="0.15">
      <c r="A92" s="5">
        <v>71</v>
      </c>
      <c r="B92" s="22">
        <v>8</v>
      </c>
      <c r="C92" s="14">
        <v>10</v>
      </c>
      <c r="D92" s="18">
        <v>18</v>
      </c>
    </row>
    <row r="93" spans="1:4" ht="18" customHeight="1" x14ac:dyDescent="0.15">
      <c r="A93" s="5">
        <v>72</v>
      </c>
      <c r="B93" s="22">
        <v>7</v>
      </c>
      <c r="C93" s="14">
        <v>13</v>
      </c>
      <c r="D93" s="18">
        <v>20</v>
      </c>
    </row>
    <row r="94" spans="1:4" ht="18" customHeight="1" x14ac:dyDescent="0.15">
      <c r="A94" s="5">
        <v>73</v>
      </c>
      <c r="B94" s="22">
        <v>11</v>
      </c>
      <c r="C94" s="14">
        <v>11</v>
      </c>
      <c r="D94" s="18">
        <v>22</v>
      </c>
    </row>
    <row r="95" spans="1:4" ht="18" customHeight="1" x14ac:dyDescent="0.15">
      <c r="A95" s="5">
        <v>74</v>
      </c>
      <c r="B95" s="22">
        <v>7</v>
      </c>
      <c r="C95" s="14">
        <v>11</v>
      </c>
      <c r="D95" s="18">
        <v>18</v>
      </c>
    </row>
    <row r="96" spans="1:4" ht="18" customHeight="1" x14ac:dyDescent="0.15">
      <c r="A96" s="5" t="s">
        <v>33</v>
      </c>
      <c r="B96" s="22">
        <v>38</v>
      </c>
      <c r="C96" s="14">
        <v>51</v>
      </c>
      <c r="D96" s="18">
        <v>89</v>
      </c>
    </row>
    <row r="97" spans="1:4" ht="18" customHeight="1" x14ac:dyDescent="0.15">
      <c r="A97" s="5">
        <v>75</v>
      </c>
      <c r="B97" s="22">
        <v>13</v>
      </c>
      <c r="C97" s="14">
        <v>4</v>
      </c>
      <c r="D97" s="18">
        <v>17</v>
      </c>
    </row>
    <row r="98" spans="1:4" ht="18" customHeight="1" x14ac:dyDescent="0.15">
      <c r="A98" s="5">
        <v>76</v>
      </c>
      <c r="B98" s="22">
        <v>14</v>
      </c>
      <c r="C98" s="14">
        <v>18</v>
      </c>
      <c r="D98" s="18">
        <v>32</v>
      </c>
    </row>
    <row r="99" spans="1:4" ht="18" customHeight="1" x14ac:dyDescent="0.15">
      <c r="A99" s="5">
        <v>77</v>
      </c>
      <c r="B99" s="22">
        <v>9</v>
      </c>
      <c r="C99" s="14">
        <v>13</v>
      </c>
      <c r="D99" s="18">
        <v>22</v>
      </c>
    </row>
    <row r="100" spans="1:4" ht="18" customHeight="1" x14ac:dyDescent="0.15">
      <c r="A100" s="5">
        <v>78</v>
      </c>
      <c r="B100" s="22">
        <v>7</v>
      </c>
      <c r="C100" s="14">
        <v>10</v>
      </c>
      <c r="D100" s="18">
        <v>17</v>
      </c>
    </row>
    <row r="101" spans="1:4" ht="18" customHeight="1" x14ac:dyDescent="0.15">
      <c r="A101" s="5">
        <v>79</v>
      </c>
      <c r="B101" s="22">
        <v>12</v>
      </c>
      <c r="C101" s="14">
        <v>13</v>
      </c>
      <c r="D101" s="18">
        <v>25</v>
      </c>
    </row>
    <row r="102" spans="1:4" ht="18" customHeight="1" x14ac:dyDescent="0.15">
      <c r="A102" s="5" t="s">
        <v>0</v>
      </c>
      <c r="B102" s="22">
        <v>55</v>
      </c>
      <c r="C102" s="14">
        <v>58</v>
      </c>
      <c r="D102" s="18">
        <v>113</v>
      </c>
    </row>
    <row r="103" spans="1:4" ht="18" customHeight="1" x14ac:dyDescent="0.15">
      <c r="A103" s="5">
        <v>80</v>
      </c>
      <c r="B103" s="22">
        <v>7</v>
      </c>
      <c r="C103" s="14">
        <v>9</v>
      </c>
      <c r="D103" s="18">
        <v>16</v>
      </c>
    </row>
    <row r="104" spans="1:4" ht="18" customHeight="1" x14ac:dyDescent="0.15">
      <c r="A104" s="5">
        <v>81</v>
      </c>
      <c r="B104" s="22">
        <v>8</v>
      </c>
      <c r="C104" s="14">
        <v>8</v>
      </c>
      <c r="D104" s="18">
        <v>16</v>
      </c>
    </row>
    <row r="105" spans="1:4" ht="18" customHeight="1" x14ac:dyDescent="0.15">
      <c r="A105" s="5">
        <v>82</v>
      </c>
      <c r="B105" s="22">
        <v>6</v>
      </c>
      <c r="C105" s="14">
        <v>12</v>
      </c>
      <c r="D105" s="18">
        <v>18</v>
      </c>
    </row>
    <row r="106" spans="1:4" ht="18" customHeight="1" x14ac:dyDescent="0.15">
      <c r="A106" s="5">
        <v>83</v>
      </c>
      <c r="B106" s="22">
        <v>4</v>
      </c>
      <c r="C106" s="14">
        <v>12</v>
      </c>
      <c r="D106" s="18">
        <v>16</v>
      </c>
    </row>
    <row r="107" spans="1:4" ht="18" customHeight="1" x14ac:dyDescent="0.15">
      <c r="A107" s="5">
        <v>84</v>
      </c>
      <c r="B107" s="22">
        <v>4</v>
      </c>
      <c r="C107" s="14">
        <v>9</v>
      </c>
      <c r="D107" s="18">
        <v>13</v>
      </c>
    </row>
    <row r="108" spans="1:4" ht="18" customHeight="1" x14ac:dyDescent="0.15">
      <c r="A108" s="5" t="s">
        <v>35</v>
      </c>
      <c r="B108" s="22">
        <v>29</v>
      </c>
      <c r="C108" s="14">
        <v>50</v>
      </c>
      <c r="D108" s="18">
        <v>79</v>
      </c>
    </row>
    <row r="109" spans="1:4" ht="18" customHeight="1" x14ac:dyDescent="0.15">
      <c r="A109" s="5">
        <v>85</v>
      </c>
      <c r="B109" s="22">
        <v>7</v>
      </c>
      <c r="C109" s="14">
        <v>9</v>
      </c>
      <c r="D109" s="18">
        <v>16</v>
      </c>
    </row>
    <row r="110" spans="1:4" ht="18" customHeight="1" x14ac:dyDescent="0.15">
      <c r="A110" s="5">
        <v>86</v>
      </c>
      <c r="B110" s="22">
        <v>4</v>
      </c>
      <c r="C110" s="14">
        <v>6</v>
      </c>
      <c r="D110" s="18">
        <v>10</v>
      </c>
    </row>
    <row r="111" spans="1:4" ht="18" customHeight="1" x14ac:dyDescent="0.15">
      <c r="A111" s="5">
        <v>87</v>
      </c>
      <c r="B111" s="22">
        <v>4</v>
      </c>
      <c r="C111" s="14">
        <v>1</v>
      </c>
      <c r="D111" s="18">
        <v>5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2</v>
      </c>
      <c r="C113" s="14">
        <v>8</v>
      </c>
      <c r="D113" s="18">
        <v>10</v>
      </c>
    </row>
    <row r="114" spans="1:4" ht="18" customHeight="1" x14ac:dyDescent="0.15">
      <c r="A114" s="5" t="s">
        <v>37</v>
      </c>
      <c r="B114" s="22">
        <v>19</v>
      </c>
      <c r="C114" s="14">
        <v>27</v>
      </c>
      <c r="D114" s="18">
        <v>46</v>
      </c>
    </row>
    <row r="115" spans="1:4" ht="18" customHeight="1" x14ac:dyDescent="0.15">
      <c r="A115" s="5">
        <v>90</v>
      </c>
      <c r="B115" s="22">
        <v>0</v>
      </c>
      <c r="C115" s="14">
        <v>7</v>
      </c>
      <c r="D115" s="18">
        <v>7</v>
      </c>
    </row>
    <row r="116" spans="1:4" ht="18" customHeight="1" x14ac:dyDescent="0.15">
      <c r="A116" s="5">
        <v>91</v>
      </c>
      <c r="B116" s="22">
        <v>2</v>
      </c>
      <c r="C116" s="14">
        <v>4</v>
      </c>
      <c r="D116" s="18">
        <v>6</v>
      </c>
    </row>
    <row r="117" spans="1:4" ht="18" customHeight="1" x14ac:dyDescent="0.15">
      <c r="A117" s="5">
        <v>92</v>
      </c>
      <c r="B117" s="22">
        <v>4</v>
      </c>
      <c r="C117" s="14">
        <v>4</v>
      </c>
      <c r="D117" s="18">
        <v>8</v>
      </c>
    </row>
    <row r="118" spans="1:4" ht="18" customHeight="1" x14ac:dyDescent="0.15">
      <c r="A118" s="5">
        <v>93</v>
      </c>
      <c r="B118" s="22">
        <v>1</v>
      </c>
      <c r="C118" s="14">
        <v>3</v>
      </c>
      <c r="D118" s="18">
        <v>4</v>
      </c>
    </row>
    <row r="119" spans="1:4" ht="18" customHeight="1" x14ac:dyDescent="0.15">
      <c r="A119" s="5">
        <v>94</v>
      </c>
      <c r="B119" s="22">
        <v>1</v>
      </c>
      <c r="C119" s="14">
        <v>2</v>
      </c>
      <c r="D119" s="18">
        <v>3</v>
      </c>
    </row>
    <row r="120" spans="1:4" ht="18" customHeight="1" x14ac:dyDescent="0.15">
      <c r="A120" s="5" t="s">
        <v>39</v>
      </c>
      <c r="B120" s="22">
        <v>8</v>
      </c>
      <c r="C120" s="14">
        <v>20</v>
      </c>
      <c r="D120" s="18">
        <v>28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197</v>
      </c>
      <c r="C130" s="14">
        <v>257</v>
      </c>
      <c r="D130" s="18">
        <v>454</v>
      </c>
    </row>
    <row r="131" spans="1:4" ht="18" customHeight="1" x14ac:dyDescent="0.15">
      <c r="A131" s="7" t="s">
        <v>45</v>
      </c>
      <c r="B131" s="23">
        <v>764</v>
      </c>
      <c r="C131" s="15">
        <v>772</v>
      </c>
      <c r="D131" s="19">
        <v>15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4</v>
      </c>
      <c r="D5" s="17">
        <v>7</v>
      </c>
    </row>
    <row r="6" spans="1:4" ht="18" customHeight="1" x14ac:dyDescent="0.15">
      <c r="A6" s="5">
        <v>1</v>
      </c>
      <c r="B6" s="22">
        <v>4</v>
      </c>
      <c r="C6" s="14">
        <v>1</v>
      </c>
      <c r="D6" s="18">
        <v>5</v>
      </c>
    </row>
    <row r="7" spans="1:4" ht="18" customHeight="1" x14ac:dyDescent="0.15">
      <c r="A7" s="5">
        <v>2</v>
      </c>
      <c r="B7" s="22">
        <v>3</v>
      </c>
      <c r="C7" s="14">
        <v>0</v>
      </c>
      <c r="D7" s="18">
        <v>3</v>
      </c>
    </row>
    <row r="8" spans="1:4" ht="18" customHeight="1" x14ac:dyDescent="0.15">
      <c r="A8" s="5">
        <v>3</v>
      </c>
      <c r="B8" s="22">
        <v>3</v>
      </c>
      <c r="C8" s="14">
        <v>2</v>
      </c>
      <c r="D8" s="18">
        <v>5</v>
      </c>
    </row>
    <row r="9" spans="1:4" ht="18" customHeight="1" x14ac:dyDescent="0.15">
      <c r="A9" s="5">
        <v>4</v>
      </c>
      <c r="B9" s="22">
        <v>7</v>
      </c>
      <c r="C9" s="14">
        <v>1</v>
      </c>
      <c r="D9" s="18">
        <v>8</v>
      </c>
    </row>
    <row r="10" spans="1:4" ht="18" customHeight="1" x14ac:dyDescent="0.15">
      <c r="A10" s="5" t="s">
        <v>7</v>
      </c>
      <c r="B10" s="22">
        <v>20</v>
      </c>
      <c r="C10" s="14">
        <v>8</v>
      </c>
      <c r="D10" s="18">
        <v>28</v>
      </c>
    </row>
    <row r="11" spans="1:4" ht="18" customHeight="1" x14ac:dyDescent="0.15">
      <c r="A11" s="5">
        <v>5</v>
      </c>
      <c r="B11" s="22">
        <v>5</v>
      </c>
      <c r="C11" s="14">
        <v>1</v>
      </c>
      <c r="D11" s="18">
        <v>6</v>
      </c>
    </row>
    <row r="12" spans="1:4" ht="18" customHeight="1" x14ac:dyDescent="0.15">
      <c r="A12" s="5">
        <v>6</v>
      </c>
      <c r="B12" s="22">
        <v>5</v>
      </c>
      <c r="C12" s="14">
        <v>2</v>
      </c>
      <c r="D12" s="18">
        <v>7</v>
      </c>
    </row>
    <row r="13" spans="1:4" ht="18" customHeight="1" x14ac:dyDescent="0.15">
      <c r="A13" s="5">
        <v>7</v>
      </c>
      <c r="B13" s="22">
        <v>2</v>
      </c>
      <c r="C13" s="14">
        <v>4</v>
      </c>
      <c r="D13" s="18">
        <v>6</v>
      </c>
    </row>
    <row r="14" spans="1:4" ht="18" customHeight="1" x14ac:dyDescent="0.15">
      <c r="A14" s="5">
        <v>8</v>
      </c>
      <c r="B14" s="22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5</v>
      </c>
      <c r="D15" s="18">
        <v>11</v>
      </c>
    </row>
    <row r="16" spans="1:4" ht="18" customHeight="1" x14ac:dyDescent="0.15">
      <c r="A16" s="5" t="s">
        <v>11</v>
      </c>
      <c r="B16" s="22">
        <v>21</v>
      </c>
      <c r="C16" s="14">
        <v>16</v>
      </c>
      <c r="D16" s="18">
        <v>37</v>
      </c>
    </row>
    <row r="17" spans="1:4" ht="18" customHeight="1" x14ac:dyDescent="0.15">
      <c r="A17" s="5">
        <v>10</v>
      </c>
      <c r="B17" s="22">
        <v>3</v>
      </c>
      <c r="C17" s="14">
        <v>9</v>
      </c>
      <c r="D17" s="18">
        <v>12</v>
      </c>
    </row>
    <row r="18" spans="1:4" ht="18" customHeight="1" x14ac:dyDescent="0.15">
      <c r="A18" s="5">
        <v>11</v>
      </c>
      <c r="B18" s="22">
        <v>4</v>
      </c>
      <c r="C18" s="14">
        <v>5</v>
      </c>
      <c r="D18" s="18">
        <v>9</v>
      </c>
    </row>
    <row r="19" spans="1:4" ht="18" customHeight="1" x14ac:dyDescent="0.15">
      <c r="A19" s="5">
        <v>12</v>
      </c>
      <c r="B19" s="22">
        <v>12</v>
      </c>
      <c r="C19" s="14">
        <v>2</v>
      </c>
      <c r="D19" s="18">
        <v>14</v>
      </c>
    </row>
    <row r="20" spans="1:4" ht="18" customHeight="1" x14ac:dyDescent="0.15">
      <c r="A20" s="5">
        <v>13</v>
      </c>
      <c r="B20" s="22">
        <v>4</v>
      </c>
      <c r="C20" s="14">
        <v>8</v>
      </c>
      <c r="D20" s="18">
        <v>12</v>
      </c>
    </row>
    <row r="21" spans="1:4" ht="18" customHeight="1" x14ac:dyDescent="0.15">
      <c r="A21" s="5">
        <v>14</v>
      </c>
      <c r="B21" s="22">
        <v>4</v>
      </c>
      <c r="C21" s="14">
        <v>9</v>
      </c>
      <c r="D21" s="18">
        <v>13</v>
      </c>
    </row>
    <row r="22" spans="1:4" ht="18" customHeight="1" x14ac:dyDescent="0.15">
      <c r="A22" s="5" t="s">
        <v>12</v>
      </c>
      <c r="B22" s="22">
        <v>27</v>
      </c>
      <c r="C22" s="14">
        <v>33</v>
      </c>
      <c r="D22" s="18">
        <v>60</v>
      </c>
    </row>
    <row r="23" spans="1:4" ht="18" customHeight="1" x14ac:dyDescent="0.15">
      <c r="A23" s="5" t="s">
        <v>6</v>
      </c>
      <c r="B23" s="22">
        <v>68</v>
      </c>
      <c r="C23" s="14">
        <v>57</v>
      </c>
      <c r="D23" s="18">
        <v>125</v>
      </c>
    </row>
    <row r="24" spans="1:4" ht="18" customHeight="1" x14ac:dyDescent="0.15">
      <c r="A24" s="5">
        <v>15</v>
      </c>
      <c r="B24" s="22">
        <v>9</v>
      </c>
      <c r="C24" s="14">
        <v>3</v>
      </c>
      <c r="D24" s="18">
        <v>12</v>
      </c>
    </row>
    <row r="25" spans="1:4" ht="18" customHeight="1" x14ac:dyDescent="0.15">
      <c r="A25" s="5">
        <v>16</v>
      </c>
      <c r="B25" s="22">
        <v>4</v>
      </c>
      <c r="C25" s="14">
        <v>15</v>
      </c>
      <c r="D25" s="18">
        <v>19</v>
      </c>
    </row>
    <row r="26" spans="1:4" ht="18" customHeight="1" x14ac:dyDescent="0.15">
      <c r="A26" s="5">
        <v>17</v>
      </c>
      <c r="B26" s="22">
        <v>2</v>
      </c>
      <c r="C26" s="14">
        <v>9</v>
      </c>
      <c r="D26" s="18">
        <v>11</v>
      </c>
    </row>
    <row r="27" spans="1:4" ht="18" customHeight="1" x14ac:dyDescent="0.15">
      <c r="A27" s="5">
        <v>18</v>
      </c>
      <c r="B27" s="22">
        <v>1</v>
      </c>
      <c r="C27" s="14">
        <v>8</v>
      </c>
      <c r="D27" s="18">
        <v>9</v>
      </c>
    </row>
    <row r="28" spans="1:4" ht="18" customHeight="1" x14ac:dyDescent="0.15">
      <c r="A28" s="5">
        <v>19</v>
      </c>
      <c r="B28" s="22">
        <v>4</v>
      </c>
      <c r="C28" s="14">
        <v>5</v>
      </c>
      <c r="D28" s="18">
        <v>9</v>
      </c>
    </row>
    <row r="29" spans="1:4" ht="18" customHeight="1" x14ac:dyDescent="0.15">
      <c r="A29" s="5" t="s">
        <v>14</v>
      </c>
      <c r="B29" s="22">
        <v>20</v>
      </c>
      <c r="C29" s="14">
        <v>40</v>
      </c>
      <c r="D29" s="18">
        <v>60</v>
      </c>
    </row>
    <row r="30" spans="1:4" ht="18" customHeight="1" x14ac:dyDescent="0.15">
      <c r="A30" s="5">
        <v>20</v>
      </c>
      <c r="B30" s="22">
        <v>10</v>
      </c>
      <c r="C30" s="14">
        <v>9</v>
      </c>
      <c r="D30" s="18">
        <v>19</v>
      </c>
    </row>
    <row r="31" spans="1:4" ht="18" customHeight="1" x14ac:dyDescent="0.15">
      <c r="A31" s="5">
        <v>21</v>
      </c>
      <c r="B31" s="22">
        <v>8</v>
      </c>
      <c r="C31" s="14">
        <v>8</v>
      </c>
      <c r="D31" s="18">
        <v>16</v>
      </c>
    </row>
    <row r="32" spans="1:4" ht="18" customHeight="1" x14ac:dyDescent="0.15">
      <c r="A32" s="5">
        <v>22</v>
      </c>
      <c r="B32" s="22">
        <v>6</v>
      </c>
      <c r="C32" s="14">
        <v>12</v>
      </c>
      <c r="D32" s="18">
        <v>18</v>
      </c>
    </row>
    <row r="33" spans="1:4" ht="18" customHeight="1" x14ac:dyDescent="0.15">
      <c r="A33" s="5">
        <v>23</v>
      </c>
      <c r="B33" s="22">
        <v>12</v>
      </c>
      <c r="C33" s="14">
        <v>4</v>
      </c>
      <c r="D33" s="18">
        <v>16</v>
      </c>
    </row>
    <row r="34" spans="1:4" ht="18" customHeight="1" x14ac:dyDescent="0.15">
      <c r="A34" s="5">
        <v>24</v>
      </c>
      <c r="B34" s="22">
        <v>11</v>
      </c>
      <c r="C34" s="14">
        <v>9</v>
      </c>
      <c r="D34" s="18">
        <v>20</v>
      </c>
    </row>
    <row r="35" spans="1:4" ht="18" customHeight="1" x14ac:dyDescent="0.15">
      <c r="A35" s="5" t="s">
        <v>9</v>
      </c>
      <c r="B35" s="22">
        <v>47</v>
      </c>
      <c r="C35" s="14">
        <v>42</v>
      </c>
      <c r="D35" s="18">
        <v>89</v>
      </c>
    </row>
    <row r="36" spans="1:4" ht="18" customHeight="1" x14ac:dyDescent="0.15">
      <c r="A36" s="5">
        <v>25</v>
      </c>
      <c r="B36" s="22">
        <v>11</v>
      </c>
      <c r="C36" s="14">
        <v>12</v>
      </c>
      <c r="D36" s="18">
        <v>23</v>
      </c>
    </row>
    <row r="37" spans="1:4" ht="18" customHeight="1" x14ac:dyDescent="0.15">
      <c r="A37" s="5">
        <v>26</v>
      </c>
      <c r="B37" s="22">
        <v>10</v>
      </c>
      <c r="C37" s="14">
        <v>10</v>
      </c>
      <c r="D37" s="18">
        <v>20</v>
      </c>
    </row>
    <row r="38" spans="1:4" ht="18" customHeight="1" x14ac:dyDescent="0.15">
      <c r="A38" s="5">
        <v>27</v>
      </c>
      <c r="B38" s="22">
        <v>11</v>
      </c>
      <c r="C38" s="14">
        <v>6</v>
      </c>
      <c r="D38" s="18">
        <v>17</v>
      </c>
    </row>
    <row r="39" spans="1:4" ht="18" customHeight="1" x14ac:dyDescent="0.15">
      <c r="A39" s="5">
        <v>28</v>
      </c>
      <c r="B39" s="22">
        <v>7</v>
      </c>
      <c r="C39" s="14">
        <v>8</v>
      </c>
      <c r="D39" s="18">
        <v>15</v>
      </c>
    </row>
    <row r="40" spans="1:4" ht="18" customHeight="1" x14ac:dyDescent="0.15">
      <c r="A40" s="5">
        <v>29</v>
      </c>
      <c r="B40" s="22">
        <v>8</v>
      </c>
      <c r="C40" s="14">
        <v>7</v>
      </c>
      <c r="D40" s="18">
        <v>15</v>
      </c>
    </row>
    <row r="41" spans="1:4" ht="18" customHeight="1" x14ac:dyDescent="0.15">
      <c r="A41" s="5" t="s">
        <v>2</v>
      </c>
      <c r="B41" s="22">
        <v>47</v>
      </c>
      <c r="C41" s="14">
        <v>43</v>
      </c>
      <c r="D41" s="18">
        <v>90</v>
      </c>
    </row>
    <row r="42" spans="1:4" ht="18" customHeight="1" x14ac:dyDescent="0.15">
      <c r="A42" s="5">
        <v>30</v>
      </c>
      <c r="B42" s="22">
        <v>13</v>
      </c>
      <c r="C42" s="14">
        <v>11</v>
      </c>
      <c r="D42" s="18">
        <v>24</v>
      </c>
    </row>
    <row r="43" spans="1:4" ht="18" customHeight="1" x14ac:dyDescent="0.15">
      <c r="A43" s="5">
        <v>31</v>
      </c>
      <c r="B43" s="22">
        <v>9</v>
      </c>
      <c r="C43" s="14">
        <v>5</v>
      </c>
      <c r="D43" s="18">
        <v>14</v>
      </c>
    </row>
    <row r="44" spans="1:4" ht="18" customHeight="1" x14ac:dyDescent="0.15">
      <c r="A44" s="5">
        <v>32</v>
      </c>
      <c r="B44" s="22">
        <v>6</v>
      </c>
      <c r="C44" s="14">
        <v>5</v>
      </c>
      <c r="D44" s="18">
        <v>11</v>
      </c>
    </row>
    <row r="45" spans="1:4" ht="18" customHeight="1" x14ac:dyDescent="0.15">
      <c r="A45" s="5">
        <v>33</v>
      </c>
      <c r="B45" s="22">
        <v>10</v>
      </c>
      <c r="C45" s="14">
        <v>9</v>
      </c>
      <c r="D45" s="18">
        <v>19</v>
      </c>
    </row>
    <row r="46" spans="1:4" ht="18" customHeight="1" x14ac:dyDescent="0.15">
      <c r="A46" s="5">
        <v>34</v>
      </c>
      <c r="B46" s="22">
        <v>4</v>
      </c>
      <c r="C46" s="14">
        <v>9</v>
      </c>
      <c r="D46" s="18">
        <v>13</v>
      </c>
    </row>
    <row r="47" spans="1:4" ht="18" customHeight="1" x14ac:dyDescent="0.15">
      <c r="A47" s="5" t="s">
        <v>15</v>
      </c>
      <c r="B47" s="22">
        <v>42</v>
      </c>
      <c r="C47" s="14">
        <v>39</v>
      </c>
      <c r="D47" s="18">
        <v>81</v>
      </c>
    </row>
    <row r="48" spans="1:4" ht="18" customHeight="1" x14ac:dyDescent="0.15">
      <c r="A48" s="5">
        <v>35</v>
      </c>
      <c r="B48" s="22">
        <v>13</v>
      </c>
      <c r="C48" s="14">
        <v>9</v>
      </c>
      <c r="D48" s="18">
        <v>22</v>
      </c>
    </row>
    <row r="49" spans="1:4" ht="18" customHeight="1" x14ac:dyDescent="0.15">
      <c r="A49" s="5">
        <v>36</v>
      </c>
      <c r="B49" s="22">
        <v>4</v>
      </c>
      <c r="C49" s="14">
        <v>6</v>
      </c>
      <c r="D49" s="18">
        <v>10</v>
      </c>
    </row>
    <row r="50" spans="1:4" ht="18" customHeight="1" x14ac:dyDescent="0.15">
      <c r="A50" s="5">
        <v>37</v>
      </c>
      <c r="B50" s="22">
        <v>8</v>
      </c>
      <c r="C50" s="14">
        <v>0</v>
      </c>
      <c r="D50" s="18">
        <v>8</v>
      </c>
    </row>
    <row r="51" spans="1:4" ht="18" customHeight="1" x14ac:dyDescent="0.15">
      <c r="A51" s="5">
        <v>38</v>
      </c>
      <c r="B51" s="22">
        <v>8</v>
      </c>
      <c r="C51" s="14">
        <v>9</v>
      </c>
      <c r="D51" s="18">
        <v>17</v>
      </c>
    </row>
    <row r="52" spans="1:4" ht="18" customHeight="1" x14ac:dyDescent="0.15">
      <c r="A52" s="5">
        <v>39</v>
      </c>
      <c r="B52" s="22">
        <v>12</v>
      </c>
      <c r="C52" s="14">
        <v>6</v>
      </c>
      <c r="D52" s="18">
        <v>18</v>
      </c>
    </row>
    <row r="53" spans="1:4" ht="18" customHeight="1" x14ac:dyDescent="0.15">
      <c r="A53" s="5" t="s">
        <v>18</v>
      </c>
      <c r="B53" s="22">
        <v>45</v>
      </c>
      <c r="C53" s="14">
        <v>30</v>
      </c>
      <c r="D53" s="18">
        <v>75</v>
      </c>
    </row>
    <row r="54" spans="1:4" ht="18" customHeight="1" x14ac:dyDescent="0.15">
      <c r="A54" s="5">
        <v>40</v>
      </c>
      <c r="B54" s="22">
        <v>12</v>
      </c>
      <c r="C54" s="14">
        <v>10</v>
      </c>
      <c r="D54" s="18">
        <v>22</v>
      </c>
    </row>
    <row r="55" spans="1:4" ht="18" customHeight="1" x14ac:dyDescent="0.15">
      <c r="A55" s="5">
        <v>41</v>
      </c>
      <c r="B55" s="22">
        <v>10</v>
      </c>
      <c r="C55" s="14">
        <v>10</v>
      </c>
      <c r="D55" s="18">
        <v>20</v>
      </c>
    </row>
    <row r="56" spans="1:4" ht="18" customHeight="1" x14ac:dyDescent="0.15">
      <c r="A56" s="5">
        <v>42</v>
      </c>
      <c r="B56" s="22">
        <v>8</v>
      </c>
      <c r="C56" s="14">
        <v>11</v>
      </c>
      <c r="D56" s="18">
        <v>19</v>
      </c>
    </row>
    <row r="57" spans="1:4" ht="18" customHeight="1" x14ac:dyDescent="0.15">
      <c r="A57" s="5">
        <v>43</v>
      </c>
      <c r="B57" s="22">
        <v>11</v>
      </c>
      <c r="C57" s="14">
        <v>12</v>
      </c>
      <c r="D57" s="18">
        <v>23</v>
      </c>
    </row>
    <row r="58" spans="1:4" ht="18" customHeight="1" x14ac:dyDescent="0.15">
      <c r="A58" s="5">
        <v>44</v>
      </c>
      <c r="B58" s="22">
        <v>9</v>
      </c>
      <c r="C58" s="14">
        <v>10</v>
      </c>
      <c r="D58" s="18">
        <v>19</v>
      </c>
    </row>
    <row r="59" spans="1:4" ht="18" customHeight="1" x14ac:dyDescent="0.15">
      <c r="A59" s="5" t="s">
        <v>21</v>
      </c>
      <c r="B59" s="22">
        <v>50</v>
      </c>
      <c r="C59" s="14">
        <v>53</v>
      </c>
      <c r="D59" s="18">
        <v>103</v>
      </c>
    </row>
    <row r="60" spans="1:4" ht="18" customHeight="1" x14ac:dyDescent="0.15">
      <c r="A60" s="5">
        <v>45</v>
      </c>
      <c r="B60" s="22">
        <v>10</v>
      </c>
      <c r="C60" s="14">
        <v>12</v>
      </c>
      <c r="D60" s="18">
        <v>22</v>
      </c>
    </row>
    <row r="61" spans="1:4" ht="18" customHeight="1" x14ac:dyDescent="0.15">
      <c r="A61" s="5">
        <v>46</v>
      </c>
      <c r="B61" s="22">
        <v>17</v>
      </c>
      <c r="C61" s="14">
        <v>13</v>
      </c>
      <c r="D61" s="18">
        <v>30</v>
      </c>
    </row>
    <row r="62" spans="1:4" ht="18" customHeight="1" x14ac:dyDescent="0.15">
      <c r="A62" s="5">
        <v>47</v>
      </c>
      <c r="B62" s="22">
        <v>15</v>
      </c>
      <c r="C62" s="14">
        <v>17</v>
      </c>
      <c r="D62" s="18">
        <v>32</v>
      </c>
    </row>
    <row r="63" spans="1:4" ht="18" customHeight="1" x14ac:dyDescent="0.15">
      <c r="A63" s="5">
        <v>48</v>
      </c>
      <c r="B63" s="22">
        <v>18</v>
      </c>
      <c r="C63" s="14">
        <v>15</v>
      </c>
      <c r="D63" s="18">
        <v>33</v>
      </c>
    </row>
    <row r="64" spans="1:4" ht="18" customHeight="1" x14ac:dyDescent="0.15">
      <c r="A64" s="5">
        <v>49</v>
      </c>
      <c r="B64" s="22">
        <v>19</v>
      </c>
      <c r="C64" s="14">
        <v>24</v>
      </c>
      <c r="D64" s="18">
        <v>43</v>
      </c>
    </row>
    <row r="65" spans="1:4" ht="18" customHeight="1" x14ac:dyDescent="0.15">
      <c r="A65" s="5" t="s">
        <v>17</v>
      </c>
      <c r="B65" s="22">
        <v>79</v>
      </c>
      <c r="C65" s="14">
        <v>81</v>
      </c>
      <c r="D65" s="18">
        <v>160</v>
      </c>
    </row>
    <row r="66" spans="1:4" ht="18" customHeight="1" x14ac:dyDescent="0.15">
      <c r="A66" s="5">
        <v>50</v>
      </c>
      <c r="B66" s="22">
        <v>19</v>
      </c>
      <c r="C66" s="14">
        <v>18</v>
      </c>
      <c r="D66" s="18">
        <v>37</v>
      </c>
    </row>
    <row r="67" spans="1:4" ht="18" customHeight="1" x14ac:dyDescent="0.15">
      <c r="A67" s="5">
        <v>51</v>
      </c>
      <c r="B67" s="22">
        <v>17</v>
      </c>
      <c r="C67" s="14">
        <v>18</v>
      </c>
      <c r="D67" s="18">
        <v>35</v>
      </c>
    </row>
    <row r="68" spans="1:4" ht="18" customHeight="1" x14ac:dyDescent="0.15">
      <c r="A68" s="5">
        <v>52</v>
      </c>
      <c r="B68" s="22">
        <v>14</v>
      </c>
      <c r="C68" s="14">
        <v>21</v>
      </c>
      <c r="D68" s="18">
        <v>35</v>
      </c>
    </row>
    <row r="69" spans="1:4" ht="18" customHeight="1" x14ac:dyDescent="0.15">
      <c r="A69" s="5">
        <v>53</v>
      </c>
      <c r="B69" s="22">
        <v>16</v>
      </c>
      <c r="C69" s="14">
        <v>18</v>
      </c>
      <c r="D69" s="18">
        <v>34</v>
      </c>
    </row>
    <row r="70" spans="1:4" ht="18" customHeight="1" x14ac:dyDescent="0.15">
      <c r="A70" s="5">
        <v>54</v>
      </c>
      <c r="B70" s="22">
        <v>17</v>
      </c>
      <c r="C70" s="14">
        <v>14</v>
      </c>
      <c r="D70" s="18">
        <v>31</v>
      </c>
    </row>
    <row r="71" spans="1:4" ht="18" customHeight="1" x14ac:dyDescent="0.15">
      <c r="A71" s="5" t="s">
        <v>22</v>
      </c>
      <c r="B71" s="22">
        <v>83</v>
      </c>
      <c r="C71" s="14">
        <v>89</v>
      </c>
      <c r="D71" s="18">
        <v>172</v>
      </c>
    </row>
    <row r="72" spans="1:4" ht="18" customHeight="1" x14ac:dyDescent="0.15">
      <c r="A72" s="5">
        <v>55</v>
      </c>
      <c r="B72" s="22">
        <v>17</v>
      </c>
      <c r="C72" s="14">
        <v>18</v>
      </c>
      <c r="D72" s="18">
        <v>35</v>
      </c>
    </row>
    <row r="73" spans="1:4" ht="18" customHeight="1" x14ac:dyDescent="0.15">
      <c r="A73" s="5">
        <v>56</v>
      </c>
      <c r="B73" s="22">
        <v>14</v>
      </c>
      <c r="C73" s="14">
        <v>14</v>
      </c>
      <c r="D73" s="18">
        <v>28</v>
      </c>
    </row>
    <row r="74" spans="1:4" ht="18" customHeight="1" x14ac:dyDescent="0.15">
      <c r="A74" s="5">
        <v>57</v>
      </c>
      <c r="B74" s="22">
        <v>18</v>
      </c>
      <c r="C74" s="14">
        <v>12</v>
      </c>
      <c r="D74" s="18">
        <v>30</v>
      </c>
    </row>
    <row r="75" spans="1:4" ht="18" customHeight="1" x14ac:dyDescent="0.15">
      <c r="A75" s="5">
        <v>58</v>
      </c>
      <c r="B75" s="22">
        <v>23</v>
      </c>
      <c r="C75" s="14">
        <v>16</v>
      </c>
      <c r="D75" s="18">
        <v>39</v>
      </c>
    </row>
    <row r="76" spans="1:4" ht="18" customHeight="1" x14ac:dyDescent="0.15">
      <c r="A76" s="5">
        <v>59</v>
      </c>
      <c r="B76" s="22">
        <v>11</v>
      </c>
      <c r="C76" s="14">
        <v>15</v>
      </c>
      <c r="D76" s="18">
        <v>26</v>
      </c>
    </row>
    <row r="77" spans="1:4" ht="18" customHeight="1" x14ac:dyDescent="0.15">
      <c r="A77" s="5" t="s">
        <v>27</v>
      </c>
      <c r="B77" s="22">
        <v>83</v>
      </c>
      <c r="C77" s="14">
        <v>75</v>
      </c>
      <c r="D77" s="18">
        <v>158</v>
      </c>
    </row>
    <row r="78" spans="1:4" ht="18" customHeight="1" x14ac:dyDescent="0.15">
      <c r="A78" s="5">
        <v>60</v>
      </c>
      <c r="B78" s="22">
        <v>7</v>
      </c>
      <c r="C78" s="14">
        <v>17</v>
      </c>
      <c r="D78" s="18">
        <v>24</v>
      </c>
    </row>
    <row r="79" spans="1:4" ht="18" customHeight="1" x14ac:dyDescent="0.15">
      <c r="A79" s="5">
        <v>61</v>
      </c>
      <c r="B79" s="22">
        <v>9</v>
      </c>
      <c r="C79" s="14">
        <v>15</v>
      </c>
      <c r="D79" s="18">
        <v>24</v>
      </c>
    </row>
    <row r="80" spans="1:4" ht="18" customHeight="1" x14ac:dyDescent="0.15">
      <c r="A80" s="5">
        <v>62</v>
      </c>
      <c r="B80" s="22">
        <v>12</v>
      </c>
      <c r="C80" s="14">
        <v>16</v>
      </c>
      <c r="D80" s="18">
        <v>28</v>
      </c>
    </row>
    <row r="81" spans="1:4" ht="18" customHeight="1" x14ac:dyDescent="0.15">
      <c r="A81" s="5">
        <v>63</v>
      </c>
      <c r="B81" s="22">
        <v>10</v>
      </c>
      <c r="C81" s="14">
        <v>11</v>
      </c>
      <c r="D81" s="18">
        <v>21</v>
      </c>
    </row>
    <row r="82" spans="1:4" ht="18" customHeight="1" x14ac:dyDescent="0.15">
      <c r="A82" s="5">
        <v>64</v>
      </c>
      <c r="B82" s="22">
        <v>11</v>
      </c>
      <c r="C82" s="14">
        <v>12</v>
      </c>
      <c r="D82" s="18">
        <v>23</v>
      </c>
    </row>
    <row r="83" spans="1:4" ht="18" customHeight="1" x14ac:dyDescent="0.15">
      <c r="A83" s="5" t="s">
        <v>28</v>
      </c>
      <c r="B83" s="22">
        <v>49</v>
      </c>
      <c r="C83" s="14">
        <v>71</v>
      </c>
      <c r="D83" s="18">
        <v>120</v>
      </c>
    </row>
    <row r="84" spans="1:4" ht="18" customHeight="1" x14ac:dyDescent="0.15">
      <c r="A84" s="5" t="s">
        <v>31</v>
      </c>
      <c r="B84" s="22">
        <v>545</v>
      </c>
      <c r="C84" s="14">
        <v>563</v>
      </c>
      <c r="D84" s="18">
        <v>1108</v>
      </c>
    </row>
    <row r="85" spans="1:4" ht="18" customHeight="1" x14ac:dyDescent="0.15">
      <c r="A85" s="5">
        <v>65</v>
      </c>
      <c r="B85" s="22">
        <v>10</v>
      </c>
      <c r="C85" s="14">
        <v>12</v>
      </c>
      <c r="D85" s="18">
        <v>22</v>
      </c>
    </row>
    <row r="86" spans="1:4" ht="18" customHeight="1" x14ac:dyDescent="0.15">
      <c r="A86" s="5">
        <v>66</v>
      </c>
      <c r="B86" s="22">
        <v>12</v>
      </c>
      <c r="C86" s="14">
        <v>9</v>
      </c>
      <c r="D86" s="18">
        <v>21</v>
      </c>
    </row>
    <row r="87" spans="1:4" ht="18" customHeight="1" x14ac:dyDescent="0.15">
      <c r="A87" s="5">
        <v>67</v>
      </c>
      <c r="B87" s="22">
        <v>8</v>
      </c>
      <c r="C87" s="14">
        <v>10</v>
      </c>
      <c r="D87" s="18">
        <v>18</v>
      </c>
    </row>
    <row r="88" spans="1:4" ht="18" customHeight="1" x14ac:dyDescent="0.15">
      <c r="A88" s="5">
        <v>68</v>
      </c>
      <c r="B88" s="22">
        <v>11</v>
      </c>
      <c r="C88" s="14">
        <v>16</v>
      </c>
      <c r="D88" s="18">
        <v>27</v>
      </c>
    </row>
    <row r="89" spans="1:4" ht="18" customHeight="1" x14ac:dyDescent="0.15">
      <c r="A89" s="5">
        <v>69</v>
      </c>
      <c r="B89" s="22">
        <v>11</v>
      </c>
      <c r="C89" s="14">
        <v>7</v>
      </c>
      <c r="D89" s="18">
        <v>18</v>
      </c>
    </row>
    <row r="90" spans="1:4" ht="18" customHeight="1" x14ac:dyDescent="0.15">
      <c r="A90" s="5" t="s">
        <v>20</v>
      </c>
      <c r="B90" s="22">
        <v>52</v>
      </c>
      <c r="C90" s="14">
        <v>54</v>
      </c>
      <c r="D90" s="18">
        <v>106</v>
      </c>
    </row>
    <row r="91" spans="1:4" ht="18" customHeight="1" x14ac:dyDescent="0.15">
      <c r="A91" s="5">
        <v>70</v>
      </c>
      <c r="B91" s="22">
        <v>10</v>
      </c>
      <c r="C91" s="14">
        <v>16</v>
      </c>
      <c r="D91" s="18">
        <v>26</v>
      </c>
    </row>
    <row r="92" spans="1:4" ht="18" customHeight="1" x14ac:dyDescent="0.15">
      <c r="A92" s="5">
        <v>71</v>
      </c>
      <c r="B92" s="22">
        <v>11</v>
      </c>
      <c r="C92" s="14">
        <v>9</v>
      </c>
      <c r="D92" s="18">
        <v>20</v>
      </c>
    </row>
    <row r="93" spans="1:4" ht="18" customHeight="1" x14ac:dyDescent="0.15">
      <c r="A93" s="5">
        <v>72</v>
      </c>
      <c r="B93" s="22">
        <v>5</v>
      </c>
      <c r="C93" s="14">
        <v>10</v>
      </c>
      <c r="D93" s="18">
        <v>15</v>
      </c>
    </row>
    <row r="94" spans="1:4" ht="18" customHeight="1" x14ac:dyDescent="0.15">
      <c r="A94" s="5">
        <v>73</v>
      </c>
      <c r="B94" s="22">
        <v>10</v>
      </c>
      <c r="C94" s="14">
        <v>14</v>
      </c>
      <c r="D94" s="18">
        <v>24</v>
      </c>
    </row>
    <row r="95" spans="1:4" ht="18" customHeight="1" x14ac:dyDescent="0.15">
      <c r="A95" s="5">
        <v>74</v>
      </c>
      <c r="B95" s="22">
        <v>11</v>
      </c>
      <c r="C95" s="14">
        <v>8</v>
      </c>
      <c r="D95" s="18">
        <v>19</v>
      </c>
    </row>
    <row r="96" spans="1:4" ht="18" customHeight="1" x14ac:dyDescent="0.15">
      <c r="A96" s="5" t="s">
        <v>33</v>
      </c>
      <c r="B96" s="22">
        <v>47</v>
      </c>
      <c r="C96" s="14">
        <v>57</v>
      </c>
      <c r="D96" s="18">
        <v>104</v>
      </c>
    </row>
    <row r="97" spans="1:4" ht="18" customHeight="1" x14ac:dyDescent="0.15">
      <c r="A97" s="5">
        <v>75</v>
      </c>
      <c r="B97" s="22">
        <v>10</v>
      </c>
      <c r="C97" s="14">
        <v>12</v>
      </c>
      <c r="D97" s="18">
        <v>22</v>
      </c>
    </row>
    <row r="98" spans="1:4" ht="18" customHeight="1" x14ac:dyDescent="0.15">
      <c r="A98" s="5">
        <v>76</v>
      </c>
      <c r="B98" s="22">
        <v>13</v>
      </c>
      <c r="C98" s="14">
        <v>14</v>
      </c>
      <c r="D98" s="18">
        <v>27</v>
      </c>
    </row>
    <row r="99" spans="1:4" ht="18" customHeight="1" x14ac:dyDescent="0.15">
      <c r="A99" s="5">
        <v>77</v>
      </c>
      <c r="B99" s="22">
        <v>9</v>
      </c>
      <c r="C99" s="14">
        <v>15</v>
      </c>
      <c r="D99" s="18">
        <v>24</v>
      </c>
    </row>
    <row r="100" spans="1:4" ht="18" customHeight="1" x14ac:dyDescent="0.15">
      <c r="A100" s="5">
        <v>78</v>
      </c>
      <c r="B100" s="22">
        <v>12</v>
      </c>
      <c r="C100" s="14">
        <v>14</v>
      </c>
      <c r="D100" s="18">
        <v>26</v>
      </c>
    </row>
    <row r="101" spans="1:4" ht="18" customHeight="1" x14ac:dyDescent="0.15">
      <c r="A101" s="5">
        <v>79</v>
      </c>
      <c r="B101" s="22">
        <v>9</v>
      </c>
      <c r="C101" s="14">
        <v>14</v>
      </c>
      <c r="D101" s="18">
        <v>23</v>
      </c>
    </row>
    <row r="102" spans="1:4" ht="18" customHeight="1" x14ac:dyDescent="0.15">
      <c r="A102" s="5" t="s">
        <v>0</v>
      </c>
      <c r="B102" s="22">
        <v>53</v>
      </c>
      <c r="C102" s="14">
        <v>69</v>
      </c>
      <c r="D102" s="18">
        <v>122</v>
      </c>
    </row>
    <row r="103" spans="1:4" ht="18" customHeight="1" x14ac:dyDescent="0.15">
      <c r="A103" s="5">
        <v>80</v>
      </c>
      <c r="B103" s="22">
        <v>4</v>
      </c>
      <c r="C103" s="14">
        <v>10</v>
      </c>
      <c r="D103" s="18">
        <v>14</v>
      </c>
    </row>
    <row r="104" spans="1:4" ht="18" customHeight="1" x14ac:dyDescent="0.15">
      <c r="A104" s="5">
        <v>81</v>
      </c>
      <c r="B104" s="22">
        <v>5</v>
      </c>
      <c r="C104" s="14">
        <v>9</v>
      </c>
      <c r="D104" s="18">
        <v>14</v>
      </c>
    </row>
    <row r="105" spans="1:4" ht="18" customHeight="1" x14ac:dyDescent="0.15">
      <c r="A105" s="5">
        <v>82</v>
      </c>
      <c r="B105" s="22">
        <v>6</v>
      </c>
      <c r="C105" s="14">
        <v>11</v>
      </c>
      <c r="D105" s="18">
        <v>17</v>
      </c>
    </row>
    <row r="106" spans="1:4" ht="18" customHeight="1" x14ac:dyDescent="0.15">
      <c r="A106" s="5">
        <v>83</v>
      </c>
      <c r="B106" s="22">
        <v>5</v>
      </c>
      <c r="C106" s="14">
        <v>12</v>
      </c>
      <c r="D106" s="18">
        <v>17</v>
      </c>
    </row>
    <row r="107" spans="1:4" ht="18" customHeight="1" x14ac:dyDescent="0.15">
      <c r="A107" s="5">
        <v>84</v>
      </c>
      <c r="B107" s="22">
        <v>8</v>
      </c>
      <c r="C107" s="14">
        <v>17</v>
      </c>
      <c r="D107" s="18">
        <v>25</v>
      </c>
    </row>
    <row r="108" spans="1:4" ht="18" customHeight="1" x14ac:dyDescent="0.15">
      <c r="A108" s="5" t="s">
        <v>35</v>
      </c>
      <c r="B108" s="22">
        <v>28</v>
      </c>
      <c r="C108" s="14">
        <v>59</v>
      </c>
      <c r="D108" s="18">
        <v>87</v>
      </c>
    </row>
    <row r="109" spans="1:4" ht="18" customHeight="1" x14ac:dyDescent="0.15">
      <c r="A109" s="5">
        <v>85</v>
      </c>
      <c r="B109" s="22">
        <v>5</v>
      </c>
      <c r="C109" s="14">
        <v>16</v>
      </c>
      <c r="D109" s="18">
        <v>21</v>
      </c>
    </row>
    <row r="110" spans="1:4" ht="18" customHeight="1" x14ac:dyDescent="0.15">
      <c r="A110" s="5">
        <v>86</v>
      </c>
      <c r="B110" s="22">
        <v>5</v>
      </c>
      <c r="C110" s="14">
        <v>12</v>
      </c>
      <c r="D110" s="18">
        <v>17</v>
      </c>
    </row>
    <row r="111" spans="1:4" ht="18" customHeight="1" x14ac:dyDescent="0.15">
      <c r="A111" s="5">
        <v>87</v>
      </c>
      <c r="B111" s="22">
        <v>6</v>
      </c>
      <c r="C111" s="14">
        <v>6</v>
      </c>
      <c r="D111" s="18">
        <v>12</v>
      </c>
    </row>
    <row r="112" spans="1:4" ht="18" customHeight="1" x14ac:dyDescent="0.15">
      <c r="A112" s="5">
        <v>88</v>
      </c>
      <c r="B112" s="22">
        <v>5</v>
      </c>
      <c r="C112" s="14">
        <v>4</v>
      </c>
      <c r="D112" s="18">
        <v>9</v>
      </c>
    </row>
    <row r="113" spans="1:4" ht="18" customHeight="1" x14ac:dyDescent="0.15">
      <c r="A113" s="5">
        <v>89</v>
      </c>
      <c r="B113" s="22">
        <v>6</v>
      </c>
      <c r="C113" s="14">
        <v>4</v>
      </c>
      <c r="D113" s="18">
        <v>10</v>
      </c>
    </row>
    <row r="114" spans="1:4" ht="18" customHeight="1" x14ac:dyDescent="0.15">
      <c r="A114" s="5" t="s">
        <v>37</v>
      </c>
      <c r="B114" s="22">
        <v>27</v>
      </c>
      <c r="C114" s="14">
        <v>42</v>
      </c>
      <c r="D114" s="18">
        <v>69</v>
      </c>
    </row>
    <row r="115" spans="1:4" ht="18" customHeight="1" x14ac:dyDescent="0.15">
      <c r="A115" s="5">
        <v>90</v>
      </c>
      <c r="B115" s="22">
        <v>1</v>
      </c>
      <c r="C115" s="14">
        <v>7</v>
      </c>
      <c r="D115" s="18">
        <v>8</v>
      </c>
    </row>
    <row r="116" spans="1:4" ht="18" customHeight="1" x14ac:dyDescent="0.15">
      <c r="A116" s="5">
        <v>91</v>
      </c>
      <c r="B116" s="22">
        <v>3</v>
      </c>
      <c r="C116" s="14">
        <v>3</v>
      </c>
      <c r="D116" s="18">
        <v>6</v>
      </c>
    </row>
    <row r="117" spans="1:4" ht="18" customHeight="1" x14ac:dyDescent="0.15">
      <c r="A117" s="5">
        <v>92</v>
      </c>
      <c r="B117" s="22">
        <v>4</v>
      </c>
      <c r="C117" s="14">
        <v>8</v>
      </c>
      <c r="D117" s="18">
        <v>12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8</v>
      </c>
      <c r="C120" s="14">
        <v>27</v>
      </c>
      <c r="D120" s="18">
        <v>3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217</v>
      </c>
      <c r="C130" s="14">
        <v>324</v>
      </c>
      <c r="D130" s="18">
        <v>541</v>
      </c>
    </row>
    <row r="131" spans="1:4" ht="18" customHeight="1" x14ac:dyDescent="0.15">
      <c r="A131" s="7" t="s">
        <v>45</v>
      </c>
      <c r="B131" s="23">
        <v>830</v>
      </c>
      <c r="C131" s="15">
        <v>944</v>
      </c>
      <c r="D131" s="19">
        <v>17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8</v>
      </c>
      <c r="C5" s="13">
        <v>27</v>
      </c>
      <c r="D5" s="17">
        <v>55</v>
      </c>
    </row>
    <row r="6" spans="1:4" ht="18" customHeight="1" x14ac:dyDescent="0.15">
      <c r="A6" s="5">
        <v>1</v>
      </c>
      <c r="B6" s="22">
        <v>30</v>
      </c>
      <c r="C6" s="14">
        <v>22</v>
      </c>
      <c r="D6" s="18">
        <v>52</v>
      </c>
    </row>
    <row r="7" spans="1:4" ht="18" customHeight="1" x14ac:dyDescent="0.15">
      <c r="A7" s="5">
        <v>2</v>
      </c>
      <c r="B7" s="22">
        <v>23</v>
      </c>
      <c r="C7" s="14">
        <v>24</v>
      </c>
      <c r="D7" s="18">
        <v>47</v>
      </c>
    </row>
    <row r="8" spans="1:4" ht="18" customHeight="1" x14ac:dyDescent="0.15">
      <c r="A8" s="5">
        <v>3</v>
      </c>
      <c r="B8" s="22">
        <v>28</v>
      </c>
      <c r="C8" s="14">
        <v>31</v>
      </c>
      <c r="D8" s="18">
        <v>59</v>
      </c>
    </row>
    <row r="9" spans="1:4" ht="18" customHeight="1" x14ac:dyDescent="0.15">
      <c r="A9" s="5">
        <v>4</v>
      </c>
      <c r="B9" s="22">
        <v>38</v>
      </c>
      <c r="C9" s="14">
        <v>43</v>
      </c>
      <c r="D9" s="18">
        <v>81</v>
      </c>
    </row>
    <row r="10" spans="1:4" ht="18" customHeight="1" x14ac:dyDescent="0.15">
      <c r="A10" s="5" t="s">
        <v>7</v>
      </c>
      <c r="B10" s="22">
        <v>147</v>
      </c>
      <c r="C10" s="14">
        <v>147</v>
      </c>
      <c r="D10" s="18">
        <v>294</v>
      </c>
    </row>
    <row r="11" spans="1:4" ht="18" customHeight="1" x14ac:dyDescent="0.15">
      <c r="A11" s="5">
        <v>5</v>
      </c>
      <c r="B11" s="22">
        <v>37</v>
      </c>
      <c r="C11" s="14">
        <v>28</v>
      </c>
      <c r="D11" s="18">
        <v>65</v>
      </c>
    </row>
    <row r="12" spans="1:4" ht="18" customHeight="1" x14ac:dyDescent="0.15">
      <c r="A12" s="5">
        <v>6</v>
      </c>
      <c r="B12" s="22">
        <v>41</v>
      </c>
      <c r="C12" s="14">
        <v>37</v>
      </c>
      <c r="D12" s="18">
        <v>78</v>
      </c>
    </row>
    <row r="13" spans="1:4" ht="18" customHeight="1" x14ac:dyDescent="0.15">
      <c r="A13" s="5">
        <v>7</v>
      </c>
      <c r="B13" s="22">
        <v>28</v>
      </c>
      <c r="C13" s="14">
        <v>35</v>
      </c>
      <c r="D13" s="18">
        <v>63</v>
      </c>
    </row>
    <row r="14" spans="1:4" ht="18" customHeight="1" x14ac:dyDescent="0.15">
      <c r="A14" s="5">
        <v>8</v>
      </c>
      <c r="B14" s="22">
        <v>36</v>
      </c>
      <c r="C14" s="14">
        <v>31</v>
      </c>
      <c r="D14" s="18">
        <v>67</v>
      </c>
    </row>
    <row r="15" spans="1:4" ht="18" customHeight="1" x14ac:dyDescent="0.15">
      <c r="A15" s="5">
        <v>9</v>
      </c>
      <c r="B15" s="22">
        <v>34</v>
      </c>
      <c r="C15" s="14">
        <v>38</v>
      </c>
      <c r="D15" s="18">
        <v>72</v>
      </c>
    </row>
    <row r="16" spans="1:4" ht="18" customHeight="1" x14ac:dyDescent="0.15">
      <c r="A16" s="5" t="s">
        <v>11</v>
      </c>
      <c r="B16" s="22">
        <v>176</v>
      </c>
      <c r="C16" s="14">
        <v>169</v>
      </c>
      <c r="D16" s="18">
        <v>345</v>
      </c>
    </row>
    <row r="17" spans="1:4" ht="18" customHeight="1" x14ac:dyDescent="0.15">
      <c r="A17" s="5">
        <v>10</v>
      </c>
      <c r="B17" s="22">
        <v>39</v>
      </c>
      <c r="C17" s="14">
        <v>46</v>
      </c>
      <c r="D17" s="18">
        <v>85</v>
      </c>
    </row>
    <row r="18" spans="1:4" ht="18" customHeight="1" x14ac:dyDescent="0.15">
      <c r="A18" s="5">
        <v>11</v>
      </c>
      <c r="B18" s="22">
        <v>37</v>
      </c>
      <c r="C18" s="14">
        <v>34</v>
      </c>
      <c r="D18" s="18">
        <v>71</v>
      </c>
    </row>
    <row r="19" spans="1:4" ht="18" customHeight="1" x14ac:dyDescent="0.15">
      <c r="A19" s="5">
        <v>12</v>
      </c>
      <c r="B19" s="22">
        <v>35</v>
      </c>
      <c r="C19" s="14">
        <v>31</v>
      </c>
      <c r="D19" s="18">
        <v>66</v>
      </c>
    </row>
    <row r="20" spans="1:4" ht="18" customHeight="1" x14ac:dyDescent="0.15">
      <c r="A20" s="5">
        <v>13</v>
      </c>
      <c r="B20" s="22">
        <v>35</v>
      </c>
      <c r="C20" s="14">
        <v>41</v>
      </c>
      <c r="D20" s="18">
        <v>76</v>
      </c>
    </row>
    <row r="21" spans="1:4" ht="18" customHeight="1" x14ac:dyDescent="0.15">
      <c r="A21" s="5">
        <v>14</v>
      </c>
      <c r="B21" s="22">
        <v>51</v>
      </c>
      <c r="C21" s="14">
        <v>30</v>
      </c>
      <c r="D21" s="18">
        <v>81</v>
      </c>
    </row>
    <row r="22" spans="1:4" ht="18" customHeight="1" x14ac:dyDescent="0.15">
      <c r="A22" s="5" t="s">
        <v>12</v>
      </c>
      <c r="B22" s="22">
        <v>197</v>
      </c>
      <c r="C22" s="14">
        <v>182</v>
      </c>
      <c r="D22" s="18">
        <v>379</v>
      </c>
    </row>
    <row r="23" spans="1:4" ht="18" customHeight="1" x14ac:dyDescent="0.15">
      <c r="A23" s="5" t="s">
        <v>6</v>
      </c>
      <c r="B23" s="22">
        <v>520</v>
      </c>
      <c r="C23" s="14">
        <v>498</v>
      </c>
      <c r="D23" s="18">
        <v>1018</v>
      </c>
    </row>
    <row r="24" spans="1:4" ht="18" customHeight="1" x14ac:dyDescent="0.15">
      <c r="A24" s="5">
        <v>15</v>
      </c>
      <c r="B24" s="22">
        <v>42</v>
      </c>
      <c r="C24" s="14">
        <v>39</v>
      </c>
      <c r="D24" s="18">
        <v>81</v>
      </c>
    </row>
    <row r="25" spans="1:4" ht="18" customHeight="1" x14ac:dyDescent="0.15">
      <c r="A25" s="5">
        <v>16</v>
      </c>
      <c r="B25" s="22">
        <v>42</v>
      </c>
      <c r="C25" s="14">
        <v>43</v>
      </c>
      <c r="D25" s="18">
        <v>85</v>
      </c>
    </row>
    <row r="26" spans="1:4" ht="18" customHeight="1" x14ac:dyDescent="0.15">
      <c r="A26" s="5">
        <v>17</v>
      </c>
      <c r="B26" s="22">
        <v>47</v>
      </c>
      <c r="C26" s="14">
        <v>38</v>
      </c>
      <c r="D26" s="18">
        <v>85</v>
      </c>
    </row>
    <row r="27" spans="1:4" ht="18" customHeight="1" x14ac:dyDescent="0.15">
      <c r="A27" s="5">
        <v>18</v>
      </c>
      <c r="B27" s="22">
        <v>43</v>
      </c>
      <c r="C27" s="14">
        <v>34</v>
      </c>
      <c r="D27" s="18">
        <v>77</v>
      </c>
    </row>
    <row r="28" spans="1:4" ht="18" customHeight="1" x14ac:dyDescent="0.15">
      <c r="A28" s="5">
        <v>19</v>
      </c>
      <c r="B28" s="22">
        <v>36</v>
      </c>
      <c r="C28" s="14">
        <v>42</v>
      </c>
      <c r="D28" s="18">
        <v>78</v>
      </c>
    </row>
    <row r="29" spans="1:4" ht="18" customHeight="1" x14ac:dyDescent="0.15">
      <c r="A29" s="5" t="s">
        <v>14</v>
      </c>
      <c r="B29" s="22">
        <v>210</v>
      </c>
      <c r="C29" s="14">
        <v>196</v>
      </c>
      <c r="D29" s="18">
        <v>406</v>
      </c>
    </row>
    <row r="30" spans="1:4" ht="18" customHeight="1" x14ac:dyDescent="0.15">
      <c r="A30" s="5">
        <v>20</v>
      </c>
      <c r="B30" s="22">
        <v>39</v>
      </c>
      <c r="C30" s="14">
        <v>31</v>
      </c>
      <c r="D30" s="18">
        <v>70</v>
      </c>
    </row>
    <row r="31" spans="1:4" ht="18" customHeight="1" x14ac:dyDescent="0.15">
      <c r="A31" s="5">
        <v>21</v>
      </c>
      <c r="B31" s="22">
        <v>53</v>
      </c>
      <c r="C31" s="14">
        <v>42</v>
      </c>
      <c r="D31" s="18">
        <v>95</v>
      </c>
    </row>
    <row r="32" spans="1:4" ht="18" customHeight="1" x14ac:dyDescent="0.15">
      <c r="A32" s="5">
        <v>22</v>
      </c>
      <c r="B32" s="22">
        <v>64</v>
      </c>
      <c r="C32" s="14">
        <v>47</v>
      </c>
      <c r="D32" s="18">
        <v>111</v>
      </c>
    </row>
    <row r="33" spans="1:4" ht="18" customHeight="1" x14ac:dyDescent="0.15">
      <c r="A33" s="5">
        <v>23</v>
      </c>
      <c r="B33" s="22">
        <v>60</v>
      </c>
      <c r="C33" s="14">
        <v>25</v>
      </c>
      <c r="D33" s="18">
        <v>85</v>
      </c>
    </row>
    <row r="34" spans="1:4" ht="18" customHeight="1" x14ac:dyDescent="0.15">
      <c r="A34" s="5">
        <v>24</v>
      </c>
      <c r="B34" s="22">
        <v>66</v>
      </c>
      <c r="C34" s="14">
        <v>53</v>
      </c>
      <c r="D34" s="18">
        <v>119</v>
      </c>
    </row>
    <row r="35" spans="1:4" ht="18" customHeight="1" x14ac:dyDescent="0.15">
      <c r="A35" s="5" t="s">
        <v>9</v>
      </c>
      <c r="B35" s="22">
        <v>282</v>
      </c>
      <c r="C35" s="14">
        <v>198</v>
      </c>
      <c r="D35" s="18">
        <v>480</v>
      </c>
    </row>
    <row r="36" spans="1:4" ht="18" customHeight="1" x14ac:dyDescent="0.15">
      <c r="A36" s="5">
        <v>25</v>
      </c>
      <c r="B36" s="22">
        <v>69</v>
      </c>
      <c r="C36" s="14">
        <v>41</v>
      </c>
      <c r="D36" s="18">
        <v>110</v>
      </c>
    </row>
    <row r="37" spans="1:4" ht="18" customHeight="1" x14ac:dyDescent="0.15">
      <c r="A37" s="5">
        <v>26</v>
      </c>
      <c r="B37" s="22">
        <v>77</v>
      </c>
      <c r="C37" s="14">
        <v>48</v>
      </c>
      <c r="D37" s="18">
        <v>125</v>
      </c>
    </row>
    <row r="38" spans="1:4" ht="18" customHeight="1" x14ac:dyDescent="0.15">
      <c r="A38" s="5">
        <v>27</v>
      </c>
      <c r="B38" s="22">
        <v>52</v>
      </c>
      <c r="C38" s="14">
        <v>52</v>
      </c>
      <c r="D38" s="18">
        <v>104</v>
      </c>
    </row>
    <row r="39" spans="1:4" ht="18" customHeight="1" x14ac:dyDescent="0.15">
      <c r="A39" s="5">
        <v>28</v>
      </c>
      <c r="B39" s="22">
        <v>68</v>
      </c>
      <c r="C39" s="14">
        <v>50</v>
      </c>
      <c r="D39" s="18">
        <v>118</v>
      </c>
    </row>
    <row r="40" spans="1:4" ht="18" customHeight="1" x14ac:dyDescent="0.15">
      <c r="A40" s="5">
        <v>29</v>
      </c>
      <c r="B40" s="22">
        <v>47</v>
      </c>
      <c r="C40" s="14">
        <v>36</v>
      </c>
      <c r="D40" s="18">
        <v>83</v>
      </c>
    </row>
    <row r="41" spans="1:4" ht="18" customHeight="1" x14ac:dyDescent="0.15">
      <c r="A41" s="5" t="s">
        <v>2</v>
      </c>
      <c r="B41" s="22">
        <v>313</v>
      </c>
      <c r="C41" s="14">
        <v>227</v>
      </c>
      <c r="D41" s="18">
        <v>540</v>
      </c>
    </row>
    <row r="42" spans="1:4" ht="18" customHeight="1" x14ac:dyDescent="0.15">
      <c r="A42" s="5">
        <v>30</v>
      </c>
      <c r="B42" s="22">
        <v>59</v>
      </c>
      <c r="C42" s="14">
        <v>59</v>
      </c>
      <c r="D42" s="18">
        <v>118</v>
      </c>
    </row>
    <row r="43" spans="1:4" ht="18" customHeight="1" x14ac:dyDescent="0.15">
      <c r="A43" s="5">
        <v>31</v>
      </c>
      <c r="B43" s="22">
        <v>60</v>
      </c>
      <c r="C43" s="14">
        <v>53</v>
      </c>
      <c r="D43" s="18">
        <v>113</v>
      </c>
    </row>
    <row r="44" spans="1:4" ht="18" customHeight="1" x14ac:dyDescent="0.15">
      <c r="A44" s="5">
        <v>32</v>
      </c>
      <c r="B44" s="22">
        <v>61</v>
      </c>
      <c r="C44" s="14">
        <v>55</v>
      </c>
      <c r="D44" s="18">
        <v>116</v>
      </c>
    </row>
    <row r="45" spans="1:4" ht="18" customHeight="1" x14ac:dyDescent="0.15">
      <c r="A45" s="5">
        <v>33</v>
      </c>
      <c r="B45" s="22">
        <v>50</v>
      </c>
      <c r="C45" s="14">
        <v>36</v>
      </c>
      <c r="D45" s="18">
        <v>86</v>
      </c>
    </row>
    <row r="46" spans="1:4" ht="18" customHeight="1" x14ac:dyDescent="0.15">
      <c r="A46" s="5">
        <v>34</v>
      </c>
      <c r="B46" s="22">
        <v>44</v>
      </c>
      <c r="C46" s="14">
        <v>47</v>
      </c>
      <c r="D46" s="18">
        <v>91</v>
      </c>
    </row>
    <row r="47" spans="1:4" ht="18" customHeight="1" x14ac:dyDescent="0.15">
      <c r="A47" s="5" t="s">
        <v>15</v>
      </c>
      <c r="B47" s="22">
        <v>274</v>
      </c>
      <c r="C47" s="14">
        <v>250</v>
      </c>
      <c r="D47" s="18">
        <v>524</v>
      </c>
    </row>
    <row r="48" spans="1:4" ht="18" customHeight="1" x14ac:dyDescent="0.15">
      <c r="A48" s="5">
        <v>35</v>
      </c>
      <c r="B48" s="22">
        <v>59</v>
      </c>
      <c r="C48" s="14">
        <v>63</v>
      </c>
      <c r="D48" s="18">
        <v>122</v>
      </c>
    </row>
    <row r="49" spans="1:4" ht="18" customHeight="1" x14ac:dyDescent="0.15">
      <c r="A49" s="5">
        <v>36</v>
      </c>
      <c r="B49" s="22">
        <v>55</v>
      </c>
      <c r="C49" s="14">
        <v>47</v>
      </c>
      <c r="D49" s="18">
        <v>102</v>
      </c>
    </row>
    <row r="50" spans="1:4" ht="18" customHeight="1" x14ac:dyDescent="0.15">
      <c r="A50" s="5">
        <v>37</v>
      </c>
      <c r="B50" s="22">
        <v>73</v>
      </c>
      <c r="C50" s="14">
        <v>56</v>
      </c>
      <c r="D50" s="18">
        <v>129</v>
      </c>
    </row>
    <row r="51" spans="1:4" ht="18" customHeight="1" x14ac:dyDescent="0.15">
      <c r="A51" s="5">
        <v>38</v>
      </c>
      <c r="B51" s="22">
        <v>57</v>
      </c>
      <c r="C51" s="14">
        <v>49</v>
      </c>
      <c r="D51" s="18">
        <v>106</v>
      </c>
    </row>
    <row r="52" spans="1:4" ht="18" customHeight="1" x14ac:dyDescent="0.15">
      <c r="A52" s="5">
        <v>39</v>
      </c>
      <c r="B52" s="22">
        <v>61</v>
      </c>
      <c r="C52" s="14">
        <v>49</v>
      </c>
      <c r="D52" s="18">
        <v>110</v>
      </c>
    </row>
    <row r="53" spans="1:4" ht="18" customHeight="1" x14ac:dyDescent="0.15">
      <c r="A53" s="5" t="s">
        <v>18</v>
      </c>
      <c r="B53" s="22">
        <v>305</v>
      </c>
      <c r="C53" s="14">
        <v>264</v>
      </c>
      <c r="D53" s="18">
        <v>569</v>
      </c>
    </row>
    <row r="54" spans="1:4" ht="18" customHeight="1" x14ac:dyDescent="0.15">
      <c r="A54" s="5">
        <v>40</v>
      </c>
      <c r="B54" s="22">
        <v>55</v>
      </c>
      <c r="C54" s="14">
        <v>57</v>
      </c>
      <c r="D54" s="18">
        <v>112</v>
      </c>
    </row>
    <row r="55" spans="1:4" ht="18" customHeight="1" x14ac:dyDescent="0.15">
      <c r="A55" s="5">
        <v>41</v>
      </c>
      <c r="B55" s="22">
        <v>77</v>
      </c>
      <c r="C55" s="14">
        <v>52</v>
      </c>
      <c r="D55" s="18">
        <v>129</v>
      </c>
    </row>
    <row r="56" spans="1:4" ht="18" customHeight="1" x14ac:dyDescent="0.15">
      <c r="A56" s="5">
        <v>42</v>
      </c>
      <c r="B56" s="22">
        <v>62</v>
      </c>
      <c r="C56" s="14">
        <v>58</v>
      </c>
      <c r="D56" s="18">
        <v>120</v>
      </c>
    </row>
    <row r="57" spans="1:4" ht="18" customHeight="1" x14ac:dyDescent="0.15">
      <c r="A57" s="5">
        <v>43</v>
      </c>
      <c r="B57" s="22">
        <v>57</v>
      </c>
      <c r="C57" s="14">
        <v>60</v>
      </c>
      <c r="D57" s="18">
        <v>117</v>
      </c>
    </row>
    <row r="58" spans="1:4" ht="18" customHeight="1" x14ac:dyDescent="0.15">
      <c r="A58" s="5">
        <v>44</v>
      </c>
      <c r="B58" s="22">
        <v>69</v>
      </c>
      <c r="C58" s="14">
        <v>55</v>
      </c>
      <c r="D58" s="18">
        <v>124</v>
      </c>
    </row>
    <row r="59" spans="1:4" ht="18" customHeight="1" x14ac:dyDescent="0.15">
      <c r="A59" s="5" t="s">
        <v>21</v>
      </c>
      <c r="B59" s="22">
        <v>320</v>
      </c>
      <c r="C59" s="14">
        <v>282</v>
      </c>
      <c r="D59" s="18">
        <v>602</v>
      </c>
    </row>
    <row r="60" spans="1:4" ht="18" customHeight="1" x14ac:dyDescent="0.15">
      <c r="A60" s="5">
        <v>45</v>
      </c>
      <c r="B60" s="22">
        <v>61</v>
      </c>
      <c r="C60" s="14">
        <v>57</v>
      </c>
      <c r="D60" s="18">
        <v>118</v>
      </c>
    </row>
    <row r="61" spans="1:4" ht="18" customHeight="1" x14ac:dyDescent="0.15">
      <c r="A61" s="5">
        <v>46</v>
      </c>
      <c r="B61" s="22">
        <v>59</v>
      </c>
      <c r="C61" s="14">
        <v>67</v>
      </c>
      <c r="D61" s="18">
        <v>126</v>
      </c>
    </row>
    <row r="62" spans="1:4" ht="18" customHeight="1" x14ac:dyDescent="0.15">
      <c r="A62" s="5">
        <v>47</v>
      </c>
      <c r="B62" s="22">
        <v>61</v>
      </c>
      <c r="C62" s="14">
        <v>65</v>
      </c>
      <c r="D62" s="18">
        <v>126</v>
      </c>
    </row>
    <row r="63" spans="1:4" ht="18" customHeight="1" x14ac:dyDescent="0.15">
      <c r="A63" s="5">
        <v>48</v>
      </c>
      <c r="B63" s="22">
        <v>70</v>
      </c>
      <c r="C63" s="14">
        <v>77</v>
      </c>
      <c r="D63" s="18">
        <v>147</v>
      </c>
    </row>
    <row r="64" spans="1:4" ht="18" customHeight="1" x14ac:dyDescent="0.15">
      <c r="A64" s="5">
        <v>49</v>
      </c>
      <c r="B64" s="22">
        <v>61</v>
      </c>
      <c r="C64" s="14">
        <v>74</v>
      </c>
      <c r="D64" s="18">
        <v>135</v>
      </c>
    </row>
    <row r="65" spans="1:4" ht="18" customHeight="1" x14ac:dyDescent="0.15">
      <c r="A65" s="5" t="s">
        <v>17</v>
      </c>
      <c r="B65" s="22">
        <v>312</v>
      </c>
      <c r="C65" s="14">
        <v>340</v>
      </c>
      <c r="D65" s="18">
        <v>652</v>
      </c>
    </row>
    <row r="66" spans="1:4" ht="18" customHeight="1" x14ac:dyDescent="0.15">
      <c r="A66" s="5">
        <v>50</v>
      </c>
      <c r="B66" s="22">
        <v>67</v>
      </c>
      <c r="C66" s="14">
        <v>76</v>
      </c>
      <c r="D66" s="18">
        <v>143</v>
      </c>
    </row>
    <row r="67" spans="1:4" ht="18" customHeight="1" x14ac:dyDescent="0.15">
      <c r="A67" s="5">
        <v>51</v>
      </c>
      <c r="B67" s="22">
        <v>90</v>
      </c>
      <c r="C67" s="14">
        <v>80</v>
      </c>
      <c r="D67" s="18">
        <v>170</v>
      </c>
    </row>
    <row r="68" spans="1:4" ht="18" customHeight="1" x14ac:dyDescent="0.15">
      <c r="A68" s="5">
        <v>52</v>
      </c>
      <c r="B68" s="22">
        <v>98</v>
      </c>
      <c r="C68" s="14">
        <v>92</v>
      </c>
      <c r="D68" s="18">
        <v>190</v>
      </c>
    </row>
    <row r="69" spans="1:4" ht="18" customHeight="1" x14ac:dyDescent="0.15">
      <c r="A69" s="5">
        <v>53</v>
      </c>
      <c r="B69" s="22">
        <v>73</v>
      </c>
      <c r="C69" s="14">
        <v>84</v>
      </c>
      <c r="D69" s="18">
        <v>157</v>
      </c>
    </row>
    <row r="70" spans="1:4" ht="18" customHeight="1" x14ac:dyDescent="0.15">
      <c r="A70" s="5">
        <v>54</v>
      </c>
      <c r="B70" s="22">
        <v>93</v>
      </c>
      <c r="C70" s="14">
        <v>78</v>
      </c>
      <c r="D70" s="18">
        <v>171</v>
      </c>
    </row>
    <row r="71" spans="1:4" ht="18" customHeight="1" x14ac:dyDescent="0.15">
      <c r="A71" s="5" t="s">
        <v>22</v>
      </c>
      <c r="B71" s="22">
        <v>421</v>
      </c>
      <c r="C71" s="14">
        <v>410</v>
      </c>
      <c r="D71" s="18">
        <v>831</v>
      </c>
    </row>
    <row r="72" spans="1:4" ht="18" customHeight="1" x14ac:dyDescent="0.15">
      <c r="A72" s="5">
        <v>55</v>
      </c>
      <c r="B72" s="22">
        <v>72</v>
      </c>
      <c r="C72" s="14">
        <v>69</v>
      </c>
      <c r="D72" s="18">
        <v>141</v>
      </c>
    </row>
    <row r="73" spans="1:4" ht="18" customHeight="1" x14ac:dyDescent="0.15">
      <c r="A73" s="5">
        <v>56</v>
      </c>
      <c r="B73" s="22">
        <v>95</v>
      </c>
      <c r="C73" s="14">
        <v>101</v>
      </c>
      <c r="D73" s="18">
        <v>196</v>
      </c>
    </row>
    <row r="74" spans="1:4" ht="18" customHeight="1" x14ac:dyDescent="0.15">
      <c r="A74" s="5">
        <v>57</v>
      </c>
      <c r="B74" s="22">
        <v>88</v>
      </c>
      <c r="C74" s="14">
        <v>90</v>
      </c>
      <c r="D74" s="18">
        <v>178</v>
      </c>
    </row>
    <row r="75" spans="1:4" ht="18" customHeight="1" x14ac:dyDescent="0.15">
      <c r="A75" s="5">
        <v>58</v>
      </c>
      <c r="B75" s="22">
        <v>71</v>
      </c>
      <c r="C75" s="14">
        <v>77</v>
      </c>
      <c r="D75" s="18">
        <v>148</v>
      </c>
    </row>
    <row r="76" spans="1:4" ht="18" customHeight="1" x14ac:dyDescent="0.15">
      <c r="A76" s="5">
        <v>59</v>
      </c>
      <c r="B76" s="22">
        <v>67</v>
      </c>
      <c r="C76" s="14">
        <v>64</v>
      </c>
      <c r="D76" s="18">
        <v>131</v>
      </c>
    </row>
    <row r="77" spans="1:4" ht="18" customHeight="1" x14ac:dyDescent="0.15">
      <c r="A77" s="5" t="s">
        <v>27</v>
      </c>
      <c r="B77" s="22">
        <v>393</v>
      </c>
      <c r="C77" s="14">
        <v>401</v>
      </c>
      <c r="D77" s="18">
        <v>794</v>
      </c>
    </row>
    <row r="78" spans="1:4" ht="18" customHeight="1" x14ac:dyDescent="0.15">
      <c r="A78" s="5">
        <v>60</v>
      </c>
      <c r="B78" s="22">
        <v>68</v>
      </c>
      <c r="C78" s="14">
        <v>70</v>
      </c>
      <c r="D78" s="18">
        <v>138</v>
      </c>
    </row>
    <row r="79" spans="1:4" ht="18" customHeight="1" x14ac:dyDescent="0.15">
      <c r="A79" s="5">
        <v>61</v>
      </c>
      <c r="B79" s="22">
        <v>46</v>
      </c>
      <c r="C79" s="14">
        <v>68</v>
      </c>
      <c r="D79" s="18">
        <v>114</v>
      </c>
    </row>
    <row r="80" spans="1:4" ht="18" customHeight="1" x14ac:dyDescent="0.15">
      <c r="A80" s="5">
        <v>62</v>
      </c>
      <c r="B80" s="22">
        <v>62</v>
      </c>
      <c r="C80" s="14">
        <v>52</v>
      </c>
      <c r="D80" s="18">
        <v>114</v>
      </c>
    </row>
    <row r="81" spans="1:4" ht="18" customHeight="1" x14ac:dyDescent="0.15">
      <c r="A81" s="5">
        <v>63</v>
      </c>
      <c r="B81" s="22">
        <v>55</v>
      </c>
      <c r="C81" s="14">
        <v>56</v>
      </c>
      <c r="D81" s="18">
        <v>111</v>
      </c>
    </row>
    <row r="82" spans="1:4" ht="18" customHeight="1" x14ac:dyDescent="0.15">
      <c r="A82" s="5">
        <v>64</v>
      </c>
      <c r="B82" s="22">
        <v>42</v>
      </c>
      <c r="C82" s="14">
        <v>66</v>
      </c>
      <c r="D82" s="18">
        <v>108</v>
      </c>
    </row>
    <row r="83" spans="1:4" ht="18" customHeight="1" x14ac:dyDescent="0.15">
      <c r="A83" s="5" t="s">
        <v>28</v>
      </c>
      <c r="B83" s="22">
        <v>273</v>
      </c>
      <c r="C83" s="14">
        <v>312</v>
      </c>
      <c r="D83" s="18">
        <v>585</v>
      </c>
    </row>
    <row r="84" spans="1:4" ht="18" customHeight="1" x14ac:dyDescent="0.15">
      <c r="A84" s="5" t="s">
        <v>31</v>
      </c>
      <c r="B84" s="22">
        <v>3103</v>
      </c>
      <c r="C84" s="14">
        <v>2880</v>
      </c>
      <c r="D84" s="18">
        <v>5983</v>
      </c>
    </row>
    <row r="85" spans="1:4" ht="18" customHeight="1" x14ac:dyDescent="0.15">
      <c r="A85" s="5">
        <v>65</v>
      </c>
      <c r="B85" s="22">
        <v>49</v>
      </c>
      <c r="C85" s="14">
        <v>50</v>
      </c>
      <c r="D85" s="18">
        <v>99</v>
      </c>
    </row>
    <row r="86" spans="1:4" ht="18" customHeight="1" x14ac:dyDescent="0.15">
      <c r="A86" s="5">
        <v>66</v>
      </c>
      <c r="B86" s="22">
        <v>48</v>
      </c>
      <c r="C86" s="14">
        <v>55</v>
      </c>
      <c r="D86" s="18">
        <v>103</v>
      </c>
    </row>
    <row r="87" spans="1:4" ht="18" customHeight="1" x14ac:dyDescent="0.15">
      <c r="A87" s="5">
        <v>67</v>
      </c>
      <c r="B87" s="22">
        <v>52</v>
      </c>
      <c r="C87" s="14">
        <v>43</v>
      </c>
      <c r="D87" s="18">
        <v>95</v>
      </c>
    </row>
    <row r="88" spans="1:4" ht="18" customHeight="1" x14ac:dyDescent="0.15">
      <c r="A88" s="5">
        <v>68</v>
      </c>
      <c r="B88" s="22">
        <v>32</v>
      </c>
      <c r="C88" s="14">
        <v>38</v>
      </c>
      <c r="D88" s="18">
        <v>70</v>
      </c>
    </row>
    <row r="89" spans="1:4" ht="18" customHeight="1" x14ac:dyDescent="0.15">
      <c r="A89" s="5">
        <v>69</v>
      </c>
      <c r="B89" s="22">
        <v>29</v>
      </c>
      <c r="C89" s="14">
        <v>32</v>
      </c>
      <c r="D89" s="18">
        <v>61</v>
      </c>
    </row>
    <row r="90" spans="1:4" ht="18" customHeight="1" x14ac:dyDescent="0.15">
      <c r="A90" s="5" t="s">
        <v>20</v>
      </c>
      <c r="B90" s="22">
        <v>210</v>
      </c>
      <c r="C90" s="14">
        <v>218</v>
      </c>
      <c r="D90" s="18">
        <v>428</v>
      </c>
    </row>
    <row r="91" spans="1:4" ht="18" customHeight="1" x14ac:dyDescent="0.15">
      <c r="A91" s="5">
        <v>70</v>
      </c>
      <c r="B91" s="22">
        <v>28</v>
      </c>
      <c r="C91" s="14">
        <v>35</v>
      </c>
      <c r="D91" s="18">
        <v>63</v>
      </c>
    </row>
    <row r="92" spans="1:4" ht="18" customHeight="1" x14ac:dyDescent="0.15">
      <c r="A92" s="5">
        <v>71</v>
      </c>
      <c r="B92" s="22">
        <v>47</v>
      </c>
      <c r="C92" s="14">
        <v>29</v>
      </c>
      <c r="D92" s="18">
        <v>76</v>
      </c>
    </row>
    <row r="93" spans="1:4" ht="18" customHeight="1" x14ac:dyDescent="0.15">
      <c r="A93" s="5">
        <v>72</v>
      </c>
      <c r="B93" s="22">
        <v>35</v>
      </c>
      <c r="C93" s="14">
        <v>38</v>
      </c>
      <c r="D93" s="18">
        <v>73</v>
      </c>
    </row>
    <row r="94" spans="1:4" ht="18" customHeight="1" x14ac:dyDescent="0.15">
      <c r="A94" s="5">
        <v>73</v>
      </c>
      <c r="B94" s="22">
        <v>29</v>
      </c>
      <c r="C94" s="14">
        <v>44</v>
      </c>
      <c r="D94" s="18">
        <v>73</v>
      </c>
    </row>
    <row r="95" spans="1:4" ht="18" customHeight="1" x14ac:dyDescent="0.15">
      <c r="A95" s="5">
        <v>74</v>
      </c>
      <c r="B95" s="22">
        <v>25</v>
      </c>
      <c r="C95" s="14">
        <v>38</v>
      </c>
      <c r="D95" s="18">
        <v>63</v>
      </c>
    </row>
    <row r="96" spans="1:4" ht="18" customHeight="1" x14ac:dyDescent="0.15">
      <c r="A96" s="5" t="s">
        <v>33</v>
      </c>
      <c r="B96" s="22">
        <v>164</v>
      </c>
      <c r="C96" s="14">
        <v>184</v>
      </c>
      <c r="D96" s="18">
        <v>348</v>
      </c>
    </row>
    <row r="97" spans="1:4" ht="18" customHeight="1" x14ac:dyDescent="0.15">
      <c r="A97" s="5">
        <v>75</v>
      </c>
      <c r="B97" s="22">
        <v>34</v>
      </c>
      <c r="C97" s="14">
        <v>36</v>
      </c>
      <c r="D97" s="18">
        <v>70</v>
      </c>
    </row>
    <row r="98" spans="1:4" ht="18" customHeight="1" x14ac:dyDescent="0.15">
      <c r="A98" s="5">
        <v>76</v>
      </c>
      <c r="B98" s="22">
        <v>40</v>
      </c>
      <c r="C98" s="14">
        <v>43</v>
      </c>
      <c r="D98" s="18">
        <v>83</v>
      </c>
    </row>
    <row r="99" spans="1:4" ht="18" customHeight="1" x14ac:dyDescent="0.15">
      <c r="A99" s="5">
        <v>77</v>
      </c>
      <c r="B99" s="22">
        <v>38</v>
      </c>
      <c r="C99" s="14">
        <v>57</v>
      </c>
      <c r="D99" s="18">
        <v>95</v>
      </c>
    </row>
    <row r="100" spans="1:4" ht="18" customHeight="1" x14ac:dyDescent="0.15">
      <c r="A100" s="5">
        <v>78</v>
      </c>
      <c r="B100" s="22">
        <v>34</v>
      </c>
      <c r="C100" s="14">
        <v>59</v>
      </c>
      <c r="D100" s="18">
        <v>93</v>
      </c>
    </row>
    <row r="101" spans="1:4" ht="18" customHeight="1" x14ac:dyDescent="0.15">
      <c r="A101" s="5">
        <v>79</v>
      </c>
      <c r="B101" s="22">
        <v>30</v>
      </c>
      <c r="C101" s="14">
        <v>33</v>
      </c>
      <c r="D101" s="18">
        <v>63</v>
      </c>
    </row>
    <row r="102" spans="1:4" ht="18" customHeight="1" x14ac:dyDescent="0.15">
      <c r="A102" s="5" t="s">
        <v>0</v>
      </c>
      <c r="B102" s="22">
        <v>176</v>
      </c>
      <c r="C102" s="14">
        <v>228</v>
      </c>
      <c r="D102" s="18">
        <v>404</v>
      </c>
    </row>
    <row r="103" spans="1:4" ht="18" customHeight="1" x14ac:dyDescent="0.15">
      <c r="A103" s="5">
        <v>80</v>
      </c>
      <c r="B103" s="22">
        <v>16</v>
      </c>
      <c r="C103" s="14">
        <v>26</v>
      </c>
      <c r="D103" s="18">
        <v>42</v>
      </c>
    </row>
    <row r="104" spans="1:4" ht="18" customHeight="1" x14ac:dyDescent="0.15">
      <c r="A104" s="5">
        <v>81</v>
      </c>
      <c r="B104" s="22">
        <v>19</v>
      </c>
      <c r="C104" s="14">
        <v>34</v>
      </c>
      <c r="D104" s="18">
        <v>53</v>
      </c>
    </row>
    <row r="105" spans="1:4" ht="18" customHeight="1" x14ac:dyDescent="0.15">
      <c r="A105" s="5">
        <v>82</v>
      </c>
      <c r="B105" s="22">
        <v>29</v>
      </c>
      <c r="C105" s="14">
        <v>37</v>
      </c>
      <c r="D105" s="18">
        <v>66</v>
      </c>
    </row>
    <row r="106" spans="1:4" ht="18" customHeight="1" x14ac:dyDescent="0.15">
      <c r="A106" s="5">
        <v>83</v>
      </c>
      <c r="B106" s="22">
        <v>18</v>
      </c>
      <c r="C106" s="14">
        <v>43</v>
      </c>
      <c r="D106" s="18">
        <v>61</v>
      </c>
    </row>
    <row r="107" spans="1:4" ht="18" customHeight="1" x14ac:dyDescent="0.15">
      <c r="A107" s="5">
        <v>84</v>
      </c>
      <c r="B107" s="22">
        <v>21</v>
      </c>
      <c r="C107" s="14">
        <v>47</v>
      </c>
      <c r="D107" s="18">
        <v>68</v>
      </c>
    </row>
    <row r="108" spans="1:4" ht="18" customHeight="1" x14ac:dyDescent="0.15">
      <c r="A108" s="5" t="s">
        <v>35</v>
      </c>
      <c r="B108" s="22">
        <v>103</v>
      </c>
      <c r="C108" s="14">
        <v>187</v>
      </c>
      <c r="D108" s="18">
        <v>290</v>
      </c>
    </row>
    <row r="109" spans="1:4" ht="18" customHeight="1" x14ac:dyDescent="0.15">
      <c r="A109" s="5">
        <v>85</v>
      </c>
      <c r="B109" s="22">
        <v>20</v>
      </c>
      <c r="C109" s="14">
        <v>29</v>
      </c>
      <c r="D109" s="18">
        <v>49</v>
      </c>
    </row>
    <row r="110" spans="1:4" ht="18" customHeight="1" x14ac:dyDescent="0.15">
      <c r="A110" s="5">
        <v>86</v>
      </c>
      <c r="B110" s="22">
        <v>11</v>
      </c>
      <c r="C110" s="14">
        <v>21</v>
      </c>
      <c r="D110" s="18">
        <v>32</v>
      </c>
    </row>
    <row r="111" spans="1:4" ht="18" customHeight="1" x14ac:dyDescent="0.15">
      <c r="A111" s="5">
        <v>87</v>
      </c>
      <c r="B111" s="22">
        <v>19</v>
      </c>
      <c r="C111" s="14">
        <v>14</v>
      </c>
      <c r="D111" s="18">
        <v>33</v>
      </c>
    </row>
    <row r="112" spans="1:4" ht="18" customHeight="1" x14ac:dyDescent="0.15">
      <c r="A112" s="5">
        <v>88</v>
      </c>
      <c r="B112" s="22">
        <v>18</v>
      </c>
      <c r="C112" s="14">
        <v>21</v>
      </c>
      <c r="D112" s="18">
        <v>39</v>
      </c>
    </row>
    <row r="113" spans="1:4" ht="18" customHeight="1" x14ac:dyDescent="0.15">
      <c r="A113" s="5">
        <v>89</v>
      </c>
      <c r="B113" s="22">
        <v>14</v>
      </c>
      <c r="C113" s="14">
        <v>20</v>
      </c>
      <c r="D113" s="18">
        <v>34</v>
      </c>
    </row>
    <row r="114" spans="1:4" ht="18" customHeight="1" x14ac:dyDescent="0.15">
      <c r="A114" s="5" t="s">
        <v>37</v>
      </c>
      <c r="B114" s="22">
        <v>82</v>
      </c>
      <c r="C114" s="14">
        <v>105</v>
      </c>
      <c r="D114" s="18">
        <v>187</v>
      </c>
    </row>
    <row r="115" spans="1:4" ht="18" customHeight="1" x14ac:dyDescent="0.15">
      <c r="A115" s="5">
        <v>90</v>
      </c>
      <c r="B115" s="22">
        <v>9</v>
      </c>
      <c r="C115" s="14">
        <v>27</v>
      </c>
      <c r="D115" s="18">
        <v>36</v>
      </c>
    </row>
    <row r="116" spans="1:4" ht="18" customHeight="1" x14ac:dyDescent="0.15">
      <c r="A116" s="5">
        <v>91</v>
      </c>
      <c r="B116" s="22">
        <v>4</v>
      </c>
      <c r="C116" s="14">
        <v>16</v>
      </c>
      <c r="D116" s="18">
        <v>20</v>
      </c>
    </row>
    <row r="117" spans="1:4" ht="18" customHeight="1" x14ac:dyDescent="0.15">
      <c r="A117" s="5">
        <v>92</v>
      </c>
      <c r="B117" s="22">
        <v>7</v>
      </c>
      <c r="C117" s="14">
        <v>9</v>
      </c>
      <c r="D117" s="18">
        <v>16</v>
      </c>
    </row>
    <row r="118" spans="1:4" ht="18" customHeight="1" x14ac:dyDescent="0.15">
      <c r="A118" s="5">
        <v>93</v>
      </c>
      <c r="B118" s="22">
        <v>9</v>
      </c>
      <c r="C118" s="14">
        <v>16</v>
      </c>
      <c r="D118" s="18">
        <v>25</v>
      </c>
    </row>
    <row r="119" spans="1:4" ht="18" customHeight="1" x14ac:dyDescent="0.15">
      <c r="A119" s="5">
        <v>94</v>
      </c>
      <c r="B119" s="22">
        <v>1</v>
      </c>
      <c r="C119" s="14">
        <v>14</v>
      </c>
      <c r="D119" s="18">
        <v>15</v>
      </c>
    </row>
    <row r="120" spans="1:4" ht="18" customHeight="1" x14ac:dyDescent="0.15">
      <c r="A120" s="5" t="s">
        <v>39</v>
      </c>
      <c r="B120" s="22">
        <v>30</v>
      </c>
      <c r="C120" s="14">
        <v>82</v>
      </c>
      <c r="D120" s="18">
        <v>112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11</v>
      </c>
      <c r="D122" s="18">
        <v>13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24</v>
      </c>
      <c r="D126" s="18">
        <v>28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770</v>
      </c>
      <c r="C130" s="14">
        <v>1031</v>
      </c>
      <c r="D130" s="18">
        <v>1801</v>
      </c>
    </row>
    <row r="131" spans="1:4" ht="18" customHeight="1" x14ac:dyDescent="0.15">
      <c r="A131" s="7" t="s">
        <v>45</v>
      </c>
      <c r="B131" s="23">
        <v>4393</v>
      </c>
      <c r="C131" s="15">
        <v>4409</v>
      </c>
      <c r="D131" s="19">
        <v>880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7" t="s">
        <v>119</v>
      </c>
      <c r="C3" s="47"/>
      <c r="D3" s="47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8</v>
      </c>
      <c r="C5" s="13">
        <v>45</v>
      </c>
      <c r="D5" s="17">
        <v>93</v>
      </c>
    </row>
    <row r="6" spans="1:4" ht="18" customHeight="1" x14ac:dyDescent="0.15">
      <c r="A6" s="5">
        <v>1</v>
      </c>
      <c r="B6" s="22">
        <v>39</v>
      </c>
      <c r="C6" s="14">
        <v>34</v>
      </c>
      <c r="D6" s="18">
        <v>73</v>
      </c>
    </row>
    <row r="7" spans="1:4" ht="18" customHeight="1" x14ac:dyDescent="0.15">
      <c r="A7" s="5">
        <v>2</v>
      </c>
      <c r="B7" s="22">
        <v>35</v>
      </c>
      <c r="C7" s="14">
        <v>31</v>
      </c>
      <c r="D7" s="18">
        <v>66</v>
      </c>
    </row>
    <row r="8" spans="1:4" ht="18" customHeight="1" x14ac:dyDescent="0.15">
      <c r="A8" s="5">
        <v>3</v>
      </c>
      <c r="B8" s="22">
        <v>34</v>
      </c>
      <c r="C8" s="14">
        <v>37</v>
      </c>
      <c r="D8" s="18">
        <v>71</v>
      </c>
    </row>
    <row r="9" spans="1:4" ht="18" customHeight="1" x14ac:dyDescent="0.15">
      <c r="A9" s="5">
        <v>4</v>
      </c>
      <c r="B9" s="22">
        <v>37</v>
      </c>
      <c r="C9" s="14">
        <v>38</v>
      </c>
      <c r="D9" s="18">
        <v>75</v>
      </c>
    </row>
    <row r="10" spans="1:4" ht="18" customHeight="1" x14ac:dyDescent="0.15">
      <c r="A10" s="5" t="s">
        <v>7</v>
      </c>
      <c r="B10" s="22">
        <v>193</v>
      </c>
      <c r="C10" s="14">
        <v>185</v>
      </c>
      <c r="D10" s="18">
        <v>378</v>
      </c>
    </row>
    <row r="11" spans="1:4" ht="18" customHeight="1" x14ac:dyDescent="0.15">
      <c r="A11" s="5">
        <v>5</v>
      </c>
      <c r="B11" s="22">
        <v>28</v>
      </c>
      <c r="C11" s="14">
        <v>53</v>
      </c>
      <c r="D11" s="18">
        <v>81</v>
      </c>
    </row>
    <row r="12" spans="1:4" ht="18" customHeight="1" x14ac:dyDescent="0.15">
      <c r="A12" s="5">
        <v>6</v>
      </c>
      <c r="B12" s="22">
        <v>48</v>
      </c>
      <c r="C12" s="14">
        <v>43</v>
      </c>
      <c r="D12" s="18">
        <v>91</v>
      </c>
    </row>
    <row r="13" spans="1:4" ht="18" customHeight="1" x14ac:dyDescent="0.15">
      <c r="A13" s="5">
        <v>7</v>
      </c>
      <c r="B13" s="22">
        <v>45</v>
      </c>
      <c r="C13" s="14">
        <v>40</v>
      </c>
      <c r="D13" s="18">
        <v>85</v>
      </c>
    </row>
    <row r="14" spans="1:4" ht="18" customHeight="1" x14ac:dyDescent="0.15">
      <c r="A14" s="5">
        <v>8</v>
      </c>
      <c r="B14" s="22">
        <v>53</v>
      </c>
      <c r="C14" s="14">
        <v>43</v>
      </c>
      <c r="D14" s="18">
        <v>96</v>
      </c>
    </row>
    <row r="15" spans="1:4" ht="18" customHeight="1" x14ac:dyDescent="0.15">
      <c r="A15" s="5">
        <v>9</v>
      </c>
      <c r="B15" s="22">
        <v>59</v>
      </c>
      <c r="C15" s="14">
        <v>47</v>
      </c>
      <c r="D15" s="18">
        <v>106</v>
      </c>
    </row>
    <row r="16" spans="1:4" ht="18" customHeight="1" x14ac:dyDescent="0.15">
      <c r="A16" s="5" t="s">
        <v>11</v>
      </c>
      <c r="B16" s="22">
        <v>233</v>
      </c>
      <c r="C16" s="14">
        <v>226</v>
      </c>
      <c r="D16" s="18">
        <v>459</v>
      </c>
    </row>
    <row r="17" spans="1:4" ht="18" customHeight="1" x14ac:dyDescent="0.15">
      <c r="A17" s="5">
        <v>10</v>
      </c>
      <c r="B17" s="22">
        <v>57</v>
      </c>
      <c r="C17" s="14">
        <v>52</v>
      </c>
      <c r="D17" s="18">
        <v>109</v>
      </c>
    </row>
    <row r="18" spans="1:4" ht="18" customHeight="1" x14ac:dyDescent="0.15">
      <c r="A18" s="5">
        <v>11</v>
      </c>
      <c r="B18" s="22">
        <v>52</v>
      </c>
      <c r="C18" s="14">
        <v>52</v>
      </c>
      <c r="D18" s="18">
        <v>104</v>
      </c>
    </row>
    <row r="19" spans="1:4" ht="18" customHeight="1" x14ac:dyDescent="0.15">
      <c r="A19" s="5">
        <v>12</v>
      </c>
      <c r="B19" s="22">
        <v>55</v>
      </c>
      <c r="C19" s="14">
        <v>50</v>
      </c>
      <c r="D19" s="18">
        <v>105</v>
      </c>
    </row>
    <row r="20" spans="1:4" ht="18" customHeight="1" x14ac:dyDescent="0.15">
      <c r="A20" s="5">
        <v>13</v>
      </c>
      <c r="B20" s="22">
        <v>53</v>
      </c>
      <c r="C20" s="14">
        <v>53</v>
      </c>
      <c r="D20" s="18">
        <v>106</v>
      </c>
    </row>
    <row r="21" spans="1:4" ht="18" customHeight="1" x14ac:dyDescent="0.15">
      <c r="A21" s="5">
        <v>14</v>
      </c>
      <c r="B21" s="22">
        <v>59</v>
      </c>
      <c r="C21" s="14">
        <v>54</v>
      </c>
      <c r="D21" s="18">
        <v>113</v>
      </c>
    </row>
    <row r="22" spans="1:4" ht="18" customHeight="1" x14ac:dyDescent="0.15">
      <c r="A22" s="5" t="s">
        <v>12</v>
      </c>
      <c r="B22" s="22">
        <v>276</v>
      </c>
      <c r="C22" s="14">
        <v>261</v>
      </c>
      <c r="D22" s="18">
        <v>537</v>
      </c>
    </row>
    <row r="23" spans="1:4" ht="18" customHeight="1" x14ac:dyDescent="0.15">
      <c r="A23" s="5" t="s">
        <v>6</v>
      </c>
      <c r="B23" s="22">
        <v>702</v>
      </c>
      <c r="C23" s="14">
        <v>672</v>
      </c>
      <c r="D23" s="18">
        <v>1374</v>
      </c>
    </row>
    <row r="24" spans="1:4" ht="18" customHeight="1" x14ac:dyDescent="0.15">
      <c r="A24" s="5">
        <v>15</v>
      </c>
      <c r="B24" s="22">
        <v>54</v>
      </c>
      <c r="C24" s="14">
        <v>39</v>
      </c>
      <c r="D24" s="18">
        <v>93</v>
      </c>
    </row>
    <row r="25" spans="1:4" ht="18" customHeight="1" x14ac:dyDescent="0.15">
      <c r="A25" s="5">
        <v>16</v>
      </c>
      <c r="B25" s="22">
        <v>54</v>
      </c>
      <c r="C25" s="14">
        <v>48</v>
      </c>
      <c r="D25" s="18">
        <v>102</v>
      </c>
    </row>
    <row r="26" spans="1:4" ht="18" customHeight="1" x14ac:dyDescent="0.15">
      <c r="A26" s="5">
        <v>17</v>
      </c>
      <c r="B26" s="22">
        <v>63</v>
      </c>
      <c r="C26" s="14">
        <v>55</v>
      </c>
      <c r="D26" s="18">
        <v>118</v>
      </c>
    </row>
    <row r="27" spans="1:4" ht="18" customHeight="1" x14ac:dyDescent="0.15">
      <c r="A27" s="5">
        <v>18</v>
      </c>
      <c r="B27" s="22">
        <v>73</v>
      </c>
      <c r="C27" s="14">
        <v>59</v>
      </c>
      <c r="D27" s="18">
        <v>132</v>
      </c>
    </row>
    <row r="28" spans="1:4" ht="18" customHeight="1" x14ac:dyDescent="0.15">
      <c r="A28" s="5">
        <v>19</v>
      </c>
      <c r="B28" s="22">
        <v>61</v>
      </c>
      <c r="C28" s="14">
        <v>42</v>
      </c>
      <c r="D28" s="18">
        <v>103</v>
      </c>
    </row>
    <row r="29" spans="1:4" ht="18" customHeight="1" x14ac:dyDescent="0.15">
      <c r="A29" s="5" t="s">
        <v>14</v>
      </c>
      <c r="B29" s="22">
        <v>305</v>
      </c>
      <c r="C29" s="14">
        <v>243</v>
      </c>
      <c r="D29" s="18">
        <v>548</v>
      </c>
    </row>
    <row r="30" spans="1:4" ht="18" customHeight="1" x14ac:dyDescent="0.15">
      <c r="A30" s="5">
        <v>20</v>
      </c>
      <c r="B30" s="22">
        <v>78</v>
      </c>
      <c r="C30" s="14">
        <v>54</v>
      </c>
      <c r="D30" s="18">
        <v>132</v>
      </c>
    </row>
    <row r="31" spans="1:4" ht="18" customHeight="1" x14ac:dyDescent="0.15">
      <c r="A31" s="5">
        <v>21</v>
      </c>
      <c r="B31" s="22">
        <v>61</v>
      </c>
      <c r="C31" s="14">
        <v>66</v>
      </c>
      <c r="D31" s="18">
        <v>127</v>
      </c>
    </row>
    <row r="32" spans="1:4" ht="18" customHeight="1" x14ac:dyDescent="0.15">
      <c r="A32" s="5">
        <v>22</v>
      </c>
      <c r="B32" s="22">
        <v>113</v>
      </c>
      <c r="C32" s="14">
        <v>76</v>
      </c>
      <c r="D32" s="18">
        <v>189</v>
      </c>
    </row>
    <row r="33" spans="1:4" ht="18" customHeight="1" x14ac:dyDescent="0.15">
      <c r="A33" s="5">
        <v>23</v>
      </c>
      <c r="B33" s="22">
        <v>73</v>
      </c>
      <c r="C33" s="14">
        <v>60</v>
      </c>
      <c r="D33" s="18">
        <v>133</v>
      </c>
    </row>
    <row r="34" spans="1:4" ht="18" customHeight="1" x14ac:dyDescent="0.15">
      <c r="A34" s="5">
        <v>24</v>
      </c>
      <c r="B34" s="22">
        <v>82</v>
      </c>
      <c r="C34" s="14">
        <v>71</v>
      </c>
      <c r="D34" s="18">
        <v>153</v>
      </c>
    </row>
    <row r="35" spans="1:4" ht="18" customHeight="1" x14ac:dyDescent="0.15">
      <c r="A35" s="5" t="s">
        <v>9</v>
      </c>
      <c r="B35" s="22">
        <v>407</v>
      </c>
      <c r="C35" s="14">
        <v>327</v>
      </c>
      <c r="D35" s="18">
        <v>734</v>
      </c>
    </row>
    <row r="36" spans="1:4" ht="18" customHeight="1" x14ac:dyDescent="0.15">
      <c r="A36" s="5">
        <v>25</v>
      </c>
      <c r="B36" s="22">
        <v>93</v>
      </c>
      <c r="C36" s="14">
        <v>88</v>
      </c>
      <c r="D36" s="18">
        <v>181</v>
      </c>
    </row>
    <row r="37" spans="1:4" ht="18" customHeight="1" x14ac:dyDescent="0.15">
      <c r="A37" s="5">
        <v>26</v>
      </c>
      <c r="B37" s="22">
        <v>105</v>
      </c>
      <c r="C37" s="14">
        <v>70</v>
      </c>
      <c r="D37" s="18">
        <v>175</v>
      </c>
    </row>
    <row r="38" spans="1:4" ht="18" customHeight="1" x14ac:dyDescent="0.15">
      <c r="A38" s="5">
        <v>27</v>
      </c>
      <c r="B38" s="22">
        <v>94</v>
      </c>
      <c r="C38" s="14">
        <v>87</v>
      </c>
      <c r="D38" s="18">
        <v>181</v>
      </c>
    </row>
    <row r="39" spans="1:4" ht="18" customHeight="1" x14ac:dyDescent="0.15">
      <c r="A39" s="5">
        <v>28</v>
      </c>
      <c r="B39" s="22">
        <v>105</v>
      </c>
      <c r="C39" s="14">
        <v>77</v>
      </c>
      <c r="D39" s="18">
        <v>182</v>
      </c>
    </row>
    <row r="40" spans="1:4" ht="18" customHeight="1" x14ac:dyDescent="0.15">
      <c r="A40" s="5">
        <v>29</v>
      </c>
      <c r="B40" s="22">
        <v>89</v>
      </c>
      <c r="C40" s="14">
        <v>101</v>
      </c>
      <c r="D40" s="18">
        <v>190</v>
      </c>
    </row>
    <row r="41" spans="1:4" ht="18" customHeight="1" x14ac:dyDescent="0.15">
      <c r="A41" s="5" t="s">
        <v>2</v>
      </c>
      <c r="B41" s="22">
        <v>486</v>
      </c>
      <c r="C41" s="14">
        <v>423</v>
      </c>
      <c r="D41" s="18">
        <v>909</v>
      </c>
    </row>
    <row r="42" spans="1:4" ht="18" customHeight="1" x14ac:dyDescent="0.15">
      <c r="A42" s="5">
        <v>30</v>
      </c>
      <c r="B42" s="22">
        <v>99</v>
      </c>
      <c r="C42" s="14">
        <v>76</v>
      </c>
      <c r="D42" s="18">
        <v>175</v>
      </c>
    </row>
    <row r="43" spans="1:4" ht="18" customHeight="1" x14ac:dyDescent="0.15">
      <c r="A43" s="5">
        <v>31</v>
      </c>
      <c r="B43" s="22">
        <v>81</v>
      </c>
      <c r="C43" s="14">
        <v>68</v>
      </c>
      <c r="D43" s="18">
        <v>149</v>
      </c>
    </row>
    <row r="44" spans="1:4" ht="18" customHeight="1" x14ac:dyDescent="0.15">
      <c r="A44" s="5">
        <v>32</v>
      </c>
      <c r="B44" s="22">
        <v>63</v>
      </c>
      <c r="C44" s="14">
        <v>67</v>
      </c>
      <c r="D44" s="18">
        <v>130</v>
      </c>
    </row>
    <row r="45" spans="1:4" ht="18" customHeight="1" x14ac:dyDescent="0.15">
      <c r="A45" s="5">
        <v>33</v>
      </c>
      <c r="B45" s="22">
        <v>82</v>
      </c>
      <c r="C45" s="14">
        <v>56</v>
      </c>
      <c r="D45" s="18">
        <v>138</v>
      </c>
    </row>
    <row r="46" spans="1:4" ht="18" customHeight="1" x14ac:dyDescent="0.15">
      <c r="A46" s="5">
        <v>34</v>
      </c>
      <c r="B46" s="22">
        <v>74</v>
      </c>
      <c r="C46" s="14">
        <v>61</v>
      </c>
      <c r="D46" s="18">
        <v>135</v>
      </c>
    </row>
    <row r="47" spans="1:4" ht="18" customHeight="1" x14ac:dyDescent="0.15">
      <c r="A47" s="5" t="s">
        <v>15</v>
      </c>
      <c r="B47" s="22">
        <v>399</v>
      </c>
      <c r="C47" s="14">
        <v>328</v>
      </c>
      <c r="D47" s="18">
        <v>727</v>
      </c>
    </row>
    <row r="48" spans="1:4" ht="18" customHeight="1" x14ac:dyDescent="0.15">
      <c r="A48" s="5">
        <v>35</v>
      </c>
      <c r="B48" s="22">
        <v>88</v>
      </c>
      <c r="C48" s="14">
        <v>55</v>
      </c>
      <c r="D48" s="18">
        <v>143</v>
      </c>
    </row>
    <row r="49" spans="1:4" ht="18" customHeight="1" x14ac:dyDescent="0.15">
      <c r="A49" s="5">
        <v>36</v>
      </c>
      <c r="B49" s="22">
        <v>66</v>
      </c>
      <c r="C49" s="14">
        <v>51</v>
      </c>
      <c r="D49" s="18">
        <v>117</v>
      </c>
    </row>
    <row r="50" spans="1:4" ht="18" customHeight="1" x14ac:dyDescent="0.15">
      <c r="A50" s="5">
        <v>37</v>
      </c>
      <c r="B50" s="22">
        <v>69</v>
      </c>
      <c r="C50" s="14">
        <v>51</v>
      </c>
      <c r="D50" s="18">
        <v>120</v>
      </c>
    </row>
    <row r="51" spans="1:4" ht="18" customHeight="1" x14ac:dyDescent="0.15">
      <c r="A51" s="5">
        <v>38</v>
      </c>
      <c r="B51" s="22">
        <v>80</v>
      </c>
      <c r="C51" s="14">
        <v>59</v>
      </c>
      <c r="D51" s="18">
        <v>139</v>
      </c>
    </row>
    <row r="52" spans="1:4" ht="18" customHeight="1" x14ac:dyDescent="0.15">
      <c r="A52" s="5">
        <v>39</v>
      </c>
      <c r="B52" s="22">
        <v>75</v>
      </c>
      <c r="C52" s="14">
        <v>91</v>
      </c>
      <c r="D52" s="18">
        <v>166</v>
      </c>
    </row>
    <row r="53" spans="1:4" ht="18" customHeight="1" x14ac:dyDescent="0.15">
      <c r="A53" s="5" t="s">
        <v>18</v>
      </c>
      <c r="B53" s="22">
        <v>378</v>
      </c>
      <c r="C53" s="14">
        <v>307</v>
      </c>
      <c r="D53" s="18">
        <v>685</v>
      </c>
    </row>
    <row r="54" spans="1:4" ht="18" customHeight="1" x14ac:dyDescent="0.15">
      <c r="A54" s="5">
        <v>40</v>
      </c>
      <c r="B54" s="22">
        <v>76</v>
      </c>
      <c r="C54" s="14">
        <v>70</v>
      </c>
      <c r="D54" s="18">
        <v>146</v>
      </c>
    </row>
    <row r="55" spans="1:4" ht="18" customHeight="1" x14ac:dyDescent="0.15">
      <c r="A55" s="5">
        <v>41</v>
      </c>
      <c r="B55" s="22">
        <v>89</v>
      </c>
      <c r="C55" s="14">
        <v>76</v>
      </c>
      <c r="D55" s="18">
        <v>165</v>
      </c>
    </row>
    <row r="56" spans="1:4" ht="18" customHeight="1" x14ac:dyDescent="0.15">
      <c r="A56" s="5">
        <v>42</v>
      </c>
      <c r="B56" s="22">
        <v>72</v>
      </c>
      <c r="C56" s="14">
        <v>82</v>
      </c>
      <c r="D56" s="18">
        <v>154</v>
      </c>
    </row>
    <row r="57" spans="1:4" ht="18" customHeight="1" x14ac:dyDescent="0.15">
      <c r="A57" s="5">
        <v>43</v>
      </c>
      <c r="B57" s="22">
        <v>77</v>
      </c>
      <c r="C57" s="14">
        <v>65</v>
      </c>
      <c r="D57" s="18">
        <v>142</v>
      </c>
    </row>
    <row r="58" spans="1:4" ht="18" customHeight="1" x14ac:dyDescent="0.15">
      <c r="A58" s="5">
        <v>44</v>
      </c>
      <c r="B58" s="22">
        <v>80</v>
      </c>
      <c r="C58" s="14">
        <v>75</v>
      </c>
      <c r="D58" s="18">
        <v>155</v>
      </c>
    </row>
    <row r="59" spans="1:4" ht="18" customHeight="1" x14ac:dyDescent="0.15">
      <c r="A59" s="5" t="s">
        <v>21</v>
      </c>
      <c r="B59" s="22">
        <v>394</v>
      </c>
      <c r="C59" s="14">
        <v>368</v>
      </c>
      <c r="D59" s="18">
        <v>762</v>
      </c>
    </row>
    <row r="60" spans="1:4" ht="18" customHeight="1" x14ac:dyDescent="0.15">
      <c r="A60" s="5">
        <v>45</v>
      </c>
      <c r="B60" s="22">
        <v>71</v>
      </c>
      <c r="C60" s="14">
        <v>64</v>
      </c>
      <c r="D60" s="18">
        <v>135</v>
      </c>
    </row>
    <row r="61" spans="1:4" ht="18" customHeight="1" x14ac:dyDescent="0.15">
      <c r="A61" s="5">
        <v>46</v>
      </c>
      <c r="B61" s="22">
        <v>89</v>
      </c>
      <c r="C61" s="14">
        <v>75</v>
      </c>
      <c r="D61" s="18">
        <v>164</v>
      </c>
    </row>
    <row r="62" spans="1:4" ht="18" customHeight="1" x14ac:dyDescent="0.15">
      <c r="A62" s="5">
        <v>47</v>
      </c>
      <c r="B62" s="22">
        <v>101</v>
      </c>
      <c r="C62" s="14">
        <v>72</v>
      </c>
      <c r="D62" s="18">
        <v>173</v>
      </c>
    </row>
    <row r="63" spans="1:4" ht="18" customHeight="1" x14ac:dyDescent="0.15">
      <c r="A63" s="5">
        <v>48</v>
      </c>
      <c r="B63" s="22">
        <v>116</v>
      </c>
      <c r="C63" s="14">
        <v>102</v>
      </c>
      <c r="D63" s="18">
        <v>218</v>
      </c>
    </row>
    <row r="64" spans="1:4" ht="18" customHeight="1" x14ac:dyDescent="0.15">
      <c r="A64" s="5">
        <v>49</v>
      </c>
      <c r="B64" s="22">
        <v>79</v>
      </c>
      <c r="C64" s="14">
        <v>87</v>
      </c>
      <c r="D64" s="18">
        <v>166</v>
      </c>
    </row>
    <row r="65" spans="1:4" ht="18" customHeight="1" x14ac:dyDescent="0.15">
      <c r="A65" s="5" t="s">
        <v>17</v>
      </c>
      <c r="B65" s="22">
        <v>456</v>
      </c>
      <c r="C65" s="14">
        <v>400</v>
      </c>
      <c r="D65" s="18">
        <v>856</v>
      </c>
    </row>
    <row r="66" spans="1:4" ht="18" customHeight="1" x14ac:dyDescent="0.15">
      <c r="A66" s="5">
        <v>50</v>
      </c>
      <c r="B66" s="22">
        <v>102</v>
      </c>
      <c r="C66" s="14">
        <v>124</v>
      </c>
      <c r="D66" s="18">
        <v>226</v>
      </c>
    </row>
    <row r="67" spans="1:4" ht="18" customHeight="1" x14ac:dyDescent="0.15">
      <c r="A67" s="5">
        <v>51</v>
      </c>
      <c r="B67" s="22">
        <v>109</v>
      </c>
      <c r="C67" s="14">
        <v>107</v>
      </c>
      <c r="D67" s="18">
        <v>216</v>
      </c>
    </row>
    <row r="68" spans="1:4" ht="18" customHeight="1" x14ac:dyDescent="0.15">
      <c r="A68" s="5">
        <v>52</v>
      </c>
      <c r="B68" s="22">
        <v>120</v>
      </c>
      <c r="C68" s="14">
        <v>109</v>
      </c>
      <c r="D68" s="18">
        <v>229</v>
      </c>
    </row>
    <row r="69" spans="1:4" ht="18" customHeight="1" x14ac:dyDescent="0.15">
      <c r="A69" s="5">
        <v>53</v>
      </c>
      <c r="B69" s="22">
        <v>103</v>
      </c>
      <c r="C69" s="14">
        <v>95</v>
      </c>
      <c r="D69" s="18">
        <v>198</v>
      </c>
    </row>
    <row r="70" spans="1:4" ht="18" customHeight="1" x14ac:dyDescent="0.15">
      <c r="A70" s="5">
        <v>54</v>
      </c>
      <c r="B70" s="22">
        <v>123</v>
      </c>
      <c r="C70" s="14">
        <v>85</v>
      </c>
      <c r="D70" s="18">
        <v>208</v>
      </c>
    </row>
    <row r="71" spans="1:4" ht="18" customHeight="1" x14ac:dyDescent="0.15">
      <c r="A71" s="5" t="s">
        <v>22</v>
      </c>
      <c r="B71" s="22">
        <v>557</v>
      </c>
      <c r="C71" s="14">
        <v>520</v>
      </c>
      <c r="D71" s="18">
        <v>1077</v>
      </c>
    </row>
    <row r="72" spans="1:4" ht="18" customHeight="1" x14ac:dyDescent="0.15">
      <c r="A72" s="5">
        <v>55</v>
      </c>
      <c r="B72" s="22">
        <v>109</v>
      </c>
      <c r="C72" s="14">
        <v>132</v>
      </c>
      <c r="D72" s="18">
        <v>241</v>
      </c>
    </row>
    <row r="73" spans="1:4" ht="18" customHeight="1" x14ac:dyDescent="0.15">
      <c r="A73" s="5">
        <v>56</v>
      </c>
      <c r="B73" s="22">
        <v>95</v>
      </c>
      <c r="C73" s="14">
        <v>101</v>
      </c>
      <c r="D73" s="18">
        <v>196</v>
      </c>
    </row>
    <row r="74" spans="1:4" ht="18" customHeight="1" x14ac:dyDescent="0.15">
      <c r="A74" s="5">
        <v>57</v>
      </c>
      <c r="B74" s="22">
        <v>96</v>
      </c>
      <c r="C74" s="14">
        <v>112</v>
      </c>
      <c r="D74" s="18">
        <v>208</v>
      </c>
    </row>
    <row r="75" spans="1:4" ht="18" customHeight="1" x14ac:dyDescent="0.15">
      <c r="A75" s="5">
        <v>58</v>
      </c>
      <c r="B75" s="22">
        <v>78</v>
      </c>
      <c r="C75" s="14">
        <v>92</v>
      </c>
      <c r="D75" s="18">
        <v>170</v>
      </c>
    </row>
    <row r="76" spans="1:4" ht="18" customHeight="1" x14ac:dyDescent="0.15">
      <c r="A76" s="5">
        <v>59</v>
      </c>
      <c r="B76" s="22">
        <v>71</v>
      </c>
      <c r="C76" s="14">
        <v>67</v>
      </c>
      <c r="D76" s="18">
        <v>138</v>
      </c>
    </row>
    <row r="77" spans="1:4" ht="18" customHeight="1" x14ac:dyDescent="0.15">
      <c r="A77" s="5" t="s">
        <v>27</v>
      </c>
      <c r="B77" s="22">
        <v>449</v>
      </c>
      <c r="C77" s="14">
        <v>504</v>
      </c>
      <c r="D77" s="18">
        <v>953</v>
      </c>
    </row>
    <row r="78" spans="1:4" ht="18" customHeight="1" x14ac:dyDescent="0.15">
      <c r="A78" s="5">
        <v>60</v>
      </c>
      <c r="B78" s="22">
        <v>89</v>
      </c>
      <c r="C78" s="14">
        <v>68</v>
      </c>
      <c r="D78" s="18">
        <v>157</v>
      </c>
    </row>
    <row r="79" spans="1:4" ht="18" customHeight="1" x14ac:dyDescent="0.15">
      <c r="A79" s="5">
        <v>61</v>
      </c>
      <c r="B79" s="22">
        <v>75</v>
      </c>
      <c r="C79" s="14">
        <v>70</v>
      </c>
      <c r="D79" s="18">
        <v>145</v>
      </c>
    </row>
    <row r="80" spans="1:4" ht="18" customHeight="1" x14ac:dyDescent="0.15">
      <c r="A80" s="5">
        <v>62</v>
      </c>
      <c r="B80" s="22">
        <v>70</v>
      </c>
      <c r="C80" s="14">
        <v>67</v>
      </c>
      <c r="D80" s="18">
        <v>137</v>
      </c>
    </row>
    <row r="81" spans="1:4" ht="18" customHeight="1" x14ac:dyDescent="0.15">
      <c r="A81" s="5">
        <v>63</v>
      </c>
      <c r="B81" s="22">
        <v>79</v>
      </c>
      <c r="C81" s="14">
        <v>59</v>
      </c>
      <c r="D81" s="18">
        <v>138</v>
      </c>
    </row>
    <row r="82" spans="1:4" ht="18" customHeight="1" x14ac:dyDescent="0.15">
      <c r="A82" s="5">
        <v>64</v>
      </c>
      <c r="B82" s="22">
        <v>61</v>
      </c>
      <c r="C82" s="14">
        <v>70</v>
      </c>
      <c r="D82" s="18">
        <v>131</v>
      </c>
    </row>
    <row r="83" spans="1:4" ht="18" customHeight="1" x14ac:dyDescent="0.15">
      <c r="A83" s="5" t="s">
        <v>28</v>
      </c>
      <c r="B83" s="22">
        <v>374</v>
      </c>
      <c r="C83" s="14">
        <v>334</v>
      </c>
      <c r="D83" s="18">
        <v>708</v>
      </c>
    </row>
    <row r="84" spans="1:4" ht="18" customHeight="1" x14ac:dyDescent="0.15">
      <c r="A84" s="5" t="s">
        <v>31</v>
      </c>
      <c r="B84" s="22">
        <v>4205</v>
      </c>
      <c r="C84" s="14">
        <v>3754</v>
      </c>
      <c r="D84" s="18">
        <v>7959</v>
      </c>
    </row>
    <row r="85" spans="1:4" ht="18" customHeight="1" x14ac:dyDescent="0.15">
      <c r="A85" s="5">
        <v>65</v>
      </c>
      <c r="B85" s="22">
        <v>73</v>
      </c>
      <c r="C85" s="14">
        <v>80</v>
      </c>
      <c r="D85" s="18">
        <v>153</v>
      </c>
    </row>
    <row r="86" spans="1:4" ht="18" customHeight="1" x14ac:dyDescent="0.15">
      <c r="A86" s="5">
        <v>66</v>
      </c>
      <c r="B86" s="22">
        <v>59</v>
      </c>
      <c r="C86" s="14">
        <v>69</v>
      </c>
      <c r="D86" s="18">
        <v>128</v>
      </c>
    </row>
    <row r="87" spans="1:4" ht="18" customHeight="1" x14ac:dyDescent="0.15">
      <c r="A87" s="5">
        <v>67</v>
      </c>
      <c r="B87" s="22">
        <v>56</v>
      </c>
      <c r="C87" s="14">
        <v>64</v>
      </c>
      <c r="D87" s="18">
        <v>120</v>
      </c>
    </row>
    <row r="88" spans="1:4" ht="18" customHeight="1" x14ac:dyDescent="0.15">
      <c r="A88" s="5">
        <v>68</v>
      </c>
      <c r="B88" s="22">
        <v>78</v>
      </c>
      <c r="C88" s="14">
        <v>68</v>
      </c>
      <c r="D88" s="18">
        <v>146</v>
      </c>
    </row>
    <row r="89" spans="1:4" ht="18" customHeight="1" x14ac:dyDescent="0.15">
      <c r="A89" s="5">
        <v>69</v>
      </c>
      <c r="B89" s="22">
        <v>59</v>
      </c>
      <c r="C89" s="14">
        <v>60</v>
      </c>
      <c r="D89" s="18">
        <v>119</v>
      </c>
    </row>
    <row r="90" spans="1:4" ht="18" customHeight="1" x14ac:dyDescent="0.15">
      <c r="A90" s="5" t="s">
        <v>20</v>
      </c>
      <c r="B90" s="22">
        <v>325</v>
      </c>
      <c r="C90" s="14">
        <v>341</v>
      </c>
      <c r="D90" s="18">
        <v>666</v>
      </c>
    </row>
    <row r="91" spans="1:4" ht="18" customHeight="1" x14ac:dyDescent="0.15">
      <c r="A91" s="5">
        <v>70</v>
      </c>
      <c r="B91" s="22">
        <v>60</v>
      </c>
      <c r="C91" s="14">
        <v>64</v>
      </c>
      <c r="D91" s="18">
        <v>124</v>
      </c>
    </row>
    <row r="92" spans="1:4" ht="18" customHeight="1" x14ac:dyDescent="0.15">
      <c r="A92" s="5">
        <v>71</v>
      </c>
      <c r="B92" s="22">
        <v>68</v>
      </c>
      <c r="C92" s="14">
        <v>70</v>
      </c>
      <c r="D92" s="18">
        <v>138</v>
      </c>
    </row>
    <row r="93" spans="1:4" ht="18" customHeight="1" x14ac:dyDescent="0.15">
      <c r="A93" s="5">
        <v>72</v>
      </c>
      <c r="B93" s="22">
        <v>76</v>
      </c>
      <c r="C93" s="14">
        <v>81</v>
      </c>
      <c r="D93" s="18">
        <v>157</v>
      </c>
    </row>
    <row r="94" spans="1:4" ht="18" customHeight="1" x14ac:dyDescent="0.15">
      <c r="A94" s="5">
        <v>73</v>
      </c>
      <c r="B94" s="22">
        <v>80</v>
      </c>
      <c r="C94" s="14">
        <v>68</v>
      </c>
      <c r="D94" s="18">
        <v>148</v>
      </c>
    </row>
    <row r="95" spans="1:4" ht="18" customHeight="1" x14ac:dyDescent="0.15">
      <c r="A95" s="5">
        <v>74</v>
      </c>
      <c r="B95" s="22">
        <v>66</v>
      </c>
      <c r="C95" s="14">
        <v>74</v>
      </c>
      <c r="D95" s="18">
        <v>140</v>
      </c>
    </row>
    <row r="96" spans="1:4" ht="18" customHeight="1" x14ac:dyDescent="0.15">
      <c r="A96" s="5" t="s">
        <v>33</v>
      </c>
      <c r="B96" s="22">
        <v>350</v>
      </c>
      <c r="C96" s="14">
        <v>357</v>
      </c>
      <c r="D96" s="18">
        <v>707</v>
      </c>
    </row>
    <row r="97" spans="1:4" ht="18" customHeight="1" x14ac:dyDescent="0.15">
      <c r="A97" s="5">
        <v>75</v>
      </c>
      <c r="B97" s="22">
        <v>71</v>
      </c>
      <c r="C97" s="14">
        <v>88</v>
      </c>
      <c r="D97" s="18">
        <v>159</v>
      </c>
    </row>
    <row r="98" spans="1:4" ht="18" customHeight="1" x14ac:dyDescent="0.15">
      <c r="A98" s="5">
        <v>76</v>
      </c>
      <c r="B98" s="22">
        <v>79</v>
      </c>
      <c r="C98" s="14">
        <v>91</v>
      </c>
      <c r="D98" s="18">
        <v>170</v>
      </c>
    </row>
    <row r="99" spans="1:4" ht="18" customHeight="1" x14ac:dyDescent="0.15">
      <c r="A99" s="5">
        <v>77</v>
      </c>
      <c r="B99" s="22">
        <v>83</v>
      </c>
      <c r="C99" s="14">
        <v>88</v>
      </c>
      <c r="D99" s="18">
        <v>171</v>
      </c>
    </row>
    <row r="100" spans="1:4" ht="18" customHeight="1" x14ac:dyDescent="0.15">
      <c r="A100" s="5">
        <v>78</v>
      </c>
      <c r="B100" s="22">
        <v>79</v>
      </c>
      <c r="C100" s="14">
        <v>110</v>
      </c>
      <c r="D100" s="18">
        <v>189</v>
      </c>
    </row>
    <row r="101" spans="1:4" ht="18" customHeight="1" x14ac:dyDescent="0.15">
      <c r="A101" s="5">
        <v>79</v>
      </c>
      <c r="B101" s="22">
        <v>70</v>
      </c>
      <c r="C101" s="14">
        <v>113</v>
      </c>
      <c r="D101" s="18">
        <v>183</v>
      </c>
    </row>
    <row r="102" spans="1:4" ht="18" customHeight="1" x14ac:dyDescent="0.15">
      <c r="A102" s="5" t="s">
        <v>0</v>
      </c>
      <c r="B102" s="22">
        <v>382</v>
      </c>
      <c r="C102" s="14">
        <v>490</v>
      </c>
      <c r="D102" s="18">
        <v>872</v>
      </c>
    </row>
    <row r="103" spans="1:4" ht="18" customHeight="1" x14ac:dyDescent="0.15">
      <c r="A103" s="5">
        <v>80</v>
      </c>
      <c r="B103" s="22">
        <v>28</v>
      </c>
      <c r="C103" s="14">
        <v>45</v>
      </c>
      <c r="D103" s="18">
        <v>73</v>
      </c>
    </row>
    <row r="104" spans="1:4" ht="18" customHeight="1" x14ac:dyDescent="0.15">
      <c r="A104" s="5">
        <v>81</v>
      </c>
      <c r="B104" s="22">
        <v>51</v>
      </c>
      <c r="C104" s="14">
        <v>60</v>
      </c>
      <c r="D104" s="18">
        <v>111</v>
      </c>
    </row>
    <row r="105" spans="1:4" ht="18" customHeight="1" x14ac:dyDescent="0.15">
      <c r="A105" s="5">
        <v>82</v>
      </c>
      <c r="B105" s="22">
        <v>39</v>
      </c>
      <c r="C105" s="14">
        <v>66</v>
      </c>
      <c r="D105" s="18">
        <v>105</v>
      </c>
    </row>
    <row r="106" spans="1:4" ht="18" customHeight="1" x14ac:dyDescent="0.15">
      <c r="A106" s="5">
        <v>83</v>
      </c>
      <c r="B106" s="22">
        <v>55</v>
      </c>
      <c r="C106" s="14">
        <v>62</v>
      </c>
      <c r="D106" s="18">
        <v>117</v>
      </c>
    </row>
    <row r="107" spans="1:4" ht="18" customHeight="1" x14ac:dyDescent="0.15">
      <c r="A107" s="5">
        <v>84</v>
      </c>
      <c r="B107" s="22">
        <v>57</v>
      </c>
      <c r="C107" s="14">
        <v>66</v>
      </c>
      <c r="D107" s="18">
        <v>123</v>
      </c>
    </row>
    <row r="108" spans="1:4" ht="18" customHeight="1" x14ac:dyDescent="0.15">
      <c r="A108" s="5" t="s">
        <v>35</v>
      </c>
      <c r="B108" s="22">
        <v>230</v>
      </c>
      <c r="C108" s="14">
        <v>299</v>
      </c>
      <c r="D108" s="18">
        <v>529</v>
      </c>
    </row>
    <row r="109" spans="1:4" ht="18" customHeight="1" x14ac:dyDescent="0.15">
      <c r="A109" s="5">
        <v>85</v>
      </c>
      <c r="B109" s="22">
        <v>42</v>
      </c>
      <c r="C109" s="14">
        <v>50</v>
      </c>
      <c r="D109" s="18">
        <v>92</v>
      </c>
    </row>
    <row r="110" spans="1:4" ht="18" customHeight="1" x14ac:dyDescent="0.15">
      <c r="A110" s="5">
        <v>86</v>
      </c>
      <c r="B110" s="22">
        <v>34</v>
      </c>
      <c r="C110" s="14">
        <v>53</v>
      </c>
      <c r="D110" s="18">
        <v>87</v>
      </c>
    </row>
    <row r="111" spans="1:4" ht="18" customHeight="1" x14ac:dyDescent="0.15">
      <c r="A111" s="5">
        <v>87</v>
      </c>
      <c r="B111" s="22">
        <v>23</v>
      </c>
      <c r="C111" s="14">
        <v>38</v>
      </c>
      <c r="D111" s="18">
        <v>61</v>
      </c>
    </row>
    <row r="112" spans="1:4" ht="18" customHeight="1" x14ac:dyDescent="0.15">
      <c r="A112" s="5">
        <v>88</v>
      </c>
      <c r="B112" s="22">
        <v>22</v>
      </c>
      <c r="C112" s="14">
        <v>36</v>
      </c>
      <c r="D112" s="18">
        <v>58</v>
      </c>
    </row>
    <row r="113" spans="1:4" ht="18" customHeight="1" x14ac:dyDescent="0.15">
      <c r="A113" s="5">
        <v>89</v>
      </c>
      <c r="B113" s="22">
        <v>17</v>
      </c>
      <c r="C113" s="14">
        <v>43</v>
      </c>
      <c r="D113" s="18">
        <v>60</v>
      </c>
    </row>
    <row r="114" spans="1:4" ht="18" customHeight="1" x14ac:dyDescent="0.15">
      <c r="A114" s="5" t="s">
        <v>37</v>
      </c>
      <c r="B114" s="22">
        <v>138</v>
      </c>
      <c r="C114" s="14">
        <v>220</v>
      </c>
      <c r="D114" s="18">
        <v>358</v>
      </c>
    </row>
    <row r="115" spans="1:4" ht="18" customHeight="1" x14ac:dyDescent="0.15">
      <c r="A115" s="5">
        <v>90</v>
      </c>
      <c r="B115" s="22">
        <v>14</v>
      </c>
      <c r="C115" s="14">
        <v>38</v>
      </c>
      <c r="D115" s="18">
        <v>52</v>
      </c>
    </row>
    <row r="116" spans="1:4" ht="18" customHeight="1" x14ac:dyDescent="0.15">
      <c r="A116" s="5">
        <v>91</v>
      </c>
      <c r="B116" s="22">
        <v>11</v>
      </c>
      <c r="C116" s="14">
        <v>24</v>
      </c>
      <c r="D116" s="18">
        <v>35</v>
      </c>
    </row>
    <row r="117" spans="1:4" ht="18" customHeight="1" x14ac:dyDescent="0.15">
      <c r="A117" s="5">
        <v>92</v>
      </c>
      <c r="B117" s="22">
        <v>9</v>
      </c>
      <c r="C117" s="14">
        <v>18</v>
      </c>
      <c r="D117" s="18">
        <v>27</v>
      </c>
    </row>
    <row r="118" spans="1:4" ht="18" customHeight="1" x14ac:dyDescent="0.15">
      <c r="A118" s="5">
        <v>93</v>
      </c>
      <c r="B118" s="22">
        <v>3</v>
      </c>
      <c r="C118" s="14">
        <v>22</v>
      </c>
      <c r="D118" s="18">
        <v>25</v>
      </c>
    </row>
    <row r="119" spans="1:4" ht="18" customHeight="1" x14ac:dyDescent="0.15">
      <c r="A119" s="5">
        <v>94</v>
      </c>
      <c r="B119" s="22">
        <v>2</v>
      </c>
      <c r="C119" s="14">
        <v>20</v>
      </c>
      <c r="D119" s="18">
        <v>22</v>
      </c>
    </row>
    <row r="120" spans="1:4" ht="18" customHeight="1" x14ac:dyDescent="0.15">
      <c r="A120" s="5" t="s">
        <v>39</v>
      </c>
      <c r="B120" s="22">
        <v>39</v>
      </c>
      <c r="C120" s="14">
        <v>122</v>
      </c>
      <c r="D120" s="18">
        <v>161</v>
      </c>
    </row>
    <row r="121" spans="1:4" ht="18" customHeight="1" x14ac:dyDescent="0.15">
      <c r="A121" s="5">
        <v>95</v>
      </c>
      <c r="B121" s="22">
        <v>4</v>
      </c>
      <c r="C121" s="14">
        <v>9</v>
      </c>
      <c r="D121" s="18">
        <v>13</v>
      </c>
    </row>
    <row r="122" spans="1:4" ht="18" customHeight="1" x14ac:dyDescent="0.15">
      <c r="A122" s="5">
        <v>96</v>
      </c>
      <c r="B122" s="22">
        <v>4</v>
      </c>
      <c r="C122" s="14">
        <v>5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11</v>
      </c>
      <c r="D123" s="18">
        <v>12</v>
      </c>
    </row>
    <row r="124" spans="1:4" ht="18" customHeight="1" x14ac:dyDescent="0.15">
      <c r="A124" s="5">
        <v>98</v>
      </c>
      <c r="B124" s="22">
        <v>2</v>
      </c>
      <c r="C124" s="14">
        <v>6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1</v>
      </c>
      <c r="C126" s="14">
        <v>38</v>
      </c>
      <c r="D126" s="18">
        <v>49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475</v>
      </c>
      <c r="C130" s="14">
        <v>1874</v>
      </c>
      <c r="D130" s="18">
        <v>3349</v>
      </c>
    </row>
    <row r="131" spans="1:4" ht="18" customHeight="1" x14ac:dyDescent="0.15">
      <c r="A131" s="7" t="s">
        <v>45</v>
      </c>
      <c r="B131" s="23">
        <v>6382</v>
      </c>
      <c r="C131" s="15">
        <v>6300</v>
      </c>
      <c r="D131" s="19">
        <v>126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28</v>
      </c>
      <c r="C5" s="29">
        <v>912</v>
      </c>
      <c r="D5" s="31">
        <v>1840</v>
      </c>
    </row>
    <row r="6" spans="1:4" ht="18" customHeight="1" x14ac:dyDescent="0.15">
      <c r="A6" s="5">
        <v>1</v>
      </c>
      <c r="B6" s="27">
        <v>947</v>
      </c>
      <c r="C6" s="14">
        <v>924</v>
      </c>
      <c r="D6" s="18">
        <v>1871</v>
      </c>
    </row>
    <row r="7" spans="1:4" ht="18" customHeight="1" x14ac:dyDescent="0.15">
      <c r="A7" s="5">
        <v>2</v>
      </c>
      <c r="B7" s="27">
        <v>1010</v>
      </c>
      <c r="C7" s="14">
        <v>935</v>
      </c>
      <c r="D7" s="18">
        <v>1945</v>
      </c>
    </row>
    <row r="8" spans="1:4" ht="18" customHeight="1" x14ac:dyDescent="0.15">
      <c r="A8" s="5">
        <v>3</v>
      </c>
      <c r="B8" s="27">
        <v>1019</v>
      </c>
      <c r="C8" s="14">
        <v>1018</v>
      </c>
      <c r="D8" s="18">
        <v>2037</v>
      </c>
    </row>
    <row r="9" spans="1:4" ht="18" customHeight="1" x14ac:dyDescent="0.15">
      <c r="A9" s="5">
        <v>4</v>
      </c>
      <c r="B9" s="28">
        <v>1089</v>
      </c>
      <c r="C9" s="30">
        <v>1022</v>
      </c>
      <c r="D9" s="32">
        <v>2111</v>
      </c>
    </row>
    <row r="10" spans="1:4" ht="18" customHeight="1" x14ac:dyDescent="0.15">
      <c r="A10" s="5" t="s">
        <v>7</v>
      </c>
      <c r="B10" s="22">
        <v>4993</v>
      </c>
      <c r="C10" s="14">
        <v>4811</v>
      </c>
      <c r="D10" s="18">
        <v>9804</v>
      </c>
    </row>
    <row r="11" spans="1:4" ht="18" customHeight="1" x14ac:dyDescent="0.15">
      <c r="A11" s="5">
        <v>5</v>
      </c>
      <c r="B11" s="27">
        <v>1079</v>
      </c>
      <c r="C11" s="14">
        <v>1053</v>
      </c>
      <c r="D11" s="18">
        <v>2132</v>
      </c>
    </row>
    <row r="12" spans="1:4" ht="18" customHeight="1" x14ac:dyDescent="0.15">
      <c r="A12" s="5">
        <v>6</v>
      </c>
      <c r="B12" s="27">
        <v>1153</v>
      </c>
      <c r="C12" s="14">
        <v>1061</v>
      </c>
      <c r="D12" s="18">
        <v>2214</v>
      </c>
    </row>
    <row r="13" spans="1:4" ht="18" customHeight="1" x14ac:dyDescent="0.15">
      <c r="A13" s="5">
        <v>7</v>
      </c>
      <c r="B13" s="27">
        <v>1144</v>
      </c>
      <c r="C13" s="14">
        <v>1143</v>
      </c>
      <c r="D13" s="18">
        <v>2287</v>
      </c>
    </row>
    <row r="14" spans="1:4" ht="18" customHeight="1" x14ac:dyDescent="0.15">
      <c r="A14" s="5">
        <v>8</v>
      </c>
      <c r="B14" s="27">
        <v>1187</v>
      </c>
      <c r="C14" s="14">
        <v>1138</v>
      </c>
      <c r="D14" s="18">
        <v>2325</v>
      </c>
    </row>
    <row r="15" spans="1:4" ht="18" customHeight="1" x14ac:dyDescent="0.15">
      <c r="A15" s="5">
        <v>9</v>
      </c>
      <c r="B15" s="27">
        <v>1256</v>
      </c>
      <c r="C15" s="14">
        <v>1198</v>
      </c>
      <c r="D15" s="18">
        <v>2454</v>
      </c>
    </row>
    <row r="16" spans="1:4" ht="18" customHeight="1" x14ac:dyDescent="0.15">
      <c r="A16" s="5" t="s">
        <v>11</v>
      </c>
      <c r="B16" s="22">
        <v>5819</v>
      </c>
      <c r="C16" s="14">
        <v>5593</v>
      </c>
      <c r="D16" s="18">
        <v>11412</v>
      </c>
    </row>
    <row r="17" spans="1:4" ht="18" customHeight="1" x14ac:dyDescent="0.15">
      <c r="A17" s="5">
        <v>10</v>
      </c>
      <c r="B17" s="22">
        <v>1252</v>
      </c>
      <c r="C17" s="14">
        <v>1227</v>
      </c>
      <c r="D17" s="18">
        <v>2479</v>
      </c>
    </row>
    <row r="18" spans="1:4" ht="18" customHeight="1" x14ac:dyDescent="0.15">
      <c r="A18" s="5">
        <v>11</v>
      </c>
      <c r="B18" s="22">
        <v>1252</v>
      </c>
      <c r="C18" s="14">
        <v>1235</v>
      </c>
      <c r="D18" s="18">
        <v>2487</v>
      </c>
    </row>
    <row r="19" spans="1:4" ht="18" customHeight="1" x14ac:dyDescent="0.15">
      <c r="A19" s="5">
        <v>12</v>
      </c>
      <c r="B19" s="22">
        <v>1254</v>
      </c>
      <c r="C19" s="14">
        <v>1262</v>
      </c>
      <c r="D19" s="18">
        <v>2516</v>
      </c>
    </row>
    <row r="20" spans="1:4" ht="18" customHeight="1" x14ac:dyDescent="0.15">
      <c r="A20" s="5">
        <v>13</v>
      </c>
      <c r="B20" s="22">
        <v>1307</v>
      </c>
      <c r="C20" s="14">
        <v>1206</v>
      </c>
      <c r="D20" s="18">
        <v>2513</v>
      </c>
    </row>
    <row r="21" spans="1:4" ht="18" customHeight="1" x14ac:dyDescent="0.15">
      <c r="A21" s="5">
        <v>14</v>
      </c>
      <c r="B21" s="22">
        <v>1295</v>
      </c>
      <c r="C21" s="14">
        <v>1314</v>
      </c>
      <c r="D21" s="18">
        <v>2609</v>
      </c>
    </row>
    <row r="22" spans="1:4" ht="18" customHeight="1" x14ac:dyDescent="0.15">
      <c r="A22" s="5" t="s">
        <v>12</v>
      </c>
      <c r="B22" s="22">
        <v>6360</v>
      </c>
      <c r="C22" s="14">
        <v>6244</v>
      </c>
      <c r="D22" s="18">
        <v>12604</v>
      </c>
    </row>
    <row r="23" spans="1:4" ht="18" customHeight="1" x14ac:dyDescent="0.15">
      <c r="A23" s="5" t="s">
        <v>6</v>
      </c>
      <c r="B23" s="22">
        <v>17172</v>
      </c>
      <c r="C23" s="14">
        <v>16648</v>
      </c>
      <c r="D23" s="18">
        <v>33820</v>
      </c>
    </row>
    <row r="24" spans="1:4" ht="18" customHeight="1" x14ac:dyDescent="0.15">
      <c r="A24" s="5">
        <v>15</v>
      </c>
      <c r="B24" s="22">
        <v>1374</v>
      </c>
      <c r="C24" s="14">
        <v>1195</v>
      </c>
      <c r="D24" s="18">
        <v>2569</v>
      </c>
    </row>
    <row r="25" spans="1:4" ht="18" customHeight="1" x14ac:dyDescent="0.15">
      <c r="A25" s="5">
        <v>16</v>
      </c>
      <c r="B25" s="22">
        <v>1350</v>
      </c>
      <c r="C25" s="14">
        <v>1290</v>
      </c>
      <c r="D25" s="18">
        <v>2640</v>
      </c>
    </row>
    <row r="26" spans="1:4" ht="18" customHeight="1" x14ac:dyDescent="0.15">
      <c r="A26" s="5">
        <v>17</v>
      </c>
      <c r="B26" s="22">
        <v>1412</v>
      </c>
      <c r="C26" s="14">
        <v>1285</v>
      </c>
      <c r="D26" s="18">
        <v>2697</v>
      </c>
    </row>
    <row r="27" spans="1:4" ht="18" customHeight="1" x14ac:dyDescent="0.15">
      <c r="A27" s="5">
        <v>18</v>
      </c>
      <c r="B27" s="22">
        <v>1342</v>
      </c>
      <c r="C27" s="14">
        <v>1347</v>
      </c>
      <c r="D27" s="18">
        <v>2689</v>
      </c>
    </row>
    <row r="28" spans="1:4" ht="18" customHeight="1" x14ac:dyDescent="0.15">
      <c r="A28" s="5">
        <v>19</v>
      </c>
      <c r="B28" s="22">
        <v>1481</v>
      </c>
      <c r="C28" s="14">
        <v>1400</v>
      </c>
      <c r="D28" s="18">
        <v>2881</v>
      </c>
    </row>
    <row r="29" spans="1:4" ht="18" customHeight="1" x14ac:dyDescent="0.15">
      <c r="A29" s="5" t="s">
        <v>14</v>
      </c>
      <c r="B29" s="22">
        <v>6959</v>
      </c>
      <c r="C29" s="14">
        <v>6517</v>
      </c>
      <c r="D29" s="18">
        <v>13476</v>
      </c>
    </row>
    <row r="30" spans="1:4" ht="18" customHeight="1" x14ac:dyDescent="0.15">
      <c r="A30" s="5">
        <v>20</v>
      </c>
      <c r="B30" s="22">
        <v>1579</v>
      </c>
      <c r="C30" s="14">
        <v>1347</v>
      </c>
      <c r="D30" s="18">
        <v>2926</v>
      </c>
    </row>
    <row r="31" spans="1:4" ht="18" customHeight="1" x14ac:dyDescent="0.15">
      <c r="A31" s="5">
        <v>21</v>
      </c>
      <c r="B31" s="22">
        <v>1588</v>
      </c>
      <c r="C31" s="14">
        <v>1462</v>
      </c>
      <c r="D31" s="18">
        <v>3050</v>
      </c>
    </row>
    <row r="32" spans="1:4" ht="18" customHeight="1" x14ac:dyDescent="0.15">
      <c r="A32" s="5">
        <v>22</v>
      </c>
      <c r="B32" s="22">
        <v>1665</v>
      </c>
      <c r="C32" s="14">
        <v>1487</v>
      </c>
      <c r="D32" s="18">
        <v>3152</v>
      </c>
    </row>
    <row r="33" spans="1:4" ht="18" customHeight="1" x14ac:dyDescent="0.15">
      <c r="A33" s="5">
        <v>23</v>
      </c>
      <c r="B33" s="22">
        <v>1713</v>
      </c>
      <c r="C33" s="14">
        <v>1402</v>
      </c>
      <c r="D33" s="18">
        <v>3115</v>
      </c>
    </row>
    <row r="34" spans="1:4" ht="18" customHeight="1" x14ac:dyDescent="0.15">
      <c r="A34" s="5">
        <v>24</v>
      </c>
      <c r="B34" s="22">
        <v>1794</v>
      </c>
      <c r="C34" s="14">
        <v>1506</v>
      </c>
      <c r="D34" s="18">
        <v>3300</v>
      </c>
    </row>
    <row r="35" spans="1:4" ht="18" customHeight="1" x14ac:dyDescent="0.15">
      <c r="A35" s="5" t="s">
        <v>9</v>
      </c>
      <c r="B35" s="22">
        <v>8339</v>
      </c>
      <c r="C35" s="14">
        <v>7204</v>
      </c>
      <c r="D35" s="18">
        <v>15543</v>
      </c>
    </row>
    <row r="36" spans="1:4" ht="18" customHeight="1" x14ac:dyDescent="0.15">
      <c r="A36" s="5">
        <v>25</v>
      </c>
      <c r="B36" s="22">
        <v>1693</v>
      </c>
      <c r="C36" s="14">
        <v>1525</v>
      </c>
      <c r="D36" s="18">
        <v>3218</v>
      </c>
    </row>
    <row r="37" spans="1:4" ht="18" customHeight="1" x14ac:dyDescent="0.15">
      <c r="A37" s="5">
        <v>26</v>
      </c>
      <c r="B37" s="22">
        <v>1779</v>
      </c>
      <c r="C37" s="14">
        <v>1533</v>
      </c>
      <c r="D37" s="18">
        <v>3312</v>
      </c>
    </row>
    <row r="38" spans="1:4" ht="18" customHeight="1" x14ac:dyDescent="0.15">
      <c r="A38" s="5">
        <v>27</v>
      </c>
      <c r="B38" s="22">
        <v>1689</v>
      </c>
      <c r="C38" s="14">
        <v>1508</v>
      </c>
      <c r="D38" s="18">
        <v>3197</v>
      </c>
    </row>
    <row r="39" spans="1:4" ht="18" customHeight="1" x14ac:dyDescent="0.15">
      <c r="A39" s="5">
        <v>28</v>
      </c>
      <c r="B39" s="22">
        <v>1752</v>
      </c>
      <c r="C39" s="14">
        <v>1480</v>
      </c>
      <c r="D39" s="18">
        <v>3232</v>
      </c>
    </row>
    <row r="40" spans="1:4" ht="18" customHeight="1" x14ac:dyDescent="0.15">
      <c r="A40" s="5">
        <v>29</v>
      </c>
      <c r="B40" s="22">
        <v>1747</v>
      </c>
      <c r="C40" s="14">
        <v>1630</v>
      </c>
      <c r="D40" s="18">
        <v>3377</v>
      </c>
    </row>
    <row r="41" spans="1:4" ht="18" customHeight="1" x14ac:dyDescent="0.15">
      <c r="A41" s="5" t="s">
        <v>2</v>
      </c>
      <c r="B41" s="22">
        <v>8660</v>
      </c>
      <c r="C41" s="14">
        <v>7676</v>
      </c>
      <c r="D41" s="18">
        <v>16336</v>
      </c>
    </row>
    <row r="42" spans="1:4" ht="18" customHeight="1" x14ac:dyDescent="0.15">
      <c r="A42" s="5">
        <v>30</v>
      </c>
      <c r="B42" s="22">
        <v>1778</v>
      </c>
      <c r="C42" s="14">
        <v>1507</v>
      </c>
      <c r="D42" s="18">
        <v>3285</v>
      </c>
    </row>
    <row r="43" spans="1:4" ht="18" customHeight="1" x14ac:dyDescent="0.15">
      <c r="A43" s="5">
        <v>31</v>
      </c>
      <c r="B43" s="22">
        <v>1750</v>
      </c>
      <c r="C43" s="14">
        <v>1518</v>
      </c>
      <c r="D43" s="18">
        <v>3268</v>
      </c>
    </row>
    <row r="44" spans="1:4" ht="18" customHeight="1" x14ac:dyDescent="0.15">
      <c r="A44" s="5">
        <v>32</v>
      </c>
      <c r="B44" s="22">
        <v>1670</v>
      </c>
      <c r="C44" s="14">
        <v>1472</v>
      </c>
      <c r="D44" s="18">
        <v>3142</v>
      </c>
    </row>
    <row r="45" spans="1:4" ht="18" customHeight="1" x14ac:dyDescent="0.15">
      <c r="A45" s="5">
        <v>33</v>
      </c>
      <c r="B45" s="22">
        <v>1619</v>
      </c>
      <c r="C45" s="14">
        <v>1476</v>
      </c>
      <c r="D45" s="18">
        <v>3095</v>
      </c>
    </row>
    <row r="46" spans="1:4" ht="18" customHeight="1" x14ac:dyDescent="0.15">
      <c r="A46" s="5">
        <v>34</v>
      </c>
      <c r="B46" s="22">
        <v>1575</v>
      </c>
      <c r="C46" s="14">
        <v>1486</v>
      </c>
      <c r="D46" s="18">
        <v>3061</v>
      </c>
    </row>
    <row r="47" spans="1:4" ht="18" customHeight="1" x14ac:dyDescent="0.15">
      <c r="A47" s="5" t="s">
        <v>15</v>
      </c>
      <c r="B47" s="22">
        <v>8392</v>
      </c>
      <c r="C47" s="14">
        <v>7459</v>
      </c>
      <c r="D47" s="18">
        <v>15851</v>
      </c>
    </row>
    <row r="48" spans="1:4" ht="18" customHeight="1" x14ac:dyDescent="0.15">
      <c r="A48" s="5">
        <v>35</v>
      </c>
      <c r="B48" s="22">
        <v>1653</v>
      </c>
      <c r="C48" s="14">
        <v>1480</v>
      </c>
      <c r="D48" s="18">
        <v>3133</v>
      </c>
    </row>
    <row r="49" spans="1:4" ht="18" customHeight="1" x14ac:dyDescent="0.15">
      <c r="A49" s="5">
        <v>36</v>
      </c>
      <c r="B49" s="22">
        <v>1650</v>
      </c>
      <c r="C49" s="14">
        <v>1458</v>
      </c>
      <c r="D49" s="18">
        <v>3108</v>
      </c>
    </row>
    <row r="50" spans="1:4" ht="18" customHeight="1" x14ac:dyDescent="0.15">
      <c r="A50" s="5">
        <v>37</v>
      </c>
      <c r="B50" s="22">
        <v>1707</v>
      </c>
      <c r="C50" s="14">
        <v>1494</v>
      </c>
      <c r="D50" s="18">
        <v>3201</v>
      </c>
    </row>
    <row r="51" spans="1:4" ht="18" customHeight="1" x14ac:dyDescent="0.15">
      <c r="A51" s="5">
        <v>38</v>
      </c>
      <c r="B51" s="22">
        <v>1713</v>
      </c>
      <c r="C51" s="14">
        <v>1546</v>
      </c>
      <c r="D51" s="18">
        <v>3259</v>
      </c>
    </row>
    <row r="52" spans="1:4" ht="18" customHeight="1" x14ac:dyDescent="0.15">
      <c r="A52" s="5">
        <v>39</v>
      </c>
      <c r="B52" s="22">
        <v>1756</v>
      </c>
      <c r="C52" s="14">
        <v>1677</v>
      </c>
      <c r="D52" s="18">
        <v>3433</v>
      </c>
    </row>
    <row r="53" spans="1:4" ht="18" customHeight="1" x14ac:dyDescent="0.15">
      <c r="A53" s="5" t="s">
        <v>18</v>
      </c>
      <c r="B53" s="22">
        <v>8479</v>
      </c>
      <c r="C53" s="14">
        <v>7655</v>
      </c>
      <c r="D53" s="18">
        <v>16134</v>
      </c>
    </row>
    <row r="54" spans="1:4" ht="18" customHeight="1" x14ac:dyDescent="0.15">
      <c r="A54" s="5">
        <v>40</v>
      </c>
      <c r="B54" s="22">
        <v>1847</v>
      </c>
      <c r="C54" s="14">
        <v>1670</v>
      </c>
      <c r="D54" s="18">
        <v>3517</v>
      </c>
    </row>
    <row r="55" spans="1:4" ht="18" customHeight="1" x14ac:dyDescent="0.15">
      <c r="A55" s="5">
        <v>41</v>
      </c>
      <c r="B55" s="22">
        <v>1908</v>
      </c>
      <c r="C55" s="14">
        <v>1824</v>
      </c>
      <c r="D55" s="18">
        <v>3732</v>
      </c>
    </row>
    <row r="56" spans="1:4" ht="18" customHeight="1" x14ac:dyDescent="0.15">
      <c r="A56" s="5">
        <v>42</v>
      </c>
      <c r="B56" s="22">
        <v>1841</v>
      </c>
      <c r="C56" s="14">
        <v>1694</v>
      </c>
      <c r="D56" s="18">
        <v>3535</v>
      </c>
    </row>
    <row r="57" spans="1:4" ht="18" customHeight="1" x14ac:dyDescent="0.15">
      <c r="A57" s="5">
        <v>43</v>
      </c>
      <c r="B57" s="22">
        <v>1929</v>
      </c>
      <c r="C57" s="14">
        <v>1702</v>
      </c>
      <c r="D57" s="18">
        <v>3631</v>
      </c>
    </row>
    <row r="58" spans="1:4" ht="18" customHeight="1" x14ac:dyDescent="0.15">
      <c r="A58" s="5">
        <v>44</v>
      </c>
      <c r="B58" s="22">
        <v>1961</v>
      </c>
      <c r="C58" s="14">
        <v>1910</v>
      </c>
      <c r="D58" s="18">
        <v>3871</v>
      </c>
    </row>
    <row r="59" spans="1:4" ht="18" customHeight="1" x14ac:dyDescent="0.15">
      <c r="A59" s="5" t="s">
        <v>21</v>
      </c>
      <c r="B59" s="22">
        <v>9486</v>
      </c>
      <c r="C59" s="14">
        <v>8800</v>
      </c>
      <c r="D59" s="18">
        <v>18286</v>
      </c>
    </row>
    <row r="60" spans="1:4" ht="18" customHeight="1" x14ac:dyDescent="0.15">
      <c r="A60" s="5">
        <v>45</v>
      </c>
      <c r="B60" s="22">
        <v>1905</v>
      </c>
      <c r="C60" s="14">
        <v>1783</v>
      </c>
      <c r="D60" s="18">
        <v>3688</v>
      </c>
    </row>
    <row r="61" spans="1:4" ht="18" customHeight="1" x14ac:dyDescent="0.15">
      <c r="A61" s="5">
        <v>46</v>
      </c>
      <c r="B61" s="22">
        <v>2039</v>
      </c>
      <c r="C61" s="14">
        <v>1959</v>
      </c>
      <c r="D61" s="18">
        <v>3998</v>
      </c>
    </row>
    <row r="62" spans="1:4" ht="18" customHeight="1" x14ac:dyDescent="0.15">
      <c r="A62" s="5">
        <v>47</v>
      </c>
      <c r="B62" s="22">
        <v>2093</v>
      </c>
      <c r="C62" s="14">
        <v>2016</v>
      </c>
      <c r="D62" s="18">
        <v>4109</v>
      </c>
    </row>
    <row r="63" spans="1:4" ht="18" customHeight="1" x14ac:dyDescent="0.15">
      <c r="A63" s="5">
        <v>48</v>
      </c>
      <c r="B63" s="22">
        <v>2328</v>
      </c>
      <c r="C63" s="14">
        <v>2130</v>
      </c>
      <c r="D63" s="18">
        <v>4458</v>
      </c>
    </row>
    <row r="64" spans="1:4" ht="18" customHeight="1" x14ac:dyDescent="0.15">
      <c r="A64" s="5">
        <v>49</v>
      </c>
      <c r="B64" s="22">
        <v>2292</v>
      </c>
      <c r="C64" s="14">
        <v>2148</v>
      </c>
      <c r="D64" s="18">
        <v>4440</v>
      </c>
    </row>
    <row r="65" spans="1:4" ht="18" customHeight="1" x14ac:dyDescent="0.15">
      <c r="A65" s="5" t="s">
        <v>17</v>
      </c>
      <c r="B65" s="22">
        <v>10657</v>
      </c>
      <c r="C65" s="14">
        <v>10036</v>
      </c>
      <c r="D65" s="18">
        <v>20693</v>
      </c>
    </row>
    <row r="66" spans="1:4" ht="18" customHeight="1" x14ac:dyDescent="0.15">
      <c r="A66" s="5">
        <v>50</v>
      </c>
      <c r="B66" s="22">
        <v>2506</v>
      </c>
      <c r="C66" s="14">
        <v>2342</v>
      </c>
      <c r="D66" s="18">
        <v>4848</v>
      </c>
    </row>
    <row r="67" spans="1:4" ht="18" customHeight="1" x14ac:dyDescent="0.15">
      <c r="A67" s="5">
        <v>51</v>
      </c>
      <c r="B67" s="22">
        <v>2685</v>
      </c>
      <c r="C67" s="14">
        <v>2580</v>
      </c>
      <c r="D67" s="18">
        <v>5265</v>
      </c>
    </row>
    <row r="68" spans="1:4" ht="18" customHeight="1" x14ac:dyDescent="0.15">
      <c r="A68" s="5">
        <v>52</v>
      </c>
      <c r="B68" s="22">
        <v>2718</v>
      </c>
      <c r="C68" s="14">
        <v>2653</v>
      </c>
      <c r="D68" s="18">
        <v>5371</v>
      </c>
    </row>
    <row r="69" spans="1:4" ht="18" customHeight="1" x14ac:dyDescent="0.15">
      <c r="A69" s="5">
        <v>53</v>
      </c>
      <c r="B69" s="22">
        <v>2757</v>
      </c>
      <c r="C69" s="14">
        <v>2648</v>
      </c>
      <c r="D69" s="18">
        <v>5405</v>
      </c>
    </row>
    <row r="70" spans="1:4" ht="18" customHeight="1" x14ac:dyDescent="0.15">
      <c r="A70" s="5">
        <v>54</v>
      </c>
      <c r="B70" s="22">
        <v>2648</v>
      </c>
      <c r="C70" s="14">
        <v>2536</v>
      </c>
      <c r="D70" s="18">
        <v>5184</v>
      </c>
    </row>
    <row r="71" spans="1:4" ht="18" customHeight="1" x14ac:dyDescent="0.15">
      <c r="A71" s="5" t="s">
        <v>22</v>
      </c>
      <c r="B71" s="22">
        <v>13314</v>
      </c>
      <c r="C71" s="14">
        <v>12759</v>
      </c>
      <c r="D71" s="18">
        <v>26073</v>
      </c>
    </row>
    <row r="72" spans="1:4" ht="18" customHeight="1" x14ac:dyDescent="0.15">
      <c r="A72" s="5">
        <v>55</v>
      </c>
      <c r="B72" s="22">
        <v>2540</v>
      </c>
      <c r="C72" s="14">
        <v>2462</v>
      </c>
      <c r="D72" s="18">
        <v>5002</v>
      </c>
    </row>
    <row r="73" spans="1:4" ht="18" customHeight="1" x14ac:dyDescent="0.15">
      <c r="A73" s="5">
        <v>56</v>
      </c>
      <c r="B73" s="22">
        <v>2406</v>
      </c>
      <c r="C73" s="14">
        <v>2266</v>
      </c>
      <c r="D73" s="18">
        <v>4672</v>
      </c>
    </row>
    <row r="74" spans="1:4" ht="18" customHeight="1" x14ac:dyDescent="0.15">
      <c r="A74" s="5">
        <v>57</v>
      </c>
      <c r="B74" s="22">
        <v>2392</v>
      </c>
      <c r="C74" s="14">
        <v>2278</v>
      </c>
      <c r="D74" s="18">
        <v>4670</v>
      </c>
    </row>
    <row r="75" spans="1:4" ht="18" customHeight="1" x14ac:dyDescent="0.15">
      <c r="A75" s="5">
        <v>58</v>
      </c>
      <c r="B75" s="22">
        <v>2253</v>
      </c>
      <c r="C75" s="14">
        <v>2183</v>
      </c>
      <c r="D75" s="18">
        <v>4436</v>
      </c>
    </row>
    <row r="76" spans="1:4" ht="18" customHeight="1" x14ac:dyDescent="0.15">
      <c r="A76" s="5">
        <v>59</v>
      </c>
      <c r="B76" s="22">
        <v>2028</v>
      </c>
      <c r="C76" s="14">
        <v>2028</v>
      </c>
      <c r="D76" s="18">
        <v>4056</v>
      </c>
    </row>
    <row r="77" spans="1:4" ht="18" customHeight="1" x14ac:dyDescent="0.15">
      <c r="A77" s="5" t="s">
        <v>27</v>
      </c>
      <c r="B77" s="22">
        <v>11619</v>
      </c>
      <c r="C77" s="14">
        <v>11217</v>
      </c>
      <c r="D77" s="18">
        <v>22836</v>
      </c>
    </row>
    <row r="78" spans="1:4" ht="18" customHeight="1" x14ac:dyDescent="0.15">
      <c r="A78" s="5">
        <v>60</v>
      </c>
      <c r="B78" s="22">
        <v>1808</v>
      </c>
      <c r="C78" s="14">
        <v>1887</v>
      </c>
      <c r="D78" s="18">
        <v>3695</v>
      </c>
    </row>
    <row r="79" spans="1:4" ht="18" customHeight="1" x14ac:dyDescent="0.15">
      <c r="A79" s="5">
        <v>61</v>
      </c>
      <c r="B79" s="22">
        <v>1974</v>
      </c>
      <c r="C79" s="14">
        <v>2041</v>
      </c>
      <c r="D79" s="18">
        <v>4015</v>
      </c>
    </row>
    <row r="80" spans="1:4" ht="18" customHeight="1" x14ac:dyDescent="0.15">
      <c r="A80" s="5">
        <v>62</v>
      </c>
      <c r="B80" s="22">
        <v>1908</v>
      </c>
      <c r="C80" s="14">
        <v>1909</v>
      </c>
      <c r="D80" s="18">
        <v>3817</v>
      </c>
    </row>
    <row r="81" spans="1:4" ht="18" customHeight="1" x14ac:dyDescent="0.15">
      <c r="A81" s="5">
        <v>63</v>
      </c>
      <c r="B81" s="22">
        <v>1881</v>
      </c>
      <c r="C81" s="14">
        <v>1881</v>
      </c>
      <c r="D81" s="18">
        <v>3762</v>
      </c>
    </row>
    <row r="82" spans="1:4" ht="18" customHeight="1" x14ac:dyDescent="0.15">
      <c r="A82" s="5">
        <v>64</v>
      </c>
      <c r="B82" s="22">
        <v>1715</v>
      </c>
      <c r="C82" s="14">
        <v>1777</v>
      </c>
      <c r="D82" s="18">
        <v>3492</v>
      </c>
    </row>
    <row r="83" spans="1:4" ht="18" customHeight="1" x14ac:dyDescent="0.15">
      <c r="A83" s="5" t="s">
        <v>28</v>
      </c>
      <c r="B83" s="22">
        <v>9286</v>
      </c>
      <c r="C83" s="14">
        <v>9495</v>
      </c>
      <c r="D83" s="18">
        <v>18781</v>
      </c>
    </row>
    <row r="84" spans="1:4" ht="18" customHeight="1" x14ac:dyDescent="0.15">
      <c r="A84" s="5" t="s">
        <v>31</v>
      </c>
      <c r="B84" s="22">
        <v>95191</v>
      </c>
      <c r="C84" s="14">
        <v>88818</v>
      </c>
      <c r="D84" s="18">
        <v>184009</v>
      </c>
    </row>
    <row r="85" spans="1:4" ht="18" customHeight="1" x14ac:dyDescent="0.15">
      <c r="A85" s="5">
        <v>65</v>
      </c>
      <c r="B85" s="22">
        <v>1707</v>
      </c>
      <c r="C85" s="14">
        <v>1864</v>
      </c>
      <c r="D85" s="18">
        <v>3571</v>
      </c>
    </row>
    <row r="86" spans="1:4" ht="18" customHeight="1" x14ac:dyDescent="0.15">
      <c r="A86" s="5">
        <v>66</v>
      </c>
      <c r="B86" s="22">
        <v>1687</v>
      </c>
      <c r="C86" s="14">
        <v>1781</v>
      </c>
      <c r="D86" s="18">
        <v>3468</v>
      </c>
    </row>
    <row r="87" spans="1:4" ht="18" customHeight="1" x14ac:dyDescent="0.15">
      <c r="A87" s="5">
        <v>67</v>
      </c>
      <c r="B87" s="22">
        <v>1675</v>
      </c>
      <c r="C87" s="14">
        <v>1878</v>
      </c>
      <c r="D87" s="18">
        <v>3553</v>
      </c>
    </row>
    <row r="88" spans="1:4" ht="18" customHeight="1" x14ac:dyDescent="0.15">
      <c r="A88" s="5">
        <v>68</v>
      </c>
      <c r="B88" s="22">
        <v>1616</v>
      </c>
      <c r="C88" s="14">
        <v>1675</v>
      </c>
      <c r="D88" s="18">
        <v>3291</v>
      </c>
    </row>
    <row r="89" spans="1:4" ht="18" customHeight="1" x14ac:dyDescent="0.15">
      <c r="A89" s="5">
        <v>69</v>
      </c>
      <c r="B89" s="22">
        <v>1577</v>
      </c>
      <c r="C89" s="14">
        <v>1734</v>
      </c>
      <c r="D89" s="18">
        <v>3311</v>
      </c>
    </row>
    <row r="90" spans="1:4" ht="18" customHeight="1" x14ac:dyDescent="0.15">
      <c r="A90" s="5" t="s">
        <v>20</v>
      </c>
      <c r="B90" s="22">
        <v>8262</v>
      </c>
      <c r="C90" s="14">
        <v>8932</v>
      </c>
      <c r="D90" s="18">
        <v>17194</v>
      </c>
    </row>
    <row r="91" spans="1:4" ht="18" customHeight="1" x14ac:dyDescent="0.15">
      <c r="A91" s="5">
        <v>70</v>
      </c>
      <c r="B91" s="22">
        <v>1643</v>
      </c>
      <c r="C91" s="14">
        <v>1870</v>
      </c>
      <c r="D91" s="18">
        <v>3513</v>
      </c>
    </row>
    <row r="92" spans="1:4" ht="18" customHeight="1" x14ac:dyDescent="0.15">
      <c r="A92" s="5">
        <v>71</v>
      </c>
      <c r="B92" s="22">
        <v>1732</v>
      </c>
      <c r="C92" s="14">
        <v>1913</v>
      </c>
      <c r="D92" s="18">
        <v>3645</v>
      </c>
    </row>
    <row r="93" spans="1:4" ht="18" customHeight="1" x14ac:dyDescent="0.15">
      <c r="A93" s="5">
        <v>72</v>
      </c>
      <c r="B93" s="22">
        <v>1675</v>
      </c>
      <c r="C93" s="14">
        <v>1963</v>
      </c>
      <c r="D93" s="18">
        <v>3638</v>
      </c>
    </row>
    <row r="94" spans="1:4" ht="18" customHeight="1" x14ac:dyDescent="0.15">
      <c r="A94" s="5">
        <v>73</v>
      </c>
      <c r="B94" s="22">
        <v>1852</v>
      </c>
      <c r="C94" s="14">
        <v>2077</v>
      </c>
      <c r="D94" s="18">
        <v>3929</v>
      </c>
    </row>
    <row r="95" spans="1:4" ht="18" customHeight="1" x14ac:dyDescent="0.15">
      <c r="A95" s="5">
        <v>74</v>
      </c>
      <c r="B95" s="22">
        <v>1767</v>
      </c>
      <c r="C95" s="14">
        <v>2061</v>
      </c>
      <c r="D95" s="18">
        <v>3828</v>
      </c>
    </row>
    <row r="96" spans="1:4" ht="18" customHeight="1" x14ac:dyDescent="0.15">
      <c r="A96" s="5" t="s">
        <v>33</v>
      </c>
      <c r="B96" s="22">
        <v>8669</v>
      </c>
      <c r="C96" s="14">
        <v>9884</v>
      </c>
      <c r="D96" s="18">
        <v>18553</v>
      </c>
    </row>
    <row r="97" spans="1:4" ht="18" customHeight="1" x14ac:dyDescent="0.15">
      <c r="A97" s="5">
        <v>75</v>
      </c>
      <c r="B97" s="22">
        <v>1897</v>
      </c>
      <c r="C97" s="14">
        <v>2288</v>
      </c>
      <c r="D97" s="18">
        <v>4185</v>
      </c>
    </row>
    <row r="98" spans="1:4" ht="18" customHeight="1" x14ac:dyDescent="0.15">
      <c r="A98" s="5">
        <v>76</v>
      </c>
      <c r="B98" s="22">
        <v>2092</v>
      </c>
      <c r="C98" s="14">
        <v>2649</v>
      </c>
      <c r="D98" s="18">
        <v>4741</v>
      </c>
    </row>
    <row r="99" spans="1:4" ht="18" customHeight="1" x14ac:dyDescent="0.15">
      <c r="A99" s="5">
        <v>77</v>
      </c>
      <c r="B99" s="22">
        <v>2344</v>
      </c>
      <c r="C99" s="14">
        <v>2813</v>
      </c>
      <c r="D99" s="18">
        <v>5157</v>
      </c>
    </row>
    <row r="100" spans="1:4" ht="18" customHeight="1" x14ac:dyDescent="0.15">
      <c r="A100" s="5">
        <v>78</v>
      </c>
      <c r="B100" s="22">
        <v>2175</v>
      </c>
      <c r="C100" s="14">
        <v>2882</v>
      </c>
      <c r="D100" s="18">
        <v>5057</v>
      </c>
    </row>
    <row r="101" spans="1:4" ht="18" customHeight="1" x14ac:dyDescent="0.15">
      <c r="A101" s="5">
        <v>79</v>
      </c>
      <c r="B101" s="22">
        <v>1940</v>
      </c>
      <c r="C101" s="14">
        <v>2600</v>
      </c>
      <c r="D101" s="18">
        <v>4540</v>
      </c>
    </row>
    <row r="102" spans="1:4" ht="18" customHeight="1" x14ac:dyDescent="0.15">
      <c r="A102" s="5" t="s">
        <v>0</v>
      </c>
      <c r="B102" s="22">
        <v>10448</v>
      </c>
      <c r="C102" s="14">
        <v>13232</v>
      </c>
      <c r="D102" s="18">
        <v>23680</v>
      </c>
    </row>
    <row r="103" spans="1:4" ht="18" customHeight="1" x14ac:dyDescent="0.15">
      <c r="A103" s="5">
        <v>80</v>
      </c>
      <c r="B103" s="22">
        <v>1070</v>
      </c>
      <c r="C103" s="14">
        <v>1423</v>
      </c>
      <c r="D103" s="18">
        <v>2493</v>
      </c>
    </row>
    <row r="104" spans="1:4" ht="18" customHeight="1" x14ac:dyDescent="0.15">
      <c r="A104" s="5">
        <v>81</v>
      </c>
      <c r="B104" s="22">
        <v>1373</v>
      </c>
      <c r="C104" s="14">
        <v>1867</v>
      </c>
      <c r="D104" s="18">
        <v>3240</v>
      </c>
    </row>
    <row r="105" spans="1:4" ht="18" customHeight="1" x14ac:dyDescent="0.15">
      <c r="A105" s="5">
        <v>82</v>
      </c>
      <c r="B105" s="22">
        <v>1433</v>
      </c>
      <c r="C105" s="14">
        <v>2190</v>
      </c>
      <c r="D105" s="18">
        <v>3623</v>
      </c>
    </row>
    <row r="106" spans="1:4" ht="18" customHeight="1" x14ac:dyDescent="0.15">
      <c r="A106" s="5">
        <v>83</v>
      </c>
      <c r="B106" s="22">
        <v>1271</v>
      </c>
      <c r="C106" s="14">
        <v>1869</v>
      </c>
      <c r="D106" s="18">
        <v>3140</v>
      </c>
    </row>
    <row r="107" spans="1:4" ht="18" customHeight="1" x14ac:dyDescent="0.15">
      <c r="A107" s="5">
        <v>84</v>
      </c>
      <c r="B107" s="22">
        <v>1326</v>
      </c>
      <c r="C107" s="14">
        <v>2088</v>
      </c>
      <c r="D107" s="18">
        <v>3414</v>
      </c>
    </row>
    <row r="108" spans="1:4" ht="18" customHeight="1" x14ac:dyDescent="0.15">
      <c r="A108" s="5" t="s">
        <v>35</v>
      </c>
      <c r="B108" s="22">
        <v>6473</v>
      </c>
      <c r="C108" s="14">
        <v>9437</v>
      </c>
      <c r="D108" s="18">
        <v>15910</v>
      </c>
    </row>
    <row r="109" spans="1:4" ht="18" customHeight="1" x14ac:dyDescent="0.15">
      <c r="A109" s="5">
        <v>85</v>
      </c>
      <c r="B109" s="22">
        <v>1080</v>
      </c>
      <c r="C109" s="14">
        <v>1644</v>
      </c>
      <c r="D109" s="18">
        <v>2724</v>
      </c>
    </row>
    <row r="110" spans="1:4" ht="18" customHeight="1" x14ac:dyDescent="0.15">
      <c r="A110" s="5">
        <v>86</v>
      </c>
      <c r="B110" s="22">
        <v>906</v>
      </c>
      <c r="C110" s="14">
        <v>1435</v>
      </c>
      <c r="D110" s="18">
        <v>2341</v>
      </c>
    </row>
    <row r="111" spans="1:4" ht="18" customHeight="1" x14ac:dyDescent="0.15">
      <c r="A111" s="5">
        <v>87</v>
      </c>
      <c r="B111" s="22">
        <v>654</v>
      </c>
      <c r="C111" s="14">
        <v>1137</v>
      </c>
      <c r="D111" s="18">
        <v>1791</v>
      </c>
    </row>
    <row r="112" spans="1:4" ht="18" customHeight="1" x14ac:dyDescent="0.15">
      <c r="A112" s="5">
        <v>88</v>
      </c>
      <c r="B112" s="22">
        <v>644</v>
      </c>
      <c r="C112" s="14">
        <v>1209</v>
      </c>
      <c r="D112" s="18">
        <v>1853</v>
      </c>
    </row>
    <row r="113" spans="1:4" ht="18" customHeight="1" x14ac:dyDescent="0.15">
      <c r="A113" s="5">
        <v>89</v>
      </c>
      <c r="B113" s="22">
        <v>572</v>
      </c>
      <c r="C113" s="14">
        <v>1202</v>
      </c>
      <c r="D113" s="18">
        <v>1774</v>
      </c>
    </row>
    <row r="114" spans="1:4" ht="18" customHeight="1" x14ac:dyDescent="0.15">
      <c r="A114" s="5" t="s">
        <v>37</v>
      </c>
      <c r="B114" s="22">
        <v>3856</v>
      </c>
      <c r="C114" s="14">
        <v>6627</v>
      </c>
      <c r="D114" s="18">
        <v>10483</v>
      </c>
    </row>
    <row r="115" spans="1:4" ht="18" customHeight="1" x14ac:dyDescent="0.15">
      <c r="A115" s="5">
        <v>90</v>
      </c>
      <c r="B115" s="22">
        <v>501</v>
      </c>
      <c r="C115" s="14">
        <v>1207</v>
      </c>
      <c r="D115" s="18">
        <v>1708</v>
      </c>
    </row>
    <row r="116" spans="1:4" ht="18" customHeight="1" x14ac:dyDescent="0.15">
      <c r="A116" s="5">
        <v>91</v>
      </c>
      <c r="B116" s="22">
        <v>349</v>
      </c>
      <c r="C116" s="14">
        <v>811</v>
      </c>
      <c r="D116" s="18">
        <v>1160</v>
      </c>
    </row>
    <row r="117" spans="1:4" ht="18" customHeight="1" x14ac:dyDescent="0.15">
      <c r="A117" s="5">
        <v>92</v>
      </c>
      <c r="B117" s="22">
        <v>307</v>
      </c>
      <c r="C117" s="14">
        <v>805</v>
      </c>
      <c r="D117" s="18">
        <v>1112</v>
      </c>
    </row>
    <row r="118" spans="1:4" ht="18" customHeight="1" x14ac:dyDescent="0.15">
      <c r="A118" s="5">
        <v>93</v>
      </c>
      <c r="B118" s="22">
        <v>224</v>
      </c>
      <c r="C118" s="14">
        <v>813</v>
      </c>
      <c r="D118" s="18">
        <v>1037</v>
      </c>
    </row>
    <row r="119" spans="1:4" ht="18" customHeight="1" x14ac:dyDescent="0.15">
      <c r="A119" s="5">
        <v>94</v>
      </c>
      <c r="B119" s="22">
        <v>163</v>
      </c>
      <c r="C119" s="14">
        <v>598</v>
      </c>
      <c r="D119" s="18">
        <v>761</v>
      </c>
    </row>
    <row r="120" spans="1:4" ht="18" customHeight="1" x14ac:dyDescent="0.15">
      <c r="A120" s="5" t="s">
        <v>39</v>
      </c>
      <c r="B120" s="22">
        <v>1544</v>
      </c>
      <c r="C120" s="14">
        <v>4234</v>
      </c>
      <c r="D120" s="18">
        <v>5778</v>
      </c>
    </row>
    <row r="121" spans="1:4" ht="18" customHeight="1" x14ac:dyDescent="0.15">
      <c r="A121" s="5">
        <v>95</v>
      </c>
      <c r="B121" s="22">
        <v>109</v>
      </c>
      <c r="C121" s="14">
        <v>454</v>
      </c>
      <c r="D121" s="18">
        <v>563</v>
      </c>
    </row>
    <row r="122" spans="1:4" ht="18" customHeight="1" x14ac:dyDescent="0.15">
      <c r="A122" s="5">
        <v>96</v>
      </c>
      <c r="B122" s="22">
        <v>87</v>
      </c>
      <c r="C122" s="14">
        <v>338</v>
      </c>
      <c r="D122" s="18">
        <v>425</v>
      </c>
    </row>
    <row r="123" spans="1:4" ht="18" customHeight="1" x14ac:dyDescent="0.15">
      <c r="A123" s="5">
        <v>97</v>
      </c>
      <c r="B123" s="22">
        <v>54</v>
      </c>
      <c r="C123" s="14">
        <v>275</v>
      </c>
      <c r="D123" s="18">
        <v>329</v>
      </c>
    </row>
    <row r="124" spans="1:4" ht="18" customHeight="1" x14ac:dyDescent="0.15">
      <c r="A124" s="5">
        <v>98</v>
      </c>
      <c r="B124" s="22">
        <v>34</v>
      </c>
      <c r="C124" s="14">
        <v>193</v>
      </c>
      <c r="D124" s="18">
        <v>227</v>
      </c>
    </row>
    <row r="125" spans="1:4" ht="18" customHeight="1" x14ac:dyDescent="0.15">
      <c r="A125" s="5">
        <v>99</v>
      </c>
      <c r="B125" s="22">
        <v>28</v>
      </c>
      <c r="C125" s="14">
        <v>133</v>
      </c>
      <c r="D125" s="18">
        <v>161</v>
      </c>
    </row>
    <row r="126" spans="1:4" ht="18" customHeight="1" x14ac:dyDescent="0.15">
      <c r="A126" s="5" t="s">
        <v>40</v>
      </c>
      <c r="B126" s="22">
        <v>312</v>
      </c>
      <c r="C126" s="14">
        <v>1393</v>
      </c>
      <c r="D126" s="18">
        <v>1705</v>
      </c>
    </row>
    <row r="127" spans="1:4" ht="18" customHeight="1" x14ac:dyDescent="0.15">
      <c r="A127" s="5">
        <v>100</v>
      </c>
      <c r="B127" s="22">
        <v>15</v>
      </c>
      <c r="C127" s="14">
        <v>121</v>
      </c>
      <c r="D127" s="18">
        <v>136</v>
      </c>
    </row>
    <row r="128" spans="1:4" ht="18" customHeight="1" x14ac:dyDescent="0.15">
      <c r="A128" s="6" t="s">
        <v>43</v>
      </c>
      <c r="B128" s="22">
        <v>10</v>
      </c>
      <c r="C128" s="14">
        <v>155</v>
      </c>
      <c r="D128" s="18">
        <v>165</v>
      </c>
    </row>
    <row r="129" spans="1:4" ht="18" customHeight="1" x14ac:dyDescent="0.15">
      <c r="A129" s="5" t="s">
        <v>44</v>
      </c>
      <c r="B129" s="22">
        <v>25</v>
      </c>
      <c r="C129" s="14">
        <v>276</v>
      </c>
      <c r="D129" s="18">
        <v>301</v>
      </c>
    </row>
    <row r="130" spans="1:4" ht="18" customHeight="1" x14ac:dyDescent="0.15">
      <c r="A130" s="5" t="s">
        <v>46</v>
      </c>
      <c r="B130" s="22">
        <v>39589</v>
      </c>
      <c r="C130" s="14">
        <v>54015</v>
      </c>
      <c r="D130" s="18">
        <v>93604</v>
      </c>
    </row>
    <row r="131" spans="1:4" ht="18" customHeight="1" x14ac:dyDescent="0.15">
      <c r="A131" s="7" t="s">
        <v>45</v>
      </c>
      <c r="B131" s="23">
        <v>151952</v>
      </c>
      <c r="C131" s="15">
        <v>159481</v>
      </c>
      <c r="D131" s="19">
        <v>31143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2</v>
      </c>
      <c r="C14" s="14">
        <v>0</v>
      </c>
      <c r="D14" s="18">
        <v>2</v>
      </c>
    </row>
    <row r="15" spans="1:4" ht="18" customHeight="1" x14ac:dyDescent="0.15">
      <c r="A15" s="5">
        <v>9</v>
      </c>
      <c r="B15" s="27">
        <v>0</v>
      </c>
      <c r="C15" s="14">
        <v>1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1</v>
      </c>
      <c r="D16" s="18">
        <v>4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2</v>
      </c>
      <c r="C18" s="14">
        <v>0</v>
      </c>
      <c r="D18" s="18">
        <v>2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1</v>
      </c>
      <c r="C20" s="14">
        <v>1</v>
      </c>
      <c r="D20" s="18">
        <v>2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7</v>
      </c>
      <c r="C22" s="14">
        <v>3</v>
      </c>
      <c r="D22" s="18">
        <v>10</v>
      </c>
    </row>
    <row r="23" spans="1:4" ht="18" customHeight="1" x14ac:dyDescent="0.15">
      <c r="A23" s="5" t="s">
        <v>6</v>
      </c>
      <c r="B23" s="22">
        <v>11</v>
      </c>
      <c r="C23" s="14">
        <v>4</v>
      </c>
      <c r="D23" s="18">
        <v>15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1</v>
      </c>
      <c r="C25" s="14">
        <v>2</v>
      </c>
      <c r="D25" s="18">
        <v>3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4</v>
      </c>
      <c r="C29" s="14">
        <v>3</v>
      </c>
      <c r="D29" s="18">
        <v>7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1</v>
      </c>
      <c r="C34" s="14">
        <v>1</v>
      </c>
      <c r="D34" s="18">
        <v>2</v>
      </c>
    </row>
    <row r="35" spans="1:4" ht="18" customHeight="1" x14ac:dyDescent="0.15">
      <c r="A35" s="5" t="s">
        <v>9</v>
      </c>
      <c r="B35" s="22">
        <v>3</v>
      </c>
      <c r="C35" s="14">
        <v>3</v>
      </c>
      <c r="D35" s="18">
        <v>6</v>
      </c>
    </row>
    <row r="36" spans="1:4" ht="18" customHeight="1" x14ac:dyDescent="0.15">
      <c r="A36" s="5">
        <v>25</v>
      </c>
      <c r="B36" s="22">
        <v>2</v>
      </c>
      <c r="C36" s="14">
        <v>0</v>
      </c>
      <c r="D36" s="18">
        <v>2</v>
      </c>
    </row>
    <row r="37" spans="1:4" ht="18" customHeight="1" x14ac:dyDescent="0.15">
      <c r="A37" s="5">
        <v>26</v>
      </c>
      <c r="B37" s="22">
        <v>0</v>
      </c>
      <c r="C37" s="14">
        <v>2</v>
      </c>
      <c r="D37" s="18">
        <v>2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1</v>
      </c>
      <c r="C39" s="14">
        <v>0</v>
      </c>
      <c r="D39" s="18">
        <v>1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2</v>
      </c>
      <c r="D41" s="18">
        <v>7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0</v>
      </c>
      <c r="C46" s="14">
        <v>0</v>
      </c>
      <c r="D46" s="18">
        <v>0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0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0</v>
      </c>
      <c r="C51" s="14">
        <v>1</v>
      </c>
      <c r="D51" s="18">
        <v>1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2</v>
      </c>
      <c r="C53" s="14">
        <v>1</v>
      </c>
      <c r="D53" s="18">
        <v>3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3</v>
      </c>
      <c r="C55" s="14">
        <v>1</v>
      </c>
      <c r="D55" s="18">
        <v>4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1</v>
      </c>
      <c r="C57" s="14">
        <v>1</v>
      </c>
      <c r="D57" s="18">
        <v>2</v>
      </c>
    </row>
    <row r="58" spans="1:4" ht="18" customHeight="1" x14ac:dyDescent="0.15">
      <c r="A58" s="5">
        <v>44</v>
      </c>
      <c r="B58" s="22">
        <v>1</v>
      </c>
      <c r="C58" s="14">
        <v>1</v>
      </c>
      <c r="D58" s="18">
        <v>2</v>
      </c>
    </row>
    <row r="59" spans="1:4" ht="18" customHeight="1" x14ac:dyDescent="0.15">
      <c r="A59" s="5" t="s">
        <v>21</v>
      </c>
      <c r="B59" s="22">
        <v>8</v>
      </c>
      <c r="C59" s="14">
        <v>4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2</v>
      </c>
      <c r="D60" s="18">
        <v>3</v>
      </c>
    </row>
    <row r="61" spans="1:4" ht="18" customHeight="1" x14ac:dyDescent="0.15">
      <c r="A61" s="5">
        <v>46</v>
      </c>
      <c r="B61" s="22">
        <v>1</v>
      </c>
      <c r="C61" s="14">
        <v>0</v>
      </c>
      <c r="D61" s="18">
        <v>1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1</v>
      </c>
      <c r="C63" s="14">
        <v>2</v>
      </c>
      <c r="D63" s="18">
        <v>3</v>
      </c>
    </row>
    <row r="64" spans="1:4" ht="18" customHeight="1" x14ac:dyDescent="0.15">
      <c r="A64" s="5">
        <v>49</v>
      </c>
      <c r="B64" s="22">
        <v>3</v>
      </c>
      <c r="C64" s="14">
        <v>4</v>
      </c>
      <c r="D64" s="18">
        <v>7</v>
      </c>
    </row>
    <row r="65" spans="1:4" ht="18" customHeight="1" x14ac:dyDescent="0.15">
      <c r="A65" s="5" t="s">
        <v>17</v>
      </c>
      <c r="B65" s="22">
        <v>7</v>
      </c>
      <c r="C65" s="14">
        <v>9</v>
      </c>
      <c r="D65" s="18">
        <v>16</v>
      </c>
    </row>
    <row r="66" spans="1:4" ht="18" customHeight="1" x14ac:dyDescent="0.15">
      <c r="A66" s="5">
        <v>50</v>
      </c>
      <c r="B66" s="22">
        <v>3</v>
      </c>
      <c r="C66" s="14">
        <v>2</v>
      </c>
      <c r="D66" s="18">
        <v>5</v>
      </c>
    </row>
    <row r="67" spans="1:4" ht="18" customHeight="1" x14ac:dyDescent="0.15">
      <c r="A67" s="5">
        <v>51</v>
      </c>
      <c r="B67" s="22">
        <v>2</v>
      </c>
      <c r="C67" s="14">
        <v>0</v>
      </c>
      <c r="D67" s="18">
        <v>2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1</v>
      </c>
      <c r="C69" s="14">
        <v>0</v>
      </c>
      <c r="D69" s="18">
        <v>1</v>
      </c>
    </row>
    <row r="70" spans="1:4" ht="18" customHeight="1" x14ac:dyDescent="0.15">
      <c r="A70" s="5">
        <v>54</v>
      </c>
      <c r="B70" s="22">
        <v>2</v>
      </c>
      <c r="C70" s="14">
        <v>0</v>
      </c>
      <c r="D70" s="18">
        <v>2</v>
      </c>
    </row>
    <row r="71" spans="1:4" ht="18" customHeight="1" x14ac:dyDescent="0.15">
      <c r="A71" s="5" t="s">
        <v>22</v>
      </c>
      <c r="B71" s="22">
        <v>9</v>
      </c>
      <c r="C71" s="14">
        <v>3</v>
      </c>
      <c r="D71" s="18">
        <v>12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2</v>
      </c>
      <c r="D73" s="18">
        <v>2</v>
      </c>
    </row>
    <row r="74" spans="1:4" ht="18" customHeight="1" x14ac:dyDescent="0.15">
      <c r="A74" s="5">
        <v>57</v>
      </c>
      <c r="B74" s="22">
        <v>3</v>
      </c>
      <c r="C74" s="14">
        <v>0</v>
      </c>
      <c r="D74" s="18">
        <v>3</v>
      </c>
    </row>
    <row r="75" spans="1:4" ht="18" customHeight="1" x14ac:dyDescent="0.15">
      <c r="A75" s="5">
        <v>58</v>
      </c>
      <c r="B75" s="22">
        <v>1</v>
      </c>
      <c r="C75" s="14">
        <v>2</v>
      </c>
      <c r="D75" s="18">
        <v>3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6</v>
      </c>
      <c r="C77" s="14">
        <v>5</v>
      </c>
      <c r="D77" s="18">
        <v>11</v>
      </c>
    </row>
    <row r="78" spans="1:4" ht="18" customHeight="1" x14ac:dyDescent="0.15">
      <c r="A78" s="5">
        <v>60</v>
      </c>
      <c r="B78" s="22">
        <v>2</v>
      </c>
      <c r="C78" s="14">
        <v>1</v>
      </c>
      <c r="D78" s="18">
        <v>3</v>
      </c>
    </row>
    <row r="79" spans="1:4" ht="18" customHeight="1" x14ac:dyDescent="0.15">
      <c r="A79" s="5">
        <v>61</v>
      </c>
      <c r="B79" s="22">
        <v>1</v>
      </c>
      <c r="C79" s="14">
        <v>3</v>
      </c>
      <c r="D79" s="18">
        <v>4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4</v>
      </c>
      <c r="C81" s="14">
        <v>2</v>
      </c>
      <c r="D81" s="18">
        <v>6</v>
      </c>
    </row>
    <row r="82" spans="1:4" ht="18" customHeight="1" x14ac:dyDescent="0.15">
      <c r="A82" s="5">
        <v>64</v>
      </c>
      <c r="B82" s="22">
        <v>4</v>
      </c>
      <c r="C82" s="14">
        <v>1</v>
      </c>
      <c r="D82" s="18">
        <v>5</v>
      </c>
    </row>
    <row r="83" spans="1:4" ht="18" customHeight="1" x14ac:dyDescent="0.15">
      <c r="A83" s="5" t="s">
        <v>28</v>
      </c>
      <c r="B83" s="22">
        <v>12</v>
      </c>
      <c r="C83" s="14">
        <v>8</v>
      </c>
      <c r="D83" s="18">
        <v>20</v>
      </c>
    </row>
    <row r="84" spans="1:4" ht="18" customHeight="1" x14ac:dyDescent="0.15">
      <c r="A84" s="5" t="s">
        <v>31</v>
      </c>
      <c r="B84" s="22">
        <v>58</v>
      </c>
      <c r="C84" s="14">
        <v>39</v>
      </c>
      <c r="D84" s="18">
        <v>97</v>
      </c>
    </row>
    <row r="85" spans="1:4" ht="18" customHeight="1" x14ac:dyDescent="0.15">
      <c r="A85" s="5">
        <v>65</v>
      </c>
      <c r="B85" s="22">
        <v>2</v>
      </c>
      <c r="C85" s="14">
        <v>3</v>
      </c>
      <c r="D85" s="18">
        <v>5</v>
      </c>
    </row>
    <row r="86" spans="1:4" ht="18" customHeight="1" x14ac:dyDescent="0.15">
      <c r="A86" s="5">
        <v>66</v>
      </c>
      <c r="B86" s="22">
        <v>1</v>
      </c>
      <c r="C86" s="14">
        <v>0</v>
      </c>
      <c r="D86" s="18">
        <v>1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2</v>
      </c>
      <c r="C88" s="14">
        <v>1</v>
      </c>
      <c r="D88" s="18">
        <v>3</v>
      </c>
    </row>
    <row r="89" spans="1:4" ht="18" customHeight="1" x14ac:dyDescent="0.15">
      <c r="A89" s="5">
        <v>69</v>
      </c>
      <c r="B89" s="22">
        <v>0</v>
      </c>
      <c r="C89" s="14">
        <v>0</v>
      </c>
      <c r="D89" s="18">
        <v>0</v>
      </c>
    </row>
    <row r="90" spans="1:4" ht="18" customHeight="1" x14ac:dyDescent="0.15">
      <c r="A90" s="5" t="s">
        <v>20</v>
      </c>
      <c r="B90" s="22">
        <v>7</v>
      </c>
      <c r="C90" s="14">
        <v>5</v>
      </c>
      <c r="D90" s="18">
        <v>12</v>
      </c>
    </row>
    <row r="91" spans="1:4" ht="18" customHeight="1" x14ac:dyDescent="0.15">
      <c r="A91" s="5">
        <v>70</v>
      </c>
      <c r="B91" s="22">
        <v>1</v>
      </c>
      <c r="C91" s="14">
        <v>3</v>
      </c>
      <c r="D91" s="18">
        <v>4</v>
      </c>
    </row>
    <row r="92" spans="1:4" ht="18" customHeight="1" x14ac:dyDescent="0.15">
      <c r="A92" s="5">
        <v>71</v>
      </c>
      <c r="B92" s="22">
        <v>2</v>
      </c>
      <c r="C92" s="14">
        <v>4</v>
      </c>
      <c r="D92" s="18">
        <v>6</v>
      </c>
    </row>
    <row r="93" spans="1:4" ht="18" customHeight="1" x14ac:dyDescent="0.15">
      <c r="A93" s="5">
        <v>72</v>
      </c>
      <c r="B93" s="22">
        <v>4</v>
      </c>
      <c r="C93" s="14">
        <v>2</v>
      </c>
      <c r="D93" s="18">
        <v>6</v>
      </c>
    </row>
    <row r="94" spans="1:4" ht="18" customHeight="1" x14ac:dyDescent="0.15">
      <c r="A94" s="5">
        <v>73</v>
      </c>
      <c r="B94" s="22">
        <v>1</v>
      </c>
      <c r="C94" s="14">
        <v>5</v>
      </c>
      <c r="D94" s="18">
        <v>6</v>
      </c>
    </row>
    <row r="95" spans="1:4" ht="18" customHeight="1" x14ac:dyDescent="0.15">
      <c r="A95" s="5">
        <v>74</v>
      </c>
      <c r="B95" s="22">
        <v>4</v>
      </c>
      <c r="C95" s="14">
        <v>2</v>
      </c>
      <c r="D95" s="18">
        <v>6</v>
      </c>
    </row>
    <row r="96" spans="1:4" ht="18" customHeight="1" x14ac:dyDescent="0.15">
      <c r="A96" s="5" t="s">
        <v>33</v>
      </c>
      <c r="B96" s="22">
        <v>12</v>
      </c>
      <c r="C96" s="14">
        <v>16</v>
      </c>
      <c r="D96" s="18">
        <v>28</v>
      </c>
    </row>
    <row r="97" spans="1:4" ht="18" customHeight="1" x14ac:dyDescent="0.15">
      <c r="A97" s="5">
        <v>75</v>
      </c>
      <c r="B97" s="22">
        <v>3</v>
      </c>
      <c r="C97" s="14">
        <v>1</v>
      </c>
      <c r="D97" s="18">
        <v>4</v>
      </c>
    </row>
    <row r="98" spans="1:4" ht="18" customHeight="1" x14ac:dyDescent="0.15">
      <c r="A98" s="5">
        <v>76</v>
      </c>
      <c r="B98" s="22">
        <v>2</v>
      </c>
      <c r="C98" s="14">
        <v>4</v>
      </c>
      <c r="D98" s="18">
        <v>6</v>
      </c>
    </row>
    <row r="99" spans="1:4" ht="18" customHeight="1" x14ac:dyDescent="0.15">
      <c r="A99" s="5">
        <v>77</v>
      </c>
      <c r="B99" s="22">
        <v>3</v>
      </c>
      <c r="C99" s="14">
        <v>3</v>
      </c>
      <c r="D99" s="18">
        <v>6</v>
      </c>
    </row>
    <row r="100" spans="1:4" ht="18" customHeight="1" x14ac:dyDescent="0.15">
      <c r="A100" s="5">
        <v>78</v>
      </c>
      <c r="B100" s="22">
        <v>5</v>
      </c>
      <c r="C100" s="14">
        <v>7</v>
      </c>
      <c r="D100" s="18">
        <v>12</v>
      </c>
    </row>
    <row r="101" spans="1:4" ht="18" customHeight="1" x14ac:dyDescent="0.15">
      <c r="A101" s="5">
        <v>79</v>
      </c>
      <c r="B101" s="22">
        <v>4</v>
      </c>
      <c r="C101" s="14">
        <v>4</v>
      </c>
      <c r="D101" s="18">
        <v>8</v>
      </c>
    </row>
    <row r="102" spans="1:4" ht="18" customHeight="1" x14ac:dyDescent="0.15">
      <c r="A102" s="5" t="s">
        <v>0</v>
      </c>
      <c r="B102" s="22">
        <v>17</v>
      </c>
      <c r="C102" s="14">
        <v>19</v>
      </c>
      <c r="D102" s="18">
        <v>36</v>
      </c>
    </row>
    <row r="103" spans="1:4" ht="18" customHeight="1" x14ac:dyDescent="0.15">
      <c r="A103" s="5">
        <v>80</v>
      </c>
      <c r="B103" s="22">
        <v>1</v>
      </c>
      <c r="C103" s="14">
        <v>1</v>
      </c>
      <c r="D103" s="18">
        <v>2</v>
      </c>
    </row>
    <row r="104" spans="1:4" ht="18" customHeight="1" x14ac:dyDescent="0.15">
      <c r="A104" s="5">
        <v>81</v>
      </c>
      <c r="B104" s="22">
        <v>1</v>
      </c>
      <c r="C104" s="14">
        <v>3</v>
      </c>
      <c r="D104" s="18">
        <v>4</v>
      </c>
    </row>
    <row r="105" spans="1:4" ht="18" customHeight="1" x14ac:dyDescent="0.15">
      <c r="A105" s="5">
        <v>82</v>
      </c>
      <c r="B105" s="22">
        <v>1</v>
      </c>
      <c r="C105" s="14">
        <v>2</v>
      </c>
      <c r="D105" s="18">
        <v>3</v>
      </c>
    </row>
    <row r="106" spans="1:4" ht="18" customHeight="1" x14ac:dyDescent="0.15">
      <c r="A106" s="5">
        <v>83</v>
      </c>
      <c r="B106" s="22">
        <v>0</v>
      </c>
      <c r="C106" s="14">
        <v>3</v>
      </c>
      <c r="D106" s="18">
        <v>3</v>
      </c>
    </row>
    <row r="107" spans="1:4" ht="18" customHeight="1" x14ac:dyDescent="0.15">
      <c r="A107" s="5">
        <v>84</v>
      </c>
      <c r="B107" s="22">
        <v>0</v>
      </c>
      <c r="C107" s="14">
        <v>1</v>
      </c>
      <c r="D107" s="18">
        <v>1</v>
      </c>
    </row>
    <row r="108" spans="1:4" ht="18" customHeight="1" x14ac:dyDescent="0.15">
      <c r="A108" s="5" t="s">
        <v>35</v>
      </c>
      <c r="B108" s="22">
        <v>3</v>
      </c>
      <c r="C108" s="14">
        <v>10</v>
      </c>
      <c r="D108" s="18">
        <v>13</v>
      </c>
    </row>
    <row r="109" spans="1:4" ht="18" customHeight="1" x14ac:dyDescent="0.15">
      <c r="A109" s="5">
        <v>85</v>
      </c>
      <c r="B109" s="22">
        <v>2</v>
      </c>
      <c r="C109" s="14">
        <v>1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3</v>
      </c>
      <c r="D112" s="18">
        <v>3</v>
      </c>
    </row>
    <row r="113" spans="1:4" ht="18" customHeight="1" x14ac:dyDescent="0.15">
      <c r="A113" s="5">
        <v>89</v>
      </c>
      <c r="B113" s="22">
        <v>1</v>
      </c>
      <c r="C113" s="14">
        <v>6</v>
      </c>
      <c r="D113" s="18">
        <v>7</v>
      </c>
    </row>
    <row r="114" spans="1:4" ht="18" customHeight="1" x14ac:dyDescent="0.15">
      <c r="A114" s="5" t="s">
        <v>37</v>
      </c>
      <c r="B114" s="22">
        <v>5</v>
      </c>
      <c r="C114" s="14">
        <v>12</v>
      </c>
      <c r="D114" s="18">
        <v>17</v>
      </c>
    </row>
    <row r="115" spans="1:4" ht="18" customHeight="1" x14ac:dyDescent="0.15">
      <c r="A115" s="5">
        <v>90</v>
      </c>
      <c r="B115" s="22">
        <v>1</v>
      </c>
      <c r="C115" s="14">
        <v>4</v>
      </c>
      <c r="D115" s="18">
        <v>5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1</v>
      </c>
      <c r="C117" s="14">
        <v>2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1</v>
      </c>
      <c r="D118" s="18">
        <v>1</v>
      </c>
    </row>
    <row r="119" spans="1:4" ht="18" customHeight="1" x14ac:dyDescent="0.15">
      <c r="A119" s="5">
        <v>94</v>
      </c>
      <c r="B119" s="22">
        <v>0</v>
      </c>
      <c r="C119" s="14">
        <v>2</v>
      </c>
      <c r="D119" s="18">
        <v>2</v>
      </c>
    </row>
    <row r="120" spans="1:4" ht="18" customHeight="1" x14ac:dyDescent="0.15">
      <c r="A120" s="5" t="s">
        <v>39</v>
      </c>
      <c r="B120" s="22">
        <v>3</v>
      </c>
      <c r="C120" s="14">
        <v>11</v>
      </c>
      <c r="D120" s="18">
        <v>14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</v>
      </c>
      <c r="C130" s="14">
        <v>78</v>
      </c>
      <c r="D130" s="18">
        <v>125</v>
      </c>
    </row>
    <row r="131" spans="1:4" ht="18" customHeight="1" x14ac:dyDescent="0.15">
      <c r="A131" s="7" t="s">
        <v>45</v>
      </c>
      <c r="B131" s="23">
        <v>116</v>
      </c>
      <c r="C131" s="15">
        <v>121</v>
      </c>
      <c r="D131" s="19">
        <v>2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2</v>
      </c>
      <c r="C7" s="14">
        <v>0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5</v>
      </c>
      <c r="C16" s="14">
        <v>4</v>
      </c>
      <c r="D16" s="18">
        <v>9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3</v>
      </c>
      <c r="D22" s="18">
        <v>6</v>
      </c>
    </row>
    <row r="23" spans="1:4" ht="18" customHeight="1" x14ac:dyDescent="0.15">
      <c r="A23" s="5" t="s">
        <v>6</v>
      </c>
      <c r="B23" s="22">
        <v>11</v>
      </c>
      <c r="C23" s="14">
        <v>9</v>
      </c>
      <c r="D23" s="18">
        <v>20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3</v>
      </c>
      <c r="C25" s="14">
        <v>0</v>
      </c>
      <c r="D25" s="18">
        <v>3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4</v>
      </c>
      <c r="D27" s="18">
        <v>5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5</v>
      </c>
      <c r="C29" s="14">
        <v>5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1</v>
      </c>
      <c r="D34" s="18">
        <v>1</v>
      </c>
    </row>
    <row r="35" spans="1:4" ht="18" customHeight="1" x14ac:dyDescent="0.15">
      <c r="A35" s="5" t="s">
        <v>9</v>
      </c>
      <c r="B35" s="22">
        <v>2</v>
      </c>
      <c r="C35" s="14">
        <v>2</v>
      </c>
      <c r="D35" s="18">
        <v>4</v>
      </c>
    </row>
    <row r="36" spans="1:4" ht="18" customHeight="1" x14ac:dyDescent="0.15">
      <c r="A36" s="5">
        <v>25</v>
      </c>
      <c r="B36" s="22">
        <v>0</v>
      </c>
      <c r="C36" s="14">
        <v>1</v>
      </c>
      <c r="D36" s="18">
        <v>1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3</v>
      </c>
      <c r="C41" s="14">
        <v>1</v>
      </c>
      <c r="D41" s="18">
        <v>4</v>
      </c>
    </row>
    <row r="42" spans="1:4" ht="18" customHeight="1" x14ac:dyDescent="0.15">
      <c r="A42" s="5">
        <v>30</v>
      </c>
      <c r="B42" s="22">
        <v>3</v>
      </c>
      <c r="C42" s="14">
        <v>0</v>
      </c>
      <c r="D42" s="18">
        <v>3</v>
      </c>
    </row>
    <row r="43" spans="1:4" ht="18" customHeight="1" x14ac:dyDescent="0.15">
      <c r="A43" s="5">
        <v>31</v>
      </c>
      <c r="B43" s="22">
        <v>2</v>
      </c>
      <c r="C43" s="14">
        <v>0</v>
      </c>
      <c r="D43" s="18">
        <v>2</v>
      </c>
    </row>
    <row r="44" spans="1:4" ht="18" customHeight="1" x14ac:dyDescent="0.15">
      <c r="A44" s="5">
        <v>32</v>
      </c>
      <c r="B44" s="22">
        <v>2</v>
      </c>
      <c r="C44" s="14">
        <v>0</v>
      </c>
      <c r="D44" s="18">
        <v>2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8</v>
      </c>
      <c r="C47" s="14">
        <v>1</v>
      </c>
      <c r="D47" s="18">
        <v>9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4</v>
      </c>
      <c r="C50" s="14">
        <v>2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2</v>
      </c>
      <c r="C52" s="14">
        <v>0</v>
      </c>
      <c r="D52" s="18">
        <v>2</v>
      </c>
    </row>
    <row r="53" spans="1:4" ht="18" customHeight="1" x14ac:dyDescent="0.15">
      <c r="A53" s="5" t="s">
        <v>18</v>
      </c>
      <c r="B53" s="22">
        <v>7</v>
      </c>
      <c r="C53" s="14">
        <v>5</v>
      </c>
      <c r="D53" s="18">
        <v>12</v>
      </c>
    </row>
    <row r="54" spans="1:4" ht="18" customHeight="1" x14ac:dyDescent="0.15">
      <c r="A54" s="5">
        <v>40</v>
      </c>
      <c r="B54" s="22">
        <v>2</v>
      </c>
      <c r="C54" s="14">
        <v>4</v>
      </c>
      <c r="D54" s="18">
        <v>6</v>
      </c>
    </row>
    <row r="55" spans="1:4" ht="18" customHeight="1" x14ac:dyDescent="0.15">
      <c r="A55" s="5">
        <v>41</v>
      </c>
      <c r="B55" s="22">
        <v>1</v>
      </c>
      <c r="C55" s="14">
        <v>0</v>
      </c>
      <c r="D55" s="18">
        <v>1</v>
      </c>
    </row>
    <row r="56" spans="1:4" ht="18" customHeight="1" x14ac:dyDescent="0.15">
      <c r="A56" s="5">
        <v>42</v>
      </c>
      <c r="B56" s="22">
        <v>1</v>
      </c>
      <c r="C56" s="14">
        <v>3</v>
      </c>
      <c r="D56" s="18">
        <v>4</v>
      </c>
    </row>
    <row r="57" spans="1:4" ht="18" customHeight="1" x14ac:dyDescent="0.15">
      <c r="A57" s="5">
        <v>43</v>
      </c>
      <c r="B57" s="22">
        <v>0</v>
      </c>
      <c r="C57" s="14">
        <v>2</v>
      </c>
      <c r="D57" s="18">
        <v>2</v>
      </c>
    </row>
    <row r="58" spans="1:4" ht="18" customHeight="1" x14ac:dyDescent="0.15">
      <c r="A58" s="5">
        <v>44</v>
      </c>
      <c r="B58" s="22">
        <v>2</v>
      </c>
      <c r="C58" s="14">
        <v>0</v>
      </c>
      <c r="D58" s="18">
        <v>2</v>
      </c>
    </row>
    <row r="59" spans="1:4" ht="18" customHeight="1" x14ac:dyDescent="0.15">
      <c r="A59" s="5" t="s">
        <v>21</v>
      </c>
      <c r="B59" s="22">
        <v>6</v>
      </c>
      <c r="C59" s="14">
        <v>9</v>
      </c>
      <c r="D59" s="18">
        <v>15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1</v>
      </c>
      <c r="D61" s="18">
        <v>4</v>
      </c>
    </row>
    <row r="62" spans="1:4" ht="18" customHeight="1" x14ac:dyDescent="0.15">
      <c r="A62" s="5">
        <v>47</v>
      </c>
      <c r="B62" s="22">
        <v>2</v>
      </c>
      <c r="C62" s="14">
        <v>0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1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2</v>
      </c>
      <c r="D64" s="18">
        <v>3</v>
      </c>
    </row>
    <row r="65" spans="1:4" ht="18" customHeight="1" x14ac:dyDescent="0.15">
      <c r="A65" s="5" t="s">
        <v>17</v>
      </c>
      <c r="B65" s="22">
        <v>7</v>
      </c>
      <c r="C65" s="14">
        <v>4</v>
      </c>
      <c r="D65" s="18">
        <v>11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1</v>
      </c>
      <c r="C67" s="14">
        <v>0</v>
      </c>
      <c r="D67" s="18">
        <v>1</v>
      </c>
    </row>
    <row r="68" spans="1:4" ht="18" customHeight="1" x14ac:dyDescent="0.15">
      <c r="A68" s="5">
        <v>52</v>
      </c>
      <c r="B68" s="22">
        <v>2</v>
      </c>
      <c r="C68" s="14">
        <v>1</v>
      </c>
      <c r="D68" s="18">
        <v>3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0</v>
      </c>
      <c r="C70" s="14">
        <v>1</v>
      </c>
      <c r="D70" s="18">
        <v>1</v>
      </c>
    </row>
    <row r="71" spans="1:4" ht="18" customHeight="1" x14ac:dyDescent="0.15">
      <c r="A71" s="5" t="s">
        <v>22</v>
      </c>
      <c r="B71" s="22">
        <v>5</v>
      </c>
      <c r="C71" s="14">
        <v>5</v>
      </c>
      <c r="D71" s="18">
        <v>10</v>
      </c>
    </row>
    <row r="72" spans="1:4" ht="18" customHeight="1" x14ac:dyDescent="0.15">
      <c r="A72" s="5">
        <v>55</v>
      </c>
      <c r="B72" s="22">
        <v>2</v>
      </c>
      <c r="C72" s="14">
        <v>2</v>
      </c>
      <c r="D72" s="18">
        <v>4</v>
      </c>
    </row>
    <row r="73" spans="1:4" ht="18" customHeight="1" x14ac:dyDescent="0.15">
      <c r="A73" s="5">
        <v>56</v>
      </c>
      <c r="B73" s="22">
        <v>2</v>
      </c>
      <c r="C73" s="14">
        <v>0</v>
      </c>
      <c r="D73" s="18">
        <v>2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0</v>
      </c>
      <c r="C75" s="14">
        <v>3</v>
      </c>
      <c r="D75" s="18">
        <v>3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4</v>
      </c>
      <c r="C77" s="14">
        <v>6</v>
      </c>
      <c r="D77" s="18">
        <v>10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1</v>
      </c>
      <c r="C79" s="14">
        <v>2</v>
      </c>
      <c r="D79" s="18">
        <v>3</v>
      </c>
    </row>
    <row r="80" spans="1:4" ht="18" customHeight="1" x14ac:dyDescent="0.15">
      <c r="A80" s="5">
        <v>62</v>
      </c>
      <c r="B80" s="22">
        <v>2</v>
      </c>
      <c r="C80" s="14">
        <v>0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3</v>
      </c>
      <c r="D81" s="18">
        <v>4</v>
      </c>
    </row>
    <row r="82" spans="1:4" ht="18" customHeight="1" x14ac:dyDescent="0.15">
      <c r="A82" s="5">
        <v>64</v>
      </c>
      <c r="B82" s="22">
        <v>4</v>
      </c>
      <c r="C82" s="14">
        <v>3</v>
      </c>
      <c r="D82" s="18">
        <v>7</v>
      </c>
    </row>
    <row r="83" spans="1:4" ht="18" customHeight="1" x14ac:dyDescent="0.15">
      <c r="A83" s="5" t="s">
        <v>28</v>
      </c>
      <c r="B83" s="22">
        <v>8</v>
      </c>
      <c r="C83" s="14">
        <v>9</v>
      </c>
      <c r="D83" s="18">
        <v>17</v>
      </c>
    </row>
    <row r="84" spans="1:4" ht="18" customHeight="1" x14ac:dyDescent="0.15">
      <c r="A84" s="5" t="s">
        <v>31</v>
      </c>
      <c r="B84" s="22">
        <v>55</v>
      </c>
      <c r="C84" s="14">
        <v>47</v>
      </c>
      <c r="D84" s="18">
        <v>102</v>
      </c>
    </row>
    <row r="85" spans="1:4" ht="18" customHeight="1" x14ac:dyDescent="0.15">
      <c r="A85" s="5">
        <v>65</v>
      </c>
      <c r="B85" s="22">
        <v>2</v>
      </c>
      <c r="C85" s="14">
        <v>2</v>
      </c>
      <c r="D85" s="18">
        <v>4</v>
      </c>
    </row>
    <row r="86" spans="1:4" ht="18" customHeight="1" x14ac:dyDescent="0.15">
      <c r="A86" s="5">
        <v>66</v>
      </c>
      <c r="B86" s="22">
        <v>5</v>
      </c>
      <c r="C86" s="14">
        <v>2</v>
      </c>
      <c r="D86" s="18">
        <v>7</v>
      </c>
    </row>
    <row r="87" spans="1:4" ht="18" customHeight="1" x14ac:dyDescent="0.15">
      <c r="A87" s="5">
        <v>67</v>
      </c>
      <c r="B87" s="22">
        <v>3</v>
      </c>
      <c r="C87" s="14">
        <v>4</v>
      </c>
      <c r="D87" s="18">
        <v>7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3</v>
      </c>
      <c r="C89" s="14">
        <v>0</v>
      </c>
      <c r="D89" s="18">
        <v>3</v>
      </c>
    </row>
    <row r="90" spans="1:4" ht="18" customHeight="1" x14ac:dyDescent="0.15">
      <c r="A90" s="5" t="s">
        <v>20</v>
      </c>
      <c r="B90" s="22">
        <v>14</v>
      </c>
      <c r="C90" s="14">
        <v>8</v>
      </c>
      <c r="D90" s="18">
        <v>22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0</v>
      </c>
      <c r="C92" s="14">
        <v>2</v>
      </c>
      <c r="D92" s="18">
        <v>2</v>
      </c>
    </row>
    <row r="93" spans="1:4" ht="18" customHeight="1" x14ac:dyDescent="0.15">
      <c r="A93" s="5">
        <v>72</v>
      </c>
      <c r="B93" s="22">
        <v>3</v>
      </c>
      <c r="C93" s="14">
        <v>2</v>
      </c>
      <c r="D93" s="18">
        <v>5</v>
      </c>
    </row>
    <row r="94" spans="1:4" ht="18" customHeight="1" x14ac:dyDescent="0.15">
      <c r="A94" s="5">
        <v>73</v>
      </c>
      <c r="B94" s="22">
        <v>4</v>
      </c>
      <c r="C94" s="14">
        <v>1</v>
      </c>
      <c r="D94" s="18">
        <v>5</v>
      </c>
    </row>
    <row r="95" spans="1:4" ht="18" customHeight="1" x14ac:dyDescent="0.15">
      <c r="A95" s="5">
        <v>74</v>
      </c>
      <c r="B95" s="22">
        <v>1</v>
      </c>
      <c r="C95" s="14">
        <v>1</v>
      </c>
      <c r="D95" s="18">
        <v>2</v>
      </c>
    </row>
    <row r="96" spans="1:4" ht="18" customHeight="1" x14ac:dyDescent="0.15">
      <c r="A96" s="5" t="s">
        <v>33</v>
      </c>
      <c r="B96" s="22">
        <v>8</v>
      </c>
      <c r="C96" s="14">
        <v>10</v>
      </c>
      <c r="D96" s="18">
        <v>18</v>
      </c>
    </row>
    <row r="97" spans="1:4" ht="18" customHeight="1" x14ac:dyDescent="0.15">
      <c r="A97" s="5">
        <v>75</v>
      </c>
      <c r="B97" s="22">
        <v>2</v>
      </c>
      <c r="C97" s="14">
        <v>1</v>
      </c>
      <c r="D97" s="18">
        <v>3</v>
      </c>
    </row>
    <row r="98" spans="1:4" ht="18" customHeight="1" x14ac:dyDescent="0.15">
      <c r="A98" s="5">
        <v>76</v>
      </c>
      <c r="B98" s="22">
        <v>6</v>
      </c>
      <c r="C98" s="14">
        <v>3</v>
      </c>
      <c r="D98" s="18">
        <v>9</v>
      </c>
    </row>
    <row r="99" spans="1:4" ht="18" customHeight="1" x14ac:dyDescent="0.15">
      <c r="A99" s="5">
        <v>77</v>
      </c>
      <c r="B99" s="22">
        <v>2</v>
      </c>
      <c r="C99" s="14">
        <v>0</v>
      </c>
      <c r="D99" s="18">
        <v>2</v>
      </c>
    </row>
    <row r="100" spans="1:4" ht="18" customHeight="1" x14ac:dyDescent="0.15">
      <c r="A100" s="5">
        <v>78</v>
      </c>
      <c r="B100" s="22">
        <v>4</v>
      </c>
      <c r="C100" s="14">
        <v>1</v>
      </c>
      <c r="D100" s="18">
        <v>5</v>
      </c>
    </row>
    <row r="101" spans="1:4" ht="18" customHeight="1" x14ac:dyDescent="0.15">
      <c r="A101" s="5">
        <v>79</v>
      </c>
      <c r="B101" s="22">
        <v>2</v>
      </c>
      <c r="C101" s="14">
        <v>2</v>
      </c>
      <c r="D101" s="18">
        <v>4</v>
      </c>
    </row>
    <row r="102" spans="1:4" ht="18" customHeight="1" x14ac:dyDescent="0.15">
      <c r="A102" s="5" t="s">
        <v>0</v>
      </c>
      <c r="B102" s="22">
        <v>16</v>
      </c>
      <c r="C102" s="14">
        <v>7</v>
      </c>
      <c r="D102" s="18">
        <v>23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2</v>
      </c>
      <c r="D104" s="18">
        <v>3</v>
      </c>
    </row>
    <row r="105" spans="1:4" ht="18" customHeight="1" x14ac:dyDescent="0.15">
      <c r="A105" s="5">
        <v>82</v>
      </c>
      <c r="B105" s="22">
        <v>0</v>
      </c>
      <c r="C105" s="14">
        <v>1</v>
      </c>
      <c r="D105" s="18">
        <v>1</v>
      </c>
    </row>
    <row r="106" spans="1:4" ht="18" customHeight="1" x14ac:dyDescent="0.15">
      <c r="A106" s="5">
        <v>83</v>
      </c>
      <c r="B106" s="22">
        <v>2</v>
      </c>
      <c r="C106" s="14">
        <v>5</v>
      </c>
      <c r="D106" s="18">
        <v>7</v>
      </c>
    </row>
    <row r="107" spans="1:4" ht="18" customHeight="1" x14ac:dyDescent="0.15">
      <c r="A107" s="5">
        <v>84</v>
      </c>
      <c r="B107" s="22">
        <v>2</v>
      </c>
      <c r="C107" s="14">
        <v>1</v>
      </c>
      <c r="D107" s="18">
        <v>3</v>
      </c>
    </row>
    <row r="108" spans="1:4" ht="18" customHeight="1" x14ac:dyDescent="0.15">
      <c r="A108" s="5" t="s">
        <v>35</v>
      </c>
      <c r="B108" s="22">
        <v>6</v>
      </c>
      <c r="C108" s="14">
        <v>9</v>
      </c>
      <c r="D108" s="18">
        <v>1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1</v>
      </c>
      <c r="C111" s="14">
        <v>2</v>
      </c>
      <c r="D111" s="18">
        <v>3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1</v>
      </c>
      <c r="D113" s="18">
        <v>3</v>
      </c>
    </row>
    <row r="114" spans="1:4" ht="18" customHeight="1" x14ac:dyDescent="0.15">
      <c r="A114" s="5" t="s">
        <v>37</v>
      </c>
      <c r="B114" s="22">
        <v>3</v>
      </c>
      <c r="C114" s="14">
        <v>8</v>
      </c>
      <c r="D114" s="18">
        <v>11</v>
      </c>
    </row>
    <row r="115" spans="1:4" ht="18" customHeight="1" x14ac:dyDescent="0.15">
      <c r="A115" s="5">
        <v>90</v>
      </c>
      <c r="B115" s="22">
        <v>0</v>
      </c>
      <c r="C115" s="14">
        <v>1</v>
      </c>
      <c r="D115" s="18">
        <v>1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0</v>
      </c>
      <c r="C120" s="14">
        <v>2</v>
      </c>
      <c r="D120" s="18">
        <v>2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4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</v>
      </c>
      <c r="C130" s="14">
        <v>48</v>
      </c>
      <c r="D130" s="18">
        <v>95</v>
      </c>
    </row>
    <row r="131" spans="1:4" ht="18" customHeight="1" x14ac:dyDescent="0.15">
      <c r="A131" s="7" t="s">
        <v>45</v>
      </c>
      <c r="B131" s="23">
        <v>113</v>
      </c>
      <c r="C131" s="15">
        <v>104</v>
      </c>
      <c r="D131" s="19">
        <v>2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3</v>
      </c>
      <c r="C6" s="14">
        <v>3</v>
      </c>
      <c r="D6" s="18">
        <v>6</v>
      </c>
    </row>
    <row r="7" spans="1:4" ht="18" customHeight="1" x14ac:dyDescent="0.15">
      <c r="A7" s="5">
        <v>2</v>
      </c>
      <c r="B7" s="27">
        <v>1</v>
      </c>
      <c r="C7" s="14">
        <v>2</v>
      </c>
      <c r="D7" s="18">
        <v>3</v>
      </c>
    </row>
    <row r="8" spans="1:4" ht="18" customHeight="1" x14ac:dyDescent="0.15">
      <c r="A8" s="5">
        <v>3</v>
      </c>
      <c r="B8" s="27">
        <v>6</v>
      </c>
      <c r="C8" s="14">
        <v>2</v>
      </c>
      <c r="D8" s="18">
        <v>8</v>
      </c>
    </row>
    <row r="9" spans="1:4" ht="18" customHeight="1" x14ac:dyDescent="0.15">
      <c r="A9" s="5">
        <v>4</v>
      </c>
      <c r="B9" s="28">
        <v>3</v>
      </c>
      <c r="C9" s="30">
        <v>3</v>
      </c>
      <c r="D9" s="32">
        <v>6</v>
      </c>
    </row>
    <row r="10" spans="1:4" ht="18" customHeight="1" x14ac:dyDescent="0.15">
      <c r="A10" s="5" t="s">
        <v>7</v>
      </c>
      <c r="B10" s="22">
        <v>14</v>
      </c>
      <c r="C10" s="14">
        <v>11</v>
      </c>
      <c r="D10" s="18">
        <v>25</v>
      </c>
    </row>
    <row r="11" spans="1:4" ht="18" customHeight="1" x14ac:dyDescent="0.15">
      <c r="A11" s="5">
        <v>5</v>
      </c>
      <c r="B11" s="27">
        <v>0</v>
      </c>
      <c r="C11" s="14">
        <v>2</v>
      </c>
      <c r="D11" s="18">
        <v>2</v>
      </c>
    </row>
    <row r="12" spans="1:4" ht="18" customHeight="1" x14ac:dyDescent="0.15">
      <c r="A12" s="5">
        <v>6</v>
      </c>
      <c r="B12" s="27">
        <v>4</v>
      </c>
      <c r="C12" s="14">
        <v>3</v>
      </c>
      <c r="D12" s="18">
        <v>7</v>
      </c>
    </row>
    <row r="13" spans="1:4" ht="18" customHeight="1" x14ac:dyDescent="0.15">
      <c r="A13" s="5">
        <v>7</v>
      </c>
      <c r="B13" s="27">
        <v>3</v>
      </c>
      <c r="C13" s="14">
        <v>6</v>
      </c>
      <c r="D13" s="18">
        <v>9</v>
      </c>
    </row>
    <row r="14" spans="1:4" ht="18" customHeight="1" x14ac:dyDescent="0.15">
      <c r="A14" s="5">
        <v>8</v>
      </c>
      <c r="B14" s="27">
        <v>3</v>
      </c>
      <c r="C14" s="14">
        <v>1</v>
      </c>
      <c r="D14" s="18">
        <v>4</v>
      </c>
    </row>
    <row r="15" spans="1:4" ht="18" customHeight="1" x14ac:dyDescent="0.15">
      <c r="A15" s="5">
        <v>9</v>
      </c>
      <c r="B15" s="27">
        <v>6</v>
      </c>
      <c r="C15" s="14">
        <v>5</v>
      </c>
      <c r="D15" s="18">
        <v>11</v>
      </c>
    </row>
    <row r="16" spans="1:4" ht="18" customHeight="1" x14ac:dyDescent="0.15">
      <c r="A16" s="5" t="s">
        <v>11</v>
      </c>
      <c r="B16" s="22">
        <v>16</v>
      </c>
      <c r="C16" s="14">
        <v>17</v>
      </c>
      <c r="D16" s="18">
        <v>33</v>
      </c>
    </row>
    <row r="17" spans="1:4" ht="18" customHeight="1" x14ac:dyDescent="0.15">
      <c r="A17" s="5">
        <v>10</v>
      </c>
      <c r="B17" s="22">
        <v>8</v>
      </c>
      <c r="C17" s="14">
        <v>3</v>
      </c>
      <c r="D17" s="18">
        <v>11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0</v>
      </c>
      <c r="C20" s="14">
        <v>4</v>
      </c>
      <c r="D20" s="18">
        <v>4</v>
      </c>
    </row>
    <row r="21" spans="1:4" ht="18" customHeight="1" x14ac:dyDescent="0.15">
      <c r="A21" s="5">
        <v>14</v>
      </c>
      <c r="B21" s="22">
        <v>5</v>
      </c>
      <c r="C21" s="14">
        <v>5</v>
      </c>
      <c r="D21" s="18">
        <v>10</v>
      </c>
    </row>
    <row r="22" spans="1:4" ht="18" customHeight="1" x14ac:dyDescent="0.15">
      <c r="A22" s="5" t="s">
        <v>12</v>
      </c>
      <c r="B22" s="22">
        <v>21</v>
      </c>
      <c r="C22" s="14">
        <v>20</v>
      </c>
      <c r="D22" s="18">
        <v>41</v>
      </c>
    </row>
    <row r="23" spans="1:4" ht="18" customHeight="1" x14ac:dyDescent="0.15">
      <c r="A23" s="5" t="s">
        <v>6</v>
      </c>
      <c r="B23" s="22">
        <v>51</v>
      </c>
      <c r="C23" s="14">
        <v>48</v>
      </c>
      <c r="D23" s="18">
        <v>99</v>
      </c>
    </row>
    <row r="24" spans="1:4" ht="18" customHeight="1" x14ac:dyDescent="0.15">
      <c r="A24" s="5">
        <v>15</v>
      </c>
      <c r="B24" s="22">
        <v>6</v>
      </c>
      <c r="C24" s="14">
        <v>4</v>
      </c>
      <c r="D24" s="18">
        <v>10</v>
      </c>
    </row>
    <row r="25" spans="1:4" ht="18" customHeight="1" x14ac:dyDescent="0.15">
      <c r="A25" s="5">
        <v>16</v>
      </c>
      <c r="B25" s="22">
        <v>5</v>
      </c>
      <c r="C25" s="14">
        <v>3</v>
      </c>
      <c r="D25" s="18">
        <v>8</v>
      </c>
    </row>
    <row r="26" spans="1:4" ht="18" customHeight="1" x14ac:dyDescent="0.15">
      <c r="A26" s="5">
        <v>17</v>
      </c>
      <c r="B26" s="22">
        <v>7</v>
      </c>
      <c r="C26" s="14">
        <v>5</v>
      </c>
      <c r="D26" s="18">
        <v>12</v>
      </c>
    </row>
    <row r="27" spans="1:4" ht="18" customHeight="1" x14ac:dyDescent="0.15">
      <c r="A27" s="5">
        <v>18</v>
      </c>
      <c r="B27" s="22">
        <v>6</v>
      </c>
      <c r="C27" s="14">
        <v>6</v>
      </c>
      <c r="D27" s="18">
        <v>12</v>
      </c>
    </row>
    <row r="28" spans="1:4" ht="18" customHeight="1" x14ac:dyDescent="0.15">
      <c r="A28" s="5">
        <v>19</v>
      </c>
      <c r="B28" s="22">
        <v>8</v>
      </c>
      <c r="C28" s="14">
        <v>7</v>
      </c>
      <c r="D28" s="18">
        <v>15</v>
      </c>
    </row>
    <row r="29" spans="1:4" ht="18" customHeight="1" x14ac:dyDescent="0.15">
      <c r="A29" s="5" t="s">
        <v>14</v>
      </c>
      <c r="B29" s="22">
        <v>32</v>
      </c>
      <c r="C29" s="14">
        <v>25</v>
      </c>
      <c r="D29" s="18">
        <v>57</v>
      </c>
    </row>
    <row r="30" spans="1:4" ht="18" customHeight="1" x14ac:dyDescent="0.15">
      <c r="A30" s="5">
        <v>20</v>
      </c>
      <c r="B30" s="22">
        <v>4</v>
      </c>
      <c r="C30" s="14">
        <v>9</v>
      </c>
      <c r="D30" s="18">
        <v>13</v>
      </c>
    </row>
    <row r="31" spans="1:4" ht="18" customHeight="1" x14ac:dyDescent="0.15">
      <c r="A31" s="5">
        <v>21</v>
      </c>
      <c r="B31" s="22">
        <v>6</v>
      </c>
      <c r="C31" s="14">
        <v>4</v>
      </c>
      <c r="D31" s="18">
        <v>10</v>
      </c>
    </row>
    <row r="32" spans="1:4" ht="18" customHeight="1" x14ac:dyDescent="0.15">
      <c r="A32" s="5">
        <v>22</v>
      </c>
      <c r="B32" s="22">
        <v>12</v>
      </c>
      <c r="C32" s="14">
        <v>12</v>
      </c>
      <c r="D32" s="18">
        <v>24</v>
      </c>
    </row>
    <row r="33" spans="1:4" ht="18" customHeight="1" x14ac:dyDescent="0.15">
      <c r="A33" s="5">
        <v>23</v>
      </c>
      <c r="B33" s="22">
        <v>6</v>
      </c>
      <c r="C33" s="14">
        <v>4</v>
      </c>
      <c r="D33" s="18">
        <v>10</v>
      </c>
    </row>
    <row r="34" spans="1:4" ht="18" customHeight="1" x14ac:dyDescent="0.15">
      <c r="A34" s="5">
        <v>24</v>
      </c>
      <c r="B34" s="22">
        <v>6</v>
      </c>
      <c r="C34" s="14">
        <v>5</v>
      </c>
      <c r="D34" s="18">
        <v>11</v>
      </c>
    </row>
    <row r="35" spans="1:4" ht="18" customHeight="1" x14ac:dyDescent="0.15">
      <c r="A35" s="5" t="s">
        <v>9</v>
      </c>
      <c r="B35" s="22">
        <v>34</v>
      </c>
      <c r="C35" s="14">
        <v>34</v>
      </c>
      <c r="D35" s="18">
        <v>68</v>
      </c>
    </row>
    <row r="36" spans="1:4" ht="18" customHeight="1" x14ac:dyDescent="0.15">
      <c r="A36" s="5">
        <v>25</v>
      </c>
      <c r="B36" s="22">
        <v>5</v>
      </c>
      <c r="C36" s="14">
        <v>5</v>
      </c>
      <c r="D36" s="18">
        <v>10</v>
      </c>
    </row>
    <row r="37" spans="1:4" ht="18" customHeight="1" x14ac:dyDescent="0.15">
      <c r="A37" s="5">
        <v>26</v>
      </c>
      <c r="B37" s="22">
        <v>4</v>
      </c>
      <c r="C37" s="14">
        <v>4</v>
      </c>
      <c r="D37" s="18">
        <v>8</v>
      </c>
    </row>
    <row r="38" spans="1:4" ht="18" customHeight="1" x14ac:dyDescent="0.15">
      <c r="A38" s="5">
        <v>27</v>
      </c>
      <c r="B38" s="22">
        <v>3</v>
      </c>
      <c r="C38" s="14">
        <v>5</v>
      </c>
      <c r="D38" s="18">
        <v>8</v>
      </c>
    </row>
    <row r="39" spans="1:4" ht="18" customHeight="1" x14ac:dyDescent="0.15">
      <c r="A39" s="5">
        <v>28</v>
      </c>
      <c r="B39" s="22">
        <v>5</v>
      </c>
      <c r="C39" s="14">
        <v>4</v>
      </c>
      <c r="D39" s="18">
        <v>9</v>
      </c>
    </row>
    <row r="40" spans="1:4" ht="18" customHeight="1" x14ac:dyDescent="0.15">
      <c r="A40" s="5">
        <v>29</v>
      </c>
      <c r="B40" s="22">
        <v>10</v>
      </c>
      <c r="C40" s="14">
        <v>3</v>
      </c>
      <c r="D40" s="18">
        <v>13</v>
      </c>
    </row>
    <row r="41" spans="1:4" ht="18" customHeight="1" x14ac:dyDescent="0.15">
      <c r="A41" s="5" t="s">
        <v>2</v>
      </c>
      <c r="B41" s="22">
        <v>27</v>
      </c>
      <c r="C41" s="14">
        <v>21</v>
      </c>
      <c r="D41" s="18">
        <v>48</v>
      </c>
    </row>
    <row r="42" spans="1:4" ht="18" customHeight="1" x14ac:dyDescent="0.15">
      <c r="A42" s="5">
        <v>30</v>
      </c>
      <c r="B42" s="22">
        <v>7</v>
      </c>
      <c r="C42" s="14">
        <v>5</v>
      </c>
      <c r="D42" s="18">
        <v>12</v>
      </c>
    </row>
    <row r="43" spans="1:4" ht="18" customHeight="1" x14ac:dyDescent="0.15">
      <c r="A43" s="5">
        <v>31</v>
      </c>
      <c r="B43" s="22">
        <v>6</v>
      </c>
      <c r="C43" s="14">
        <v>3</v>
      </c>
      <c r="D43" s="18">
        <v>9</v>
      </c>
    </row>
    <row r="44" spans="1:4" ht="18" customHeight="1" x14ac:dyDescent="0.15">
      <c r="A44" s="5">
        <v>32</v>
      </c>
      <c r="B44" s="22">
        <v>9</v>
      </c>
      <c r="C44" s="14">
        <v>5</v>
      </c>
      <c r="D44" s="18">
        <v>14</v>
      </c>
    </row>
    <row r="45" spans="1:4" ht="18" customHeight="1" x14ac:dyDescent="0.15">
      <c r="A45" s="5">
        <v>33</v>
      </c>
      <c r="B45" s="22">
        <v>7</v>
      </c>
      <c r="C45" s="14">
        <v>5</v>
      </c>
      <c r="D45" s="18">
        <v>12</v>
      </c>
    </row>
    <row r="46" spans="1:4" ht="18" customHeight="1" x14ac:dyDescent="0.15">
      <c r="A46" s="5">
        <v>34</v>
      </c>
      <c r="B46" s="22">
        <v>12</v>
      </c>
      <c r="C46" s="14">
        <v>4</v>
      </c>
      <c r="D46" s="18">
        <v>16</v>
      </c>
    </row>
    <row r="47" spans="1:4" ht="18" customHeight="1" x14ac:dyDescent="0.15">
      <c r="A47" s="5" t="s">
        <v>15</v>
      </c>
      <c r="B47" s="22">
        <v>41</v>
      </c>
      <c r="C47" s="14">
        <v>22</v>
      </c>
      <c r="D47" s="18">
        <v>63</v>
      </c>
    </row>
    <row r="48" spans="1:4" ht="18" customHeight="1" x14ac:dyDescent="0.15">
      <c r="A48" s="5">
        <v>35</v>
      </c>
      <c r="B48" s="22">
        <v>12</v>
      </c>
      <c r="C48" s="14">
        <v>10</v>
      </c>
      <c r="D48" s="18">
        <v>22</v>
      </c>
    </row>
    <row r="49" spans="1:4" ht="18" customHeight="1" x14ac:dyDescent="0.15">
      <c r="A49" s="5">
        <v>36</v>
      </c>
      <c r="B49" s="22">
        <v>6</v>
      </c>
      <c r="C49" s="14">
        <v>10</v>
      </c>
      <c r="D49" s="18">
        <v>16</v>
      </c>
    </row>
    <row r="50" spans="1:4" ht="18" customHeight="1" x14ac:dyDescent="0.15">
      <c r="A50" s="5">
        <v>37</v>
      </c>
      <c r="B50" s="22">
        <v>8</v>
      </c>
      <c r="C50" s="14">
        <v>7</v>
      </c>
      <c r="D50" s="18">
        <v>15</v>
      </c>
    </row>
    <row r="51" spans="1:4" ht="18" customHeight="1" x14ac:dyDescent="0.15">
      <c r="A51" s="5">
        <v>38</v>
      </c>
      <c r="B51" s="22">
        <v>10</v>
      </c>
      <c r="C51" s="14">
        <v>9</v>
      </c>
      <c r="D51" s="18">
        <v>19</v>
      </c>
    </row>
    <row r="52" spans="1:4" ht="18" customHeight="1" x14ac:dyDescent="0.15">
      <c r="A52" s="5">
        <v>39</v>
      </c>
      <c r="B52" s="22">
        <v>7</v>
      </c>
      <c r="C52" s="14">
        <v>9</v>
      </c>
      <c r="D52" s="18">
        <v>16</v>
      </c>
    </row>
    <row r="53" spans="1:4" ht="18" customHeight="1" x14ac:dyDescent="0.15">
      <c r="A53" s="5" t="s">
        <v>18</v>
      </c>
      <c r="B53" s="22">
        <v>43</v>
      </c>
      <c r="C53" s="14">
        <v>45</v>
      </c>
      <c r="D53" s="18">
        <v>88</v>
      </c>
    </row>
    <row r="54" spans="1:4" ht="18" customHeight="1" x14ac:dyDescent="0.15">
      <c r="A54" s="5">
        <v>40</v>
      </c>
      <c r="B54" s="22">
        <v>13</v>
      </c>
      <c r="C54" s="14">
        <v>10</v>
      </c>
      <c r="D54" s="18">
        <v>23</v>
      </c>
    </row>
    <row r="55" spans="1:4" ht="18" customHeight="1" x14ac:dyDescent="0.15">
      <c r="A55" s="5">
        <v>41</v>
      </c>
      <c r="B55" s="22">
        <v>13</v>
      </c>
      <c r="C55" s="14">
        <v>10</v>
      </c>
      <c r="D55" s="18">
        <v>23</v>
      </c>
    </row>
    <row r="56" spans="1:4" ht="18" customHeight="1" x14ac:dyDescent="0.15">
      <c r="A56" s="5">
        <v>42</v>
      </c>
      <c r="B56" s="22">
        <v>13</v>
      </c>
      <c r="C56" s="14">
        <v>7</v>
      </c>
      <c r="D56" s="18">
        <v>20</v>
      </c>
    </row>
    <row r="57" spans="1:4" ht="18" customHeight="1" x14ac:dyDescent="0.15">
      <c r="A57" s="5">
        <v>43</v>
      </c>
      <c r="B57" s="22">
        <v>15</v>
      </c>
      <c r="C57" s="14">
        <v>12</v>
      </c>
      <c r="D57" s="18">
        <v>27</v>
      </c>
    </row>
    <row r="58" spans="1:4" ht="18" customHeight="1" x14ac:dyDescent="0.15">
      <c r="A58" s="5">
        <v>44</v>
      </c>
      <c r="B58" s="22">
        <v>18</v>
      </c>
      <c r="C58" s="14">
        <v>17</v>
      </c>
      <c r="D58" s="18">
        <v>35</v>
      </c>
    </row>
    <row r="59" spans="1:4" ht="18" customHeight="1" x14ac:dyDescent="0.15">
      <c r="A59" s="5" t="s">
        <v>21</v>
      </c>
      <c r="B59" s="22">
        <v>72</v>
      </c>
      <c r="C59" s="14">
        <v>56</v>
      </c>
      <c r="D59" s="18">
        <v>128</v>
      </c>
    </row>
    <row r="60" spans="1:4" ht="18" customHeight="1" x14ac:dyDescent="0.15">
      <c r="A60" s="5">
        <v>45</v>
      </c>
      <c r="B60" s="22">
        <v>16</v>
      </c>
      <c r="C60" s="14">
        <v>9</v>
      </c>
      <c r="D60" s="18">
        <v>25</v>
      </c>
    </row>
    <row r="61" spans="1:4" ht="18" customHeight="1" x14ac:dyDescent="0.15">
      <c r="A61" s="5">
        <v>46</v>
      </c>
      <c r="B61" s="22">
        <v>10</v>
      </c>
      <c r="C61" s="14">
        <v>9</v>
      </c>
      <c r="D61" s="18">
        <v>19</v>
      </c>
    </row>
    <row r="62" spans="1:4" ht="18" customHeight="1" x14ac:dyDescent="0.15">
      <c r="A62" s="5">
        <v>47</v>
      </c>
      <c r="B62" s="22">
        <v>12</v>
      </c>
      <c r="C62" s="14">
        <v>6</v>
      </c>
      <c r="D62" s="18">
        <v>18</v>
      </c>
    </row>
    <row r="63" spans="1:4" ht="18" customHeight="1" x14ac:dyDescent="0.15">
      <c r="A63" s="5">
        <v>48</v>
      </c>
      <c r="B63" s="22">
        <v>19</v>
      </c>
      <c r="C63" s="14">
        <v>15</v>
      </c>
      <c r="D63" s="18">
        <v>34</v>
      </c>
    </row>
    <row r="64" spans="1:4" ht="18" customHeight="1" x14ac:dyDescent="0.15">
      <c r="A64" s="5">
        <v>49</v>
      </c>
      <c r="B64" s="22">
        <v>13</v>
      </c>
      <c r="C64" s="14">
        <v>9</v>
      </c>
      <c r="D64" s="18">
        <v>22</v>
      </c>
    </row>
    <row r="65" spans="1:4" ht="18" customHeight="1" x14ac:dyDescent="0.15">
      <c r="A65" s="5" t="s">
        <v>17</v>
      </c>
      <c r="B65" s="22">
        <v>70</v>
      </c>
      <c r="C65" s="14">
        <v>48</v>
      </c>
      <c r="D65" s="18">
        <v>118</v>
      </c>
    </row>
    <row r="66" spans="1:4" ht="18" customHeight="1" x14ac:dyDescent="0.15">
      <c r="A66" s="5">
        <v>50</v>
      </c>
      <c r="B66" s="22">
        <v>19</v>
      </c>
      <c r="C66" s="14">
        <v>17</v>
      </c>
      <c r="D66" s="18">
        <v>36</v>
      </c>
    </row>
    <row r="67" spans="1:4" ht="18" customHeight="1" x14ac:dyDescent="0.15">
      <c r="A67" s="5">
        <v>51</v>
      </c>
      <c r="B67" s="22">
        <v>17</v>
      </c>
      <c r="C67" s="14">
        <v>9</v>
      </c>
      <c r="D67" s="18">
        <v>26</v>
      </c>
    </row>
    <row r="68" spans="1:4" ht="18" customHeight="1" x14ac:dyDescent="0.15">
      <c r="A68" s="5">
        <v>52</v>
      </c>
      <c r="B68" s="22">
        <v>9</v>
      </c>
      <c r="C68" s="14">
        <v>9</v>
      </c>
      <c r="D68" s="18">
        <v>18</v>
      </c>
    </row>
    <row r="69" spans="1:4" ht="18" customHeight="1" x14ac:dyDescent="0.15">
      <c r="A69" s="5">
        <v>53</v>
      </c>
      <c r="B69" s="22">
        <v>14</v>
      </c>
      <c r="C69" s="14">
        <v>5</v>
      </c>
      <c r="D69" s="18">
        <v>19</v>
      </c>
    </row>
    <row r="70" spans="1:4" ht="18" customHeight="1" x14ac:dyDescent="0.15">
      <c r="A70" s="5">
        <v>54</v>
      </c>
      <c r="B70" s="22">
        <v>14</v>
      </c>
      <c r="C70" s="14">
        <v>11</v>
      </c>
      <c r="D70" s="18">
        <v>25</v>
      </c>
    </row>
    <row r="71" spans="1:4" ht="18" customHeight="1" x14ac:dyDescent="0.15">
      <c r="A71" s="5" t="s">
        <v>22</v>
      </c>
      <c r="B71" s="22">
        <v>73</v>
      </c>
      <c r="C71" s="14">
        <v>51</v>
      </c>
      <c r="D71" s="18">
        <v>124</v>
      </c>
    </row>
    <row r="72" spans="1:4" ht="18" customHeight="1" x14ac:dyDescent="0.15">
      <c r="A72" s="5">
        <v>55</v>
      </c>
      <c r="B72" s="22">
        <v>19</v>
      </c>
      <c r="C72" s="14">
        <v>15</v>
      </c>
      <c r="D72" s="18">
        <v>34</v>
      </c>
    </row>
    <row r="73" spans="1:4" ht="18" customHeight="1" x14ac:dyDescent="0.15">
      <c r="A73" s="5">
        <v>56</v>
      </c>
      <c r="B73" s="22">
        <v>11</v>
      </c>
      <c r="C73" s="14">
        <v>12</v>
      </c>
      <c r="D73" s="18">
        <v>23</v>
      </c>
    </row>
    <row r="74" spans="1:4" ht="18" customHeight="1" x14ac:dyDescent="0.15">
      <c r="A74" s="5">
        <v>57</v>
      </c>
      <c r="B74" s="22">
        <v>10</v>
      </c>
      <c r="C74" s="14">
        <v>8</v>
      </c>
      <c r="D74" s="18">
        <v>18</v>
      </c>
    </row>
    <row r="75" spans="1:4" ht="18" customHeight="1" x14ac:dyDescent="0.15">
      <c r="A75" s="5">
        <v>58</v>
      </c>
      <c r="B75" s="22">
        <v>13</v>
      </c>
      <c r="C75" s="14">
        <v>10</v>
      </c>
      <c r="D75" s="18">
        <v>23</v>
      </c>
    </row>
    <row r="76" spans="1:4" ht="18" customHeight="1" x14ac:dyDescent="0.15">
      <c r="A76" s="5">
        <v>59</v>
      </c>
      <c r="B76" s="22">
        <v>14</v>
      </c>
      <c r="C76" s="14">
        <v>11</v>
      </c>
      <c r="D76" s="18">
        <v>25</v>
      </c>
    </row>
    <row r="77" spans="1:4" ht="18" customHeight="1" x14ac:dyDescent="0.15">
      <c r="A77" s="5" t="s">
        <v>27</v>
      </c>
      <c r="B77" s="22">
        <v>67</v>
      </c>
      <c r="C77" s="14">
        <v>56</v>
      </c>
      <c r="D77" s="18">
        <v>123</v>
      </c>
    </row>
    <row r="78" spans="1:4" ht="18" customHeight="1" x14ac:dyDescent="0.15">
      <c r="A78" s="5">
        <v>60</v>
      </c>
      <c r="B78" s="22">
        <v>6</v>
      </c>
      <c r="C78" s="14">
        <v>8</v>
      </c>
      <c r="D78" s="18">
        <v>14</v>
      </c>
    </row>
    <row r="79" spans="1:4" ht="18" customHeight="1" x14ac:dyDescent="0.15">
      <c r="A79" s="5">
        <v>61</v>
      </c>
      <c r="B79" s="22">
        <v>16</v>
      </c>
      <c r="C79" s="14">
        <v>17</v>
      </c>
      <c r="D79" s="18">
        <v>33</v>
      </c>
    </row>
    <row r="80" spans="1:4" ht="18" customHeight="1" x14ac:dyDescent="0.15">
      <c r="A80" s="5">
        <v>62</v>
      </c>
      <c r="B80" s="22">
        <v>16</v>
      </c>
      <c r="C80" s="14">
        <v>12</v>
      </c>
      <c r="D80" s="18">
        <v>28</v>
      </c>
    </row>
    <row r="81" spans="1:4" ht="18" customHeight="1" x14ac:dyDescent="0.15">
      <c r="A81" s="5">
        <v>63</v>
      </c>
      <c r="B81" s="22">
        <v>9</v>
      </c>
      <c r="C81" s="14">
        <v>11</v>
      </c>
      <c r="D81" s="18">
        <v>20</v>
      </c>
    </row>
    <row r="82" spans="1:4" ht="18" customHeight="1" x14ac:dyDescent="0.15">
      <c r="A82" s="5">
        <v>64</v>
      </c>
      <c r="B82" s="22">
        <v>12</v>
      </c>
      <c r="C82" s="14">
        <v>11</v>
      </c>
      <c r="D82" s="18">
        <v>23</v>
      </c>
    </row>
    <row r="83" spans="1:4" ht="18" customHeight="1" x14ac:dyDescent="0.15">
      <c r="A83" s="5" t="s">
        <v>28</v>
      </c>
      <c r="B83" s="22">
        <v>59</v>
      </c>
      <c r="C83" s="14">
        <v>59</v>
      </c>
      <c r="D83" s="18">
        <v>118</v>
      </c>
    </row>
    <row r="84" spans="1:4" ht="18" customHeight="1" x14ac:dyDescent="0.15">
      <c r="A84" s="5" t="s">
        <v>31</v>
      </c>
      <c r="B84" s="22">
        <v>518</v>
      </c>
      <c r="C84" s="14">
        <v>417</v>
      </c>
      <c r="D84" s="18">
        <v>935</v>
      </c>
    </row>
    <row r="85" spans="1:4" ht="18" customHeight="1" x14ac:dyDescent="0.15">
      <c r="A85" s="5">
        <v>65</v>
      </c>
      <c r="B85" s="22">
        <v>12</v>
      </c>
      <c r="C85" s="14">
        <v>17</v>
      </c>
      <c r="D85" s="18">
        <v>29</v>
      </c>
    </row>
    <row r="86" spans="1:4" ht="18" customHeight="1" x14ac:dyDescent="0.15">
      <c r="A86" s="5">
        <v>66</v>
      </c>
      <c r="B86" s="22">
        <v>11</v>
      </c>
      <c r="C86" s="14">
        <v>12</v>
      </c>
      <c r="D86" s="18">
        <v>23</v>
      </c>
    </row>
    <row r="87" spans="1:4" ht="18" customHeight="1" x14ac:dyDescent="0.15">
      <c r="A87" s="5">
        <v>67</v>
      </c>
      <c r="B87" s="22">
        <v>7</v>
      </c>
      <c r="C87" s="14">
        <v>23</v>
      </c>
      <c r="D87" s="18">
        <v>30</v>
      </c>
    </row>
    <row r="88" spans="1:4" ht="18" customHeight="1" x14ac:dyDescent="0.15">
      <c r="A88" s="5">
        <v>68</v>
      </c>
      <c r="B88" s="22">
        <v>16</v>
      </c>
      <c r="C88" s="14">
        <v>17</v>
      </c>
      <c r="D88" s="18">
        <v>33</v>
      </c>
    </row>
    <row r="89" spans="1:4" ht="18" customHeight="1" x14ac:dyDescent="0.15">
      <c r="A89" s="5">
        <v>69</v>
      </c>
      <c r="B89" s="22">
        <v>27</v>
      </c>
      <c r="C89" s="14">
        <v>24</v>
      </c>
      <c r="D89" s="18">
        <v>51</v>
      </c>
    </row>
    <row r="90" spans="1:4" ht="18" customHeight="1" x14ac:dyDescent="0.15">
      <c r="A90" s="5" t="s">
        <v>20</v>
      </c>
      <c r="B90" s="22">
        <v>73</v>
      </c>
      <c r="C90" s="14">
        <v>93</v>
      </c>
      <c r="D90" s="18">
        <v>166</v>
      </c>
    </row>
    <row r="91" spans="1:4" ht="18" customHeight="1" x14ac:dyDescent="0.15">
      <c r="A91" s="5">
        <v>70</v>
      </c>
      <c r="B91" s="22">
        <v>13</v>
      </c>
      <c r="C91" s="14">
        <v>17</v>
      </c>
      <c r="D91" s="18">
        <v>30</v>
      </c>
    </row>
    <row r="92" spans="1:4" ht="18" customHeight="1" x14ac:dyDescent="0.15">
      <c r="A92" s="5">
        <v>71</v>
      </c>
      <c r="B92" s="22">
        <v>28</v>
      </c>
      <c r="C92" s="14">
        <v>16</v>
      </c>
      <c r="D92" s="18">
        <v>44</v>
      </c>
    </row>
    <row r="93" spans="1:4" ht="18" customHeight="1" x14ac:dyDescent="0.15">
      <c r="A93" s="5">
        <v>72</v>
      </c>
      <c r="B93" s="22">
        <v>19</v>
      </c>
      <c r="C93" s="14">
        <v>17</v>
      </c>
      <c r="D93" s="18">
        <v>36</v>
      </c>
    </row>
    <row r="94" spans="1:4" ht="18" customHeight="1" x14ac:dyDescent="0.15">
      <c r="A94" s="5">
        <v>73</v>
      </c>
      <c r="B94" s="22">
        <v>24</v>
      </c>
      <c r="C94" s="14">
        <v>18</v>
      </c>
      <c r="D94" s="18">
        <v>42</v>
      </c>
    </row>
    <row r="95" spans="1:4" ht="18" customHeight="1" x14ac:dyDescent="0.15">
      <c r="A95" s="5">
        <v>74</v>
      </c>
      <c r="B95" s="22">
        <v>22</v>
      </c>
      <c r="C95" s="14">
        <v>10</v>
      </c>
      <c r="D95" s="18">
        <v>32</v>
      </c>
    </row>
    <row r="96" spans="1:4" ht="18" customHeight="1" x14ac:dyDescent="0.15">
      <c r="A96" s="5" t="s">
        <v>33</v>
      </c>
      <c r="B96" s="22">
        <v>106</v>
      </c>
      <c r="C96" s="14">
        <v>78</v>
      </c>
      <c r="D96" s="18">
        <v>184</v>
      </c>
    </row>
    <row r="97" spans="1:4" ht="18" customHeight="1" x14ac:dyDescent="0.15">
      <c r="A97" s="5">
        <v>75</v>
      </c>
      <c r="B97" s="22">
        <v>19</v>
      </c>
      <c r="C97" s="14">
        <v>13</v>
      </c>
      <c r="D97" s="18">
        <v>32</v>
      </c>
    </row>
    <row r="98" spans="1:4" ht="18" customHeight="1" x14ac:dyDescent="0.15">
      <c r="A98" s="5">
        <v>76</v>
      </c>
      <c r="B98" s="22">
        <v>17</v>
      </c>
      <c r="C98" s="14">
        <v>24</v>
      </c>
      <c r="D98" s="18">
        <v>41</v>
      </c>
    </row>
    <row r="99" spans="1:4" ht="18" customHeight="1" x14ac:dyDescent="0.15">
      <c r="A99" s="5">
        <v>77</v>
      </c>
      <c r="B99" s="22">
        <v>16</v>
      </c>
      <c r="C99" s="14">
        <v>13</v>
      </c>
      <c r="D99" s="18">
        <v>29</v>
      </c>
    </row>
    <row r="100" spans="1:4" ht="18" customHeight="1" x14ac:dyDescent="0.15">
      <c r="A100" s="5">
        <v>78</v>
      </c>
      <c r="B100" s="22">
        <v>17</v>
      </c>
      <c r="C100" s="14">
        <v>23</v>
      </c>
      <c r="D100" s="18">
        <v>40</v>
      </c>
    </row>
    <row r="101" spans="1:4" ht="18" customHeight="1" x14ac:dyDescent="0.15">
      <c r="A101" s="5">
        <v>79</v>
      </c>
      <c r="B101" s="22">
        <v>18</v>
      </c>
      <c r="C101" s="14">
        <v>18</v>
      </c>
      <c r="D101" s="18">
        <v>36</v>
      </c>
    </row>
    <row r="102" spans="1:4" ht="18" customHeight="1" x14ac:dyDescent="0.15">
      <c r="A102" s="5" t="s">
        <v>0</v>
      </c>
      <c r="B102" s="22">
        <v>87</v>
      </c>
      <c r="C102" s="14">
        <v>91</v>
      </c>
      <c r="D102" s="18">
        <v>178</v>
      </c>
    </row>
    <row r="103" spans="1:4" ht="18" customHeight="1" x14ac:dyDescent="0.15">
      <c r="A103" s="5">
        <v>80</v>
      </c>
      <c r="B103" s="22">
        <v>8</v>
      </c>
      <c r="C103" s="14">
        <v>12</v>
      </c>
      <c r="D103" s="18">
        <v>20</v>
      </c>
    </row>
    <row r="104" spans="1:4" ht="18" customHeight="1" x14ac:dyDescent="0.15">
      <c r="A104" s="5">
        <v>81</v>
      </c>
      <c r="B104" s="22">
        <v>12</v>
      </c>
      <c r="C104" s="14">
        <v>13</v>
      </c>
      <c r="D104" s="18">
        <v>25</v>
      </c>
    </row>
    <row r="105" spans="1:4" ht="18" customHeight="1" x14ac:dyDescent="0.15">
      <c r="A105" s="5">
        <v>82</v>
      </c>
      <c r="B105" s="22">
        <v>5</v>
      </c>
      <c r="C105" s="14">
        <v>12</v>
      </c>
      <c r="D105" s="18">
        <v>17</v>
      </c>
    </row>
    <row r="106" spans="1:4" ht="18" customHeight="1" x14ac:dyDescent="0.15">
      <c r="A106" s="5">
        <v>83</v>
      </c>
      <c r="B106" s="22">
        <v>9</v>
      </c>
      <c r="C106" s="14">
        <v>13</v>
      </c>
      <c r="D106" s="18">
        <v>22</v>
      </c>
    </row>
    <row r="107" spans="1:4" ht="18" customHeight="1" x14ac:dyDescent="0.15">
      <c r="A107" s="5">
        <v>84</v>
      </c>
      <c r="B107" s="22">
        <v>4</v>
      </c>
      <c r="C107" s="14">
        <v>14</v>
      </c>
      <c r="D107" s="18">
        <v>18</v>
      </c>
    </row>
    <row r="108" spans="1:4" ht="18" customHeight="1" x14ac:dyDescent="0.15">
      <c r="A108" s="5" t="s">
        <v>35</v>
      </c>
      <c r="B108" s="22">
        <v>38</v>
      </c>
      <c r="C108" s="14">
        <v>64</v>
      </c>
      <c r="D108" s="18">
        <v>102</v>
      </c>
    </row>
    <row r="109" spans="1:4" ht="18" customHeight="1" x14ac:dyDescent="0.15">
      <c r="A109" s="5">
        <v>85</v>
      </c>
      <c r="B109" s="22">
        <v>3</v>
      </c>
      <c r="C109" s="14">
        <v>10</v>
      </c>
      <c r="D109" s="18">
        <v>13</v>
      </c>
    </row>
    <row r="110" spans="1:4" ht="18" customHeight="1" x14ac:dyDescent="0.15">
      <c r="A110" s="5">
        <v>86</v>
      </c>
      <c r="B110" s="22">
        <v>7</v>
      </c>
      <c r="C110" s="14">
        <v>7</v>
      </c>
      <c r="D110" s="18">
        <v>14</v>
      </c>
    </row>
    <row r="111" spans="1:4" ht="18" customHeight="1" x14ac:dyDescent="0.15">
      <c r="A111" s="5">
        <v>87</v>
      </c>
      <c r="B111" s="22">
        <v>8</v>
      </c>
      <c r="C111" s="14">
        <v>8</v>
      </c>
      <c r="D111" s="18">
        <v>16</v>
      </c>
    </row>
    <row r="112" spans="1:4" ht="18" customHeight="1" x14ac:dyDescent="0.15">
      <c r="A112" s="5">
        <v>88</v>
      </c>
      <c r="B112" s="22">
        <v>5</v>
      </c>
      <c r="C112" s="14">
        <v>8</v>
      </c>
      <c r="D112" s="18">
        <v>13</v>
      </c>
    </row>
    <row r="113" spans="1:4" ht="18" customHeight="1" x14ac:dyDescent="0.15">
      <c r="A113" s="5">
        <v>89</v>
      </c>
      <c r="B113" s="22">
        <v>4</v>
      </c>
      <c r="C113" s="14">
        <v>14</v>
      </c>
      <c r="D113" s="18">
        <v>18</v>
      </c>
    </row>
    <row r="114" spans="1:4" ht="18" customHeight="1" x14ac:dyDescent="0.15">
      <c r="A114" s="5" t="s">
        <v>37</v>
      </c>
      <c r="B114" s="22">
        <v>27</v>
      </c>
      <c r="C114" s="14">
        <v>47</v>
      </c>
      <c r="D114" s="18">
        <v>74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9</v>
      </c>
      <c r="C120" s="14">
        <v>40</v>
      </c>
      <c r="D120" s="18">
        <v>49</v>
      </c>
    </row>
    <row r="121" spans="1:4" ht="18" customHeight="1" x14ac:dyDescent="0.15">
      <c r="A121" s="5">
        <v>95</v>
      </c>
      <c r="B121" s="22">
        <v>3</v>
      </c>
      <c r="C121" s="14">
        <v>5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6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8</v>
      </c>
      <c r="C126" s="14">
        <v>18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48</v>
      </c>
      <c r="C130" s="14">
        <v>434</v>
      </c>
      <c r="D130" s="18">
        <v>782</v>
      </c>
    </row>
    <row r="131" spans="1:4" ht="18" customHeight="1" x14ac:dyDescent="0.15">
      <c r="A131" s="7" t="s">
        <v>45</v>
      </c>
      <c r="B131" s="23">
        <v>917</v>
      </c>
      <c r="C131" s="15">
        <v>899</v>
      </c>
      <c r="D131" s="19">
        <v>18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1</v>
      </c>
      <c r="C5" s="29">
        <v>20</v>
      </c>
      <c r="D5" s="31">
        <v>41</v>
      </c>
    </row>
    <row r="6" spans="1:4" ht="18" customHeight="1" x14ac:dyDescent="0.15">
      <c r="A6" s="5">
        <v>1</v>
      </c>
      <c r="B6" s="27">
        <v>24</v>
      </c>
      <c r="C6" s="14">
        <v>25</v>
      </c>
      <c r="D6" s="18">
        <v>49</v>
      </c>
    </row>
    <row r="7" spans="1:4" ht="18" customHeight="1" x14ac:dyDescent="0.15">
      <c r="A7" s="5">
        <v>2</v>
      </c>
      <c r="B7" s="27">
        <v>19</v>
      </c>
      <c r="C7" s="14">
        <v>26</v>
      </c>
      <c r="D7" s="18">
        <v>45</v>
      </c>
    </row>
    <row r="8" spans="1:4" ht="18" customHeight="1" x14ac:dyDescent="0.15">
      <c r="A8" s="5">
        <v>3</v>
      </c>
      <c r="B8" s="27">
        <v>22</v>
      </c>
      <c r="C8" s="14">
        <v>21</v>
      </c>
      <c r="D8" s="18">
        <v>43</v>
      </c>
    </row>
    <row r="9" spans="1:4" ht="18" customHeight="1" x14ac:dyDescent="0.15">
      <c r="A9" s="5">
        <v>4</v>
      </c>
      <c r="B9" s="28">
        <v>23</v>
      </c>
      <c r="C9" s="30">
        <v>21</v>
      </c>
      <c r="D9" s="32">
        <v>44</v>
      </c>
    </row>
    <row r="10" spans="1:4" ht="18" customHeight="1" x14ac:dyDescent="0.15">
      <c r="A10" s="5" t="s">
        <v>7</v>
      </c>
      <c r="B10" s="22">
        <v>109</v>
      </c>
      <c r="C10" s="14">
        <v>113</v>
      </c>
      <c r="D10" s="18">
        <v>222</v>
      </c>
    </row>
    <row r="11" spans="1:4" ht="18" customHeight="1" x14ac:dyDescent="0.15">
      <c r="A11" s="5">
        <v>5</v>
      </c>
      <c r="B11" s="27">
        <v>20</v>
      </c>
      <c r="C11" s="14">
        <v>27</v>
      </c>
      <c r="D11" s="18">
        <v>47</v>
      </c>
    </row>
    <row r="12" spans="1:4" ht="18" customHeight="1" x14ac:dyDescent="0.15">
      <c r="A12" s="5">
        <v>6</v>
      </c>
      <c r="B12" s="27">
        <v>25</v>
      </c>
      <c r="C12" s="14">
        <v>22</v>
      </c>
      <c r="D12" s="18">
        <v>47</v>
      </c>
    </row>
    <row r="13" spans="1:4" ht="18" customHeight="1" x14ac:dyDescent="0.15">
      <c r="A13" s="5">
        <v>7</v>
      </c>
      <c r="B13" s="27">
        <v>40</v>
      </c>
      <c r="C13" s="14">
        <v>32</v>
      </c>
      <c r="D13" s="18">
        <v>72</v>
      </c>
    </row>
    <row r="14" spans="1:4" ht="18" customHeight="1" x14ac:dyDescent="0.15">
      <c r="A14" s="5">
        <v>8</v>
      </c>
      <c r="B14" s="27">
        <v>28</v>
      </c>
      <c r="C14" s="14">
        <v>25</v>
      </c>
      <c r="D14" s="18">
        <v>53</v>
      </c>
    </row>
    <row r="15" spans="1:4" ht="18" customHeight="1" x14ac:dyDescent="0.15">
      <c r="A15" s="5">
        <v>9</v>
      </c>
      <c r="B15" s="27">
        <v>28</v>
      </c>
      <c r="C15" s="14">
        <v>34</v>
      </c>
      <c r="D15" s="18">
        <v>62</v>
      </c>
    </row>
    <row r="16" spans="1:4" ht="18" customHeight="1" x14ac:dyDescent="0.15">
      <c r="A16" s="5" t="s">
        <v>11</v>
      </c>
      <c r="B16" s="22">
        <v>141</v>
      </c>
      <c r="C16" s="14">
        <v>140</v>
      </c>
      <c r="D16" s="18">
        <v>281</v>
      </c>
    </row>
    <row r="17" spans="1:4" ht="18" customHeight="1" x14ac:dyDescent="0.15">
      <c r="A17" s="5">
        <v>10</v>
      </c>
      <c r="B17" s="22">
        <v>39</v>
      </c>
      <c r="C17" s="14">
        <v>34</v>
      </c>
      <c r="D17" s="18">
        <v>73</v>
      </c>
    </row>
    <row r="18" spans="1:4" ht="18" customHeight="1" x14ac:dyDescent="0.15">
      <c r="A18" s="5">
        <v>11</v>
      </c>
      <c r="B18" s="22">
        <v>37</v>
      </c>
      <c r="C18" s="14">
        <v>34</v>
      </c>
      <c r="D18" s="18">
        <v>71</v>
      </c>
    </row>
    <row r="19" spans="1:4" ht="18" customHeight="1" x14ac:dyDescent="0.15">
      <c r="A19" s="5">
        <v>12</v>
      </c>
      <c r="B19" s="22">
        <v>30</v>
      </c>
      <c r="C19" s="14">
        <v>30</v>
      </c>
      <c r="D19" s="18">
        <v>60</v>
      </c>
    </row>
    <row r="20" spans="1:4" ht="18" customHeight="1" x14ac:dyDescent="0.15">
      <c r="A20" s="5">
        <v>13</v>
      </c>
      <c r="B20" s="22">
        <v>37</v>
      </c>
      <c r="C20" s="14">
        <v>35</v>
      </c>
      <c r="D20" s="18">
        <v>72</v>
      </c>
    </row>
    <row r="21" spans="1:4" ht="18" customHeight="1" x14ac:dyDescent="0.15">
      <c r="A21" s="5">
        <v>14</v>
      </c>
      <c r="B21" s="22">
        <v>36</v>
      </c>
      <c r="C21" s="14">
        <v>41</v>
      </c>
      <c r="D21" s="18">
        <v>77</v>
      </c>
    </row>
    <row r="22" spans="1:4" ht="18" customHeight="1" x14ac:dyDescent="0.15">
      <c r="A22" s="5" t="s">
        <v>12</v>
      </c>
      <c r="B22" s="22">
        <v>179</v>
      </c>
      <c r="C22" s="14">
        <v>174</v>
      </c>
      <c r="D22" s="18">
        <v>353</v>
      </c>
    </row>
    <row r="23" spans="1:4" ht="18" customHeight="1" x14ac:dyDescent="0.15">
      <c r="A23" s="5" t="s">
        <v>6</v>
      </c>
      <c r="B23" s="22">
        <v>429</v>
      </c>
      <c r="C23" s="14">
        <v>427</v>
      </c>
      <c r="D23" s="18">
        <v>856</v>
      </c>
    </row>
    <row r="24" spans="1:4" ht="18" customHeight="1" x14ac:dyDescent="0.15">
      <c r="A24" s="5">
        <v>15</v>
      </c>
      <c r="B24" s="22">
        <v>51</v>
      </c>
      <c r="C24" s="14">
        <v>39</v>
      </c>
      <c r="D24" s="18">
        <v>90</v>
      </c>
    </row>
    <row r="25" spans="1:4" ht="18" customHeight="1" x14ac:dyDescent="0.15">
      <c r="A25" s="5">
        <v>16</v>
      </c>
      <c r="B25" s="22">
        <v>48</v>
      </c>
      <c r="C25" s="14">
        <v>36</v>
      </c>
      <c r="D25" s="18">
        <v>84</v>
      </c>
    </row>
    <row r="26" spans="1:4" ht="18" customHeight="1" x14ac:dyDescent="0.15">
      <c r="A26" s="5">
        <v>17</v>
      </c>
      <c r="B26" s="22">
        <v>44</v>
      </c>
      <c r="C26" s="14">
        <v>41</v>
      </c>
      <c r="D26" s="18">
        <v>85</v>
      </c>
    </row>
    <row r="27" spans="1:4" ht="18" customHeight="1" x14ac:dyDescent="0.15">
      <c r="A27" s="5">
        <v>18</v>
      </c>
      <c r="B27" s="22">
        <v>36</v>
      </c>
      <c r="C27" s="14">
        <v>38</v>
      </c>
      <c r="D27" s="18">
        <v>74</v>
      </c>
    </row>
    <row r="28" spans="1:4" ht="18" customHeight="1" x14ac:dyDescent="0.15">
      <c r="A28" s="5">
        <v>19</v>
      </c>
      <c r="B28" s="22">
        <v>23</v>
      </c>
      <c r="C28" s="14">
        <v>33</v>
      </c>
      <c r="D28" s="18">
        <v>56</v>
      </c>
    </row>
    <row r="29" spans="1:4" ht="18" customHeight="1" x14ac:dyDescent="0.15">
      <c r="A29" s="5" t="s">
        <v>14</v>
      </c>
      <c r="B29" s="22">
        <v>202</v>
      </c>
      <c r="C29" s="14">
        <v>187</v>
      </c>
      <c r="D29" s="18">
        <v>389</v>
      </c>
    </row>
    <row r="30" spans="1:4" ht="18" customHeight="1" x14ac:dyDescent="0.15">
      <c r="A30" s="5">
        <v>20</v>
      </c>
      <c r="B30" s="22">
        <v>37</v>
      </c>
      <c r="C30" s="14">
        <v>47</v>
      </c>
      <c r="D30" s="18">
        <v>84</v>
      </c>
    </row>
    <row r="31" spans="1:4" ht="18" customHeight="1" x14ac:dyDescent="0.15">
      <c r="A31" s="5">
        <v>21</v>
      </c>
      <c r="B31" s="22">
        <v>44</v>
      </c>
      <c r="C31" s="14">
        <v>37</v>
      </c>
      <c r="D31" s="18">
        <v>81</v>
      </c>
    </row>
    <row r="32" spans="1:4" ht="18" customHeight="1" x14ac:dyDescent="0.15">
      <c r="A32" s="5">
        <v>22</v>
      </c>
      <c r="B32" s="22">
        <v>49</v>
      </c>
      <c r="C32" s="14">
        <v>49</v>
      </c>
      <c r="D32" s="18">
        <v>98</v>
      </c>
    </row>
    <row r="33" spans="1:4" ht="18" customHeight="1" x14ac:dyDescent="0.15">
      <c r="A33" s="5">
        <v>23</v>
      </c>
      <c r="B33" s="22">
        <v>61</v>
      </c>
      <c r="C33" s="14">
        <v>39</v>
      </c>
      <c r="D33" s="18">
        <v>100</v>
      </c>
    </row>
    <row r="34" spans="1:4" ht="18" customHeight="1" x14ac:dyDescent="0.15">
      <c r="A34" s="5">
        <v>24</v>
      </c>
      <c r="B34" s="22">
        <v>57</v>
      </c>
      <c r="C34" s="14">
        <v>41</v>
      </c>
      <c r="D34" s="18">
        <v>98</v>
      </c>
    </row>
    <row r="35" spans="1:4" ht="18" customHeight="1" x14ac:dyDescent="0.15">
      <c r="A35" s="5" t="s">
        <v>9</v>
      </c>
      <c r="B35" s="22">
        <v>248</v>
      </c>
      <c r="C35" s="14">
        <v>213</v>
      </c>
      <c r="D35" s="18">
        <v>461</v>
      </c>
    </row>
    <row r="36" spans="1:4" ht="18" customHeight="1" x14ac:dyDescent="0.15">
      <c r="A36" s="5">
        <v>25</v>
      </c>
      <c r="B36" s="22">
        <v>55</v>
      </c>
      <c r="C36" s="14">
        <v>52</v>
      </c>
      <c r="D36" s="18">
        <v>107</v>
      </c>
    </row>
    <row r="37" spans="1:4" ht="18" customHeight="1" x14ac:dyDescent="0.15">
      <c r="A37" s="5">
        <v>26</v>
      </c>
      <c r="B37" s="22">
        <v>63</v>
      </c>
      <c r="C37" s="14">
        <v>40</v>
      </c>
      <c r="D37" s="18">
        <v>103</v>
      </c>
    </row>
    <row r="38" spans="1:4" ht="18" customHeight="1" x14ac:dyDescent="0.15">
      <c r="A38" s="5">
        <v>27</v>
      </c>
      <c r="B38" s="22">
        <v>52</v>
      </c>
      <c r="C38" s="14">
        <v>52</v>
      </c>
      <c r="D38" s="18">
        <v>104</v>
      </c>
    </row>
    <row r="39" spans="1:4" ht="18" customHeight="1" x14ac:dyDescent="0.15">
      <c r="A39" s="5">
        <v>28</v>
      </c>
      <c r="B39" s="22">
        <v>63</v>
      </c>
      <c r="C39" s="14">
        <v>47</v>
      </c>
      <c r="D39" s="18">
        <v>110</v>
      </c>
    </row>
    <row r="40" spans="1:4" ht="18" customHeight="1" x14ac:dyDescent="0.15">
      <c r="A40" s="5">
        <v>29</v>
      </c>
      <c r="B40" s="22">
        <v>56</v>
      </c>
      <c r="C40" s="14">
        <v>37</v>
      </c>
      <c r="D40" s="18">
        <v>93</v>
      </c>
    </row>
    <row r="41" spans="1:4" ht="18" customHeight="1" x14ac:dyDescent="0.15">
      <c r="A41" s="5" t="s">
        <v>2</v>
      </c>
      <c r="B41" s="22">
        <v>289</v>
      </c>
      <c r="C41" s="14">
        <v>228</v>
      </c>
      <c r="D41" s="18">
        <v>517</v>
      </c>
    </row>
    <row r="42" spans="1:4" ht="18" customHeight="1" x14ac:dyDescent="0.15">
      <c r="A42" s="5">
        <v>30</v>
      </c>
      <c r="B42" s="22">
        <v>52</v>
      </c>
      <c r="C42" s="14">
        <v>33</v>
      </c>
      <c r="D42" s="18">
        <v>85</v>
      </c>
    </row>
    <row r="43" spans="1:4" ht="18" customHeight="1" x14ac:dyDescent="0.15">
      <c r="A43" s="5">
        <v>31</v>
      </c>
      <c r="B43" s="22">
        <v>61</v>
      </c>
      <c r="C43" s="14">
        <v>44</v>
      </c>
      <c r="D43" s="18">
        <v>105</v>
      </c>
    </row>
    <row r="44" spans="1:4" ht="18" customHeight="1" x14ac:dyDescent="0.15">
      <c r="A44" s="5">
        <v>32</v>
      </c>
      <c r="B44" s="22">
        <v>43</v>
      </c>
      <c r="C44" s="14">
        <v>36</v>
      </c>
      <c r="D44" s="18">
        <v>79</v>
      </c>
    </row>
    <row r="45" spans="1:4" ht="18" customHeight="1" x14ac:dyDescent="0.15">
      <c r="A45" s="5">
        <v>33</v>
      </c>
      <c r="B45" s="22">
        <v>43</v>
      </c>
      <c r="C45" s="14">
        <v>41</v>
      </c>
      <c r="D45" s="18">
        <v>84</v>
      </c>
    </row>
    <row r="46" spans="1:4" ht="18" customHeight="1" x14ac:dyDescent="0.15">
      <c r="A46" s="5">
        <v>34</v>
      </c>
      <c r="B46" s="22">
        <v>48</v>
      </c>
      <c r="C46" s="14">
        <v>42</v>
      </c>
      <c r="D46" s="18">
        <v>90</v>
      </c>
    </row>
    <row r="47" spans="1:4" ht="18" customHeight="1" x14ac:dyDescent="0.15">
      <c r="A47" s="5" t="s">
        <v>15</v>
      </c>
      <c r="B47" s="22">
        <v>247</v>
      </c>
      <c r="C47" s="14">
        <v>196</v>
      </c>
      <c r="D47" s="18">
        <v>443</v>
      </c>
    </row>
    <row r="48" spans="1:4" ht="18" customHeight="1" x14ac:dyDescent="0.15">
      <c r="A48" s="5">
        <v>35</v>
      </c>
      <c r="B48" s="22">
        <v>48</v>
      </c>
      <c r="C48" s="14">
        <v>27</v>
      </c>
      <c r="D48" s="18">
        <v>75</v>
      </c>
    </row>
    <row r="49" spans="1:4" ht="18" customHeight="1" x14ac:dyDescent="0.15">
      <c r="A49" s="5">
        <v>36</v>
      </c>
      <c r="B49" s="22">
        <v>47</v>
      </c>
      <c r="C49" s="14">
        <v>44</v>
      </c>
      <c r="D49" s="18">
        <v>91</v>
      </c>
    </row>
    <row r="50" spans="1:4" ht="18" customHeight="1" x14ac:dyDescent="0.15">
      <c r="A50" s="5">
        <v>37</v>
      </c>
      <c r="B50" s="22">
        <v>60</v>
      </c>
      <c r="C50" s="14">
        <v>29</v>
      </c>
      <c r="D50" s="18">
        <v>89</v>
      </c>
    </row>
    <row r="51" spans="1:4" ht="18" customHeight="1" x14ac:dyDescent="0.15">
      <c r="A51" s="5">
        <v>38</v>
      </c>
      <c r="B51" s="22">
        <v>57</v>
      </c>
      <c r="C51" s="14">
        <v>50</v>
      </c>
      <c r="D51" s="18">
        <v>107</v>
      </c>
    </row>
    <row r="52" spans="1:4" ht="18" customHeight="1" x14ac:dyDescent="0.15">
      <c r="A52" s="5">
        <v>39</v>
      </c>
      <c r="B52" s="22">
        <v>49</v>
      </c>
      <c r="C52" s="14">
        <v>53</v>
      </c>
      <c r="D52" s="18">
        <v>102</v>
      </c>
    </row>
    <row r="53" spans="1:4" ht="18" customHeight="1" x14ac:dyDescent="0.15">
      <c r="A53" s="5" t="s">
        <v>18</v>
      </c>
      <c r="B53" s="22">
        <v>261</v>
      </c>
      <c r="C53" s="14">
        <v>203</v>
      </c>
      <c r="D53" s="18">
        <v>464</v>
      </c>
    </row>
    <row r="54" spans="1:4" ht="18" customHeight="1" x14ac:dyDescent="0.15">
      <c r="A54" s="5">
        <v>40</v>
      </c>
      <c r="B54" s="22">
        <v>53</v>
      </c>
      <c r="C54" s="14">
        <v>54</v>
      </c>
      <c r="D54" s="18">
        <v>107</v>
      </c>
    </row>
    <row r="55" spans="1:4" ht="18" customHeight="1" x14ac:dyDescent="0.15">
      <c r="A55" s="5">
        <v>41</v>
      </c>
      <c r="B55" s="22">
        <v>64</v>
      </c>
      <c r="C55" s="14">
        <v>56</v>
      </c>
      <c r="D55" s="18">
        <v>120</v>
      </c>
    </row>
    <row r="56" spans="1:4" ht="18" customHeight="1" x14ac:dyDescent="0.15">
      <c r="A56" s="5">
        <v>42</v>
      </c>
      <c r="B56" s="22">
        <v>61</v>
      </c>
      <c r="C56" s="14">
        <v>48</v>
      </c>
      <c r="D56" s="18">
        <v>109</v>
      </c>
    </row>
    <row r="57" spans="1:4" ht="18" customHeight="1" x14ac:dyDescent="0.15">
      <c r="A57" s="5">
        <v>43</v>
      </c>
      <c r="B57" s="22">
        <v>53</v>
      </c>
      <c r="C57" s="14">
        <v>36</v>
      </c>
      <c r="D57" s="18">
        <v>89</v>
      </c>
    </row>
    <row r="58" spans="1:4" ht="18" customHeight="1" x14ac:dyDescent="0.15">
      <c r="A58" s="5">
        <v>44</v>
      </c>
      <c r="B58" s="22">
        <v>58</v>
      </c>
      <c r="C58" s="14">
        <v>63</v>
      </c>
      <c r="D58" s="18">
        <v>121</v>
      </c>
    </row>
    <row r="59" spans="1:4" ht="18" customHeight="1" x14ac:dyDescent="0.15">
      <c r="A59" s="5" t="s">
        <v>21</v>
      </c>
      <c r="B59" s="22">
        <v>289</v>
      </c>
      <c r="C59" s="14">
        <v>257</v>
      </c>
      <c r="D59" s="18">
        <v>546</v>
      </c>
    </row>
    <row r="60" spans="1:4" ht="18" customHeight="1" x14ac:dyDescent="0.15">
      <c r="A60" s="5">
        <v>45</v>
      </c>
      <c r="B60" s="22">
        <v>47</v>
      </c>
      <c r="C60" s="14">
        <v>45</v>
      </c>
      <c r="D60" s="18">
        <v>92</v>
      </c>
    </row>
    <row r="61" spans="1:4" ht="18" customHeight="1" x14ac:dyDescent="0.15">
      <c r="A61" s="5">
        <v>46</v>
      </c>
      <c r="B61" s="22">
        <v>70</v>
      </c>
      <c r="C61" s="14">
        <v>57</v>
      </c>
      <c r="D61" s="18">
        <v>127</v>
      </c>
    </row>
    <row r="62" spans="1:4" ht="18" customHeight="1" x14ac:dyDescent="0.15">
      <c r="A62" s="5">
        <v>47</v>
      </c>
      <c r="B62" s="22">
        <v>56</v>
      </c>
      <c r="C62" s="14">
        <v>58</v>
      </c>
      <c r="D62" s="18">
        <v>114</v>
      </c>
    </row>
    <row r="63" spans="1:4" ht="18" customHeight="1" x14ac:dyDescent="0.15">
      <c r="A63" s="5">
        <v>48</v>
      </c>
      <c r="B63" s="22">
        <v>74</v>
      </c>
      <c r="C63" s="14">
        <v>61</v>
      </c>
      <c r="D63" s="18">
        <v>135</v>
      </c>
    </row>
    <row r="64" spans="1:4" ht="18" customHeight="1" x14ac:dyDescent="0.15">
      <c r="A64" s="5">
        <v>49</v>
      </c>
      <c r="B64" s="22">
        <v>71</v>
      </c>
      <c r="C64" s="14">
        <v>60</v>
      </c>
      <c r="D64" s="18">
        <v>131</v>
      </c>
    </row>
    <row r="65" spans="1:4" ht="18" customHeight="1" x14ac:dyDescent="0.15">
      <c r="A65" s="5" t="s">
        <v>17</v>
      </c>
      <c r="B65" s="22">
        <v>318</v>
      </c>
      <c r="C65" s="14">
        <v>281</v>
      </c>
      <c r="D65" s="18">
        <v>599</v>
      </c>
    </row>
    <row r="66" spans="1:4" ht="18" customHeight="1" x14ac:dyDescent="0.15">
      <c r="A66" s="5">
        <v>50</v>
      </c>
      <c r="B66" s="22">
        <v>75</v>
      </c>
      <c r="C66" s="14">
        <v>67</v>
      </c>
      <c r="D66" s="18">
        <v>142</v>
      </c>
    </row>
    <row r="67" spans="1:4" ht="18" customHeight="1" x14ac:dyDescent="0.15">
      <c r="A67" s="5">
        <v>51</v>
      </c>
      <c r="B67" s="22">
        <v>76</v>
      </c>
      <c r="C67" s="14">
        <v>94</v>
      </c>
      <c r="D67" s="18">
        <v>170</v>
      </c>
    </row>
    <row r="68" spans="1:4" ht="18" customHeight="1" x14ac:dyDescent="0.15">
      <c r="A68" s="5">
        <v>52</v>
      </c>
      <c r="B68" s="22">
        <v>80</v>
      </c>
      <c r="C68" s="14">
        <v>60</v>
      </c>
      <c r="D68" s="18">
        <v>140</v>
      </c>
    </row>
    <row r="69" spans="1:4" ht="18" customHeight="1" x14ac:dyDescent="0.15">
      <c r="A69" s="5">
        <v>53</v>
      </c>
      <c r="B69" s="22">
        <v>90</v>
      </c>
      <c r="C69" s="14">
        <v>91</v>
      </c>
      <c r="D69" s="18">
        <v>181</v>
      </c>
    </row>
    <row r="70" spans="1:4" ht="18" customHeight="1" x14ac:dyDescent="0.15">
      <c r="A70" s="5">
        <v>54</v>
      </c>
      <c r="B70" s="22">
        <v>100</v>
      </c>
      <c r="C70" s="14">
        <v>91</v>
      </c>
      <c r="D70" s="18">
        <v>191</v>
      </c>
    </row>
    <row r="71" spans="1:4" ht="18" customHeight="1" x14ac:dyDescent="0.15">
      <c r="A71" s="5" t="s">
        <v>22</v>
      </c>
      <c r="B71" s="22">
        <v>421</v>
      </c>
      <c r="C71" s="14">
        <v>403</v>
      </c>
      <c r="D71" s="18">
        <v>824</v>
      </c>
    </row>
    <row r="72" spans="1:4" ht="18" customHeight="1" x14ac:dyDescent="0.15">
      <c r="A72" s="5">
        <v>55</v>
      </c>
      <c r="B72" s="22">
        <v>81</v>
      </c>
      <c r="C72" s="14">
        <v>95</v>
      </c>
      <c r="D72" s="18">
        <v>176</v>
      </c>
    </row>
    <row r="73" spans="1:4" ht="18" customHeight="1" x14ac:dyDescent="0.15">
      <c r="A73" s="5">
        <v>56</v>
      </c>
      <c r="B73" s="22">
        <v>71</v>
      </c>
      <c r="C73" s="14">
        <v>70</v>
      </c>
      <c r="D73" s="18">
        <v>141</v>
      </c>
    </row>
    <row r="74" spans="1:4" ht="18" customHeight="1" x14ac:dyDescent="0.15">
      <c r="A74" s="5">
        <v>57</v>
      </c>
      <c r="B74" s="22">
        <v>94</v>
      </c>
      <c r="C74" s="14">
        <v>92</v>
      </c>
      <c r="D74" s="18">
        <v>186</v>
      </c>
    </row>
    <row r="75" spans="1:4" ht="18" customHeight="1" x14ac:dyDescent="0.15">
      <c r="A75" s="5">
        <v>58</v>
      </c>
      <c r="B75" s="22">
        <v>86</v>
      </c>
      <c r="C75" s="14">
        <v>77</v>
      </c>
      <c r="D75" s="18">
        <v>163</v>
      </c>
    </row>
    <row r="76" spans="1:4" ht="18" customHeight="1" x14ac:dyDescent="0.15">
      <c r="A76" s="5">
        <v>59</v>
      </c>
      <c r="B76" s="22">
        <v>82</v>
      </c>
      <c r="C76" s="14">
        <v>91</v>
      </c>
      <c r="D76" s="18">
        <v>173</v>
      </c>
    </row>
    <row r="77" spans="1:4" ht="18" customHeight="1" x14ac:dyDescent="0.15">
      <c r="A77" s="5" t="s">
        <v>27</v>
      </c>
      <c r="B77" s="22">
        <v>414</v>
      </c>
      <c r="C77" s="14">
        <v>425</v>
      </c>
      <c r="D77" s="18">
        <v>839</v>
      </c>
    </row>
    <row r="78" spans="1:4" ht="18" customHeight="1" x14ac:dyDescent="0.15">
      <c r="A78" s="5">
        <v>60</v>
      </c>
      <c r="B78" s="22">
        <v>69</v>
      </c>
      <c r="C78" s="14">
        <v>68</v>
      </c>
      <c r="D78" s="18">
        <v>137</v>
      </c>
    </row>
    <row r="79" spans="1:4" ht="18" customHeight="1" x14ac:dyDescent="0.15">
      <c r="A79" s="5">
        <v>61</v>
      </c>
      <c r="B79" s="22">
        <v>72</v>
      </c>
      <c r="C79" s="14">
        <v>78</v>
      </c>
      <c r="D79" s="18">
        <v>150</v>
      </c>
    </row>
    <row r="80" spans="1:4" ht="18" customHeight="1" x14ac:dyDescent="0.15">
      <c r="A80" s="5">
        <v>62</v>
      </c>
      <c r="B80" s="22">
        <v>79</v>
      </c>
      <c r="C80" s="14">
        <v>78</v>
      </c>
      <c r="D80" s="18">
        <v>157</v>
      </c>
    </row>
    <row r="81" spans="1:4" ht="18" customHeight="1" x14ac:dyDescent="0.15">
      <c r="A81" s="5">
        <v>63</v>
      </c>
      <c r="B81" s="22">
        <v>97</v>
      </c>
      <c r="C81" s="14">
        <v>64</v>
      </c>
      <c r="D81" s="18">
        <v>161</v>
      </c>
    </row>
    <row r="82" spans="1:4" ht="18" customHeight="1" x14ac:dyDescent="0.15">
      <c r="A82" s="5">
        <v>64</v>
      </c>
      <c r="B82" s="22">
        <v>65</v>
      </c>
      <c r="C82" s="14">
        <v>73</v>
      </c>
      <c r="D82" s="18">
        <v>138</v>
      </c>
    </row>
    <row r="83" spans="1:4" ht="18" customHeight="1" x14ac:dyDescent="0.15">
      <c r="A83" s="5" t="s">
        <v>28</v>
      </c>
      <c r="B83" s="22">
        <v>382</v>
      </c>
      <c r="C83" s="14">
        <v>361</v>
      </c>
      <c r="D83" s="18">
        <v>743</v>
      </c>
    </row>
    <row r="84" spans="1:4" ht="18" customHeight="1" x14ac:dyDescent="0.15">
      <c r="A84" s="5" t="s">
        <v>31</v>
      </c>
      <c r="B84" s="22">
        <v>3071</v>
      </c>
      <c r="C84" s="14">
        <v>2754</v>
      </c>
      <c r="D84" s="18">
        <v>5825</v>
      </c>
    </row>
    <row r="85" spans="1:4" ht="18" customHeight="1" x14ac:dyDescent="0.15">
      <c r="A85" s="5">
        <v>65</v>
      </c>
      <c r="B85" s="22">
        <v>72</v>
      </c>
      <c r="C85" s="14">
        <v>94</v>
      </c>
      <c r="D85" s="18">
        <v>166</v>
      </c>
    </row>
    <row r="86" spans="1:4" ht="18" customHeight="1" x14ac:dyDescent="0.15">
      <c r="A86" s="5">
        <v>66</v>
      </c>
      <c r="B86" s="22">
        <v>81</v>
      </c>
      <c r="C86" s="14">
        <v>88</v>
      </c>
      <c r="D86" s="18">
        <v>169</v>
      </c>
    </row>
    <row r="87" spans="1:4" ht="18" customHeight="1" x14ac:dyDescent="0.15">
      <c r="A87" s="5">
        <v>67</v>
      </c>
      <c r="B87" s="22">
        <v>78</v>
      </c>
      <c r="C87" s="14">
        <v>71</v>
      </c>
      <c r="D87" s="18">
        <v>149</v>
      </c>
    </row>
    <row r="88" spans="1:4" ht="18" customHeight="1" x14ac:dyDescent="0.15">
      <c r="A88" s="5">
        <v>68</v>
      </c>
      <c r="B88" s="22">
        <v>71</v>
      </c>
      <c r="C88" s="14">
        <v>84</v>
      </c>
      <c r="D88" s="18">
        <v>155</v>
      </c>
    </row>
    <row r="89" spans="1:4" ht="18" customHeight="1" x14ac:dyDescent="0.15">
      <c r="A89" s="5">
        <v>69</v>
      </c>
      <c r="B89" s="22">
        <v>71</v>
      </c>
      <c r="C89" s="14">
        <v>60</v>
      </c>
      <c r="D89" s="18">
        <v>131</v>
      </c>
    </row>
    <row r="90" spans="1:4" ht="18" customHeight="1" x14ac:dyDescent="0.15">
      <c r="A90" s="5" t="s">
        <v>20</v>
      </c>
      <c r="B90" s="22">
        <v>373</v>
      </c>
      <c r="C90" s="14">
        <v>397</v>
      </c>
      <c r="D90" s="18">
        <v>770</v>
      </c>
    </row>
    <row r="91" spans="1:4" ht="18" customHeight="1" x14ac:dyDescent="0.15">
      <c r="A91" s="5">
        <v>70</v>
      </c>
      <c r="B91" s="22">
        <v>88</v>
      </c>
      <c r="C91" s="14">
        <v>77</v>
      </c>
      <c r="D91" s="18">
        <v>165</v>
      </c>
    </row>
    <row r="92" spans="1:4" ht="18" customHeight="1" x14ac:dyDescent="0.15">
      <c r="A92" s="5">
        <v>71</v>
      </c>
      <c r="B92" s="22">
        <v>63</v>
      </c>
      <c r="C92" s="14">
        <v>82</v>
      </c>
      <c r="D92" s="18">
        <v>145</v>
      </c>
    </row>
    <row r="93" spans="1:4" ht="18" customHeight="1" x14ac:dyDescent="0.15">
      <c r="A93" s="5">
        <v>72</v>
      </c>
      <c r="B93" s="22">
        <v>83</v>
      </c>
      <c r="C93" s="14">
        <v>68</v>
      </c>
      <c r="D93" s="18">
        <v>151</v>
      </c>
    </row>
    <row r="94" spans="1:4" ht="18" customHeight="1" x14ac:dyDescent="0.15">
      <c r="A94" s="5">
        <v>73</v>
      </c>
      <c r="B94" s="22">
        <v>60</v>
      </c>
      <c r="C94" s="14">
        <v>93</v>
      </c>
      <c r="D94" s="18">
        <v>153</v>
      </c>
    </row>
    <row r="95" spans="1:4" ht="18" customHeight="1" x14ac:dyDescent="0.15">
      <c r="A95" s="5">
        <v>74</v>
      </c>
      <c r="B95" s="22">
        <v>77</v>
      </c>
      <c r="C95" s="14">
        <v>77</v>
      </c>
      <c r="D95" s="18">
        <v>154</v>
      </c>
    </row>
    <row r="96" spans="1:4" ht="18" customHeight="1" x14ac:dyDescent="0.15">
      <c r="A96" s="5" t="s">
        <v>33</v>
      </c>
      <c r="B96" s="22">
        <v>371</v>
      </c>
      <c r="C96" s="14">
        <v>397</v>
      </c>
      <c r="D96" s="18">
        <v>768</v>
      </c>
    </row>
    <row r="97" spans="1:4" ht="18" customHeight="1" x14ac:dyDescent="0.15">
      <c r="A97" s="5">
        <v>75</v>
      </c>
      <c r="B97" s="22">
        <v>73</v>
      </c>
      <c r="C97" s="14">
        <v>83</v>
      </c>
      <c r="D97" s="18">
        <v>156</v>
      </c>
    </row>
    <row r="98" spans="1:4" ht="18" customHeight="1" x14ac:dyDescent="0.15">
      <c r="A98" s="5">
        <v>76</v>
      </c>
      <c r="B98" s="22">
        <v>69</v>
      </c>
      <c r="C98" s="14">
        <v>81</v>
      </c>
      <c r="D98" s="18">
        <v>150</v>
      </c>
    </row>
    <row r="99" spans="1:4" ht="18" customHeight="1" x14ac:dyDescent="0.15">
      <c r="A99" s="5">
        <v>77</v>
      </c>
      <c r="B99" s="22">
        <v>81</v>
      </c>
      <c r="C99" s="14">
        <v>94</v>
      </c>
      <c r="D99" s="18">
        <v>175</v>
      </c>
    </row>
    <row r="100" spans="1:4" ht="18" customHeight="1" x14ac:dyDescent="0.15">
      <c r="A100" s="5">
        <v>78</v>
      </c>
      <c r="B100" s="22">
        <v>80</v>
      </c>
      <c r="C100" s="14">
        <v>110</v>
      </c>
      <c r="D100" s="18">
        <v>190</v>
      </c>
    </row>
    <row r="101" spans="1:4" ht="18" customHeight="1" x14ac:dyDescent="0.15">
      <c r="A101" s="5">
        <v>79</v>
      </c>
      <c r="B101" s="22">
        <v>70</v>
      </c>
      <c r="C101" s="14">
        <v>99</v>
      </c>
      <c r="D101" s="18">
        <v>169</v>
      </c>
    </row>
    <row r="102" spans="1:4" ht="18" customHeight="1" x14ac:dyDescent="0.15">
      <c r="A102" s="5" t="s">
        <v>0</v>
      </c>
      <c r="B102" s="22">
        <v>373</v>
      </c>
      <c r="C102" s="14">
        <v>467</v>
      </c>
      <c r="D102" s="18">
        <v>840</v>
      </c>
    </row>
    <row r="103" spans="1:4" ht="18" customHeight="1" x14ac:dyDescent="0.15">
      <c r="A103" s="5">
        <v>80</v>
      </c>
      <c r="B103" s="22">
        <v>39</v>
      </c>
      <c r="C103" s="14">
        <v>54</v>
      </c>
      <c r="D103" s="18">
        <v>93</v>
      </c>
    </row>
    <row r="104" spans="1:4" ht="18" customHeight="1" x14ac:dyDescent="0.15">
      <c r="A104" s="5">
        <v>81</v>
      </c>
      <c r="B104" s="22">
        <v>47</v>
      </c>
      <c r="C104" s="14">
        <v>79</v>
      </c>
      <c r="D104" s="18">
        <v>126</v>
      </c>
    </row>
    <row r="105" spans="1:4" ht="18" customHeight="1" x14ac:dyDescent="0.15">
      <c r="A105" s="5">
        <v>82</v>
      </c>
      <c r="B105" s="22">
        <v>52</v>
      </c>
      <c r="C105" s="14">
        <v>83</v>
      </c>
      <c r="D105" s="18">
        <v>135</v>
      </c>
    </row>
    <row r="106" spans="1:4" ht="18" customHeight="1" x14ac:dyDescent="0.15">
      <c r="A106" s="5">
        <v>83</v>
      </c>
      <c r="B106" s="22">
        <v>49</v>
      </c>
      <c r="C106" s="14">
        <v>86</v>
      </c>
      <c r="D106" s="18">
        <v>135</v>
      </c>
    </row>
    <row r="107" spans="1:4" ht="18" customHeight="1" x14ac:dyDescent="0.15">
      <c r="A107" s="5">
        <v>84</v>
      </c>
      <c r="B107" s="22">
        <v>62</v>
      </c>
      <c r="C107" s="14">
        <v>98</v>
      </c>
      <c r="D107" s="18">
        <v>160</v>
      </c>
    </row>
    <row r="108" spans="1:4" ht="18" customHeight="1" x14ac:dyDescent="0.15">
      <c r="A108" s="5" t="s">
        <v>35</v>
      </c>
      <c r="B108" s="22">
        <v>249</v>
      </c>
      <c r="C108" s="14">
        <v>400</v>
      </c>
      <c r="D108" s="18">
        <v>649</v>
      </c>
    </row>
    <row r="109" spans="1:4" ht="18" customHeight="1" x14ac:dyDescent="0.15">
      <c r="A109" s="5">
        <v>85</v>
      </c>
      <c r="B109" s="22">
        <v>38</v>
      </c>
      <c r="C109" s="14">
        <v>82</v>
      </c>
      <c r="D109" s="18">
        <v>120</v>
      </c>
    </row>
    <row r="110" spans="1:4" ht="18" customHeight="1" x14ac:dyDescent="0.15">
      <c r="A110" s="5">
        <v>86</v>
      </c>
      <c r="B110" s="22">
        <v>37</v>
      </c>
      <c r="C110" s="14">
        <v>61</v>
      </c>
      <c r="D110" s="18">
        <v>98</v>
      </c>
    </row>
    <row r="111" spans="1:4" ht="18" customHeight="1" x14ac:dyDescent="0.15">
      <c r="A111" s="5">
        <v>87</v>
      </c>
      <c r="B111" s="22">
        <v>28</v>
      </c>
      <c r="C111" s="14">
        <v>47</v>
      </c>
      <c r="D111" s="18">
        <v>75</v>
      </c>
    </row>
    <row r="112" spans="1:4" ht="18" customHeight="1" x14ac:dyDescent="0.15">
      <c r="A112" s="5">
        <v>88</v>
      </c>
      <c r="B112" s="22">
        <v>32</v>
      </c>
      <c r="C112" s="14">
        <v>44</v>
      </c>
      <c r="D112" s="18">
        <v>76</v>
      </c>
    </row>
    <row r="113" spans="1:4" ht="18" customHeight="1" x14ac:dyDescent="0.15">
      <c r="A113" s="5">
        <v>89</v>
      </c>
      <c r="B113" s="22">
        <v>24</v>
      </c>
      <c r="C113" s="14">
        <v>39</v>
      </c>
      <c r="D113" s="18">
        <v>63</v>
      </c>
    </row>
    <row r="114" spans="1:4" ht="18" customHeight="1" x14ac:dyDescent="0.15">
      <c r="A114" s="5" t="s">
        <v>37</v>
      </c>
      <c r="B114" s="22">
        <v>159</v>
      </c>
      <c r="C114" s="14">
        <v>273</v>
      </c>
      <c r="D114" s="18">
        <v>432</v>
      </c>
    </row>
    <row r="115" spans="1:4" ht="18" customHeight="1" x14ac:dyDescent="0.15">
      <c r="A115" s="5">
        <v>90</v>
      </c>
      <c r="B115" s="22">
        <v>22</v>
      </c>
      <c r="C115" s="14">
        <v>53</v>
      </c>
      <c r="D115" s="18">
        <v>75</v>
      </c>
    </row>
    <row r="116" spans="1:4" ht="18" customHeight="1" x14ac:dyDescent="0.15">
      <c r="A116" s="5">
        <v>91</v>
      </c>
      <c r="B116" s="22">
        <v>16</v>
      </c>
      <c r="C116" s="14">
        <v>47</v>
      </c>
      <c r="D116" s="18">
        <v>63</v>
      </c>
    </row>
    <row r="117" spans="1:4" ht="18" customHeight="1" x14ac:dyDescent="0.15">
      <c r="A117" s="5">
        <v>92</v>
      </c>
      <c r="B117" s="22">
        <v>16</v>
      </c>
      <c r="C117" s="14">
        <v>42</v>
      </c>
      <c r="D117" s="18">
        <v>58</v>
      </c>
    </row>
    <row r="118" spans="1:4" ht="18" customHeight="1" x14ac:dyDescent="0.15">
      <c r="A118" s="5">
        <v>93</v>
      </c>
      <c r="B118" s="22">
        <v>7</v>
      </c>
      <c r="C118" s="14">
        <v>19</v>
      </c>
      <c r="D118" s="18">
        <v>26</v>
      </c>
    </row>
    <row r="119" spans="1:4" ht="18" customHeight="1" x14ac:dyDescent="0.15">
      <c r="A119" s="5">
        <v>94</v>
      </c>
      <c r="B119" s="22">
        <v>10</v>
      </c>
      <c r="C119" s="14">
        <v>24</v>
      </c>
      <c r="D119" s="18">
        <v>34</v>
      </c>
    </row>
    <row r="120" spans="1:4" ht="18" customHeight="1" x14ac:dyDescent="0.15">
      <c r="A120" s="5" t="s">
        <v>39</v>
      </c>
      <c r="B120" s="22">
        <v>71</v>
      </c>
      <c r="C120" s="14">
        <v>185</v>
      </c>
      <c r="D120" s="18">
        <v>256</v>
      </c>
    </row>
    <row r="121" spans="1:4" ht="18" customHeight="1" x14ac:dyDescent="0.15">
      <c r="A121" s="5">
        <v>95</v>
      </c>
      <c r="B121" s="22">
        <v>1</v>
      </c>
      <c r="C121" s="14">
        <v>32</v>
      </c>
      <c r="D121" s="18">
        <v>33</v>
      </c>
    </row>
    <row r="122" spans="1:4" ht="18" customHeight="1" x14ac:dyDescent="0.15">
      <c r="A122" s="5">
        <v>96</v>
      </c>
      <c r="B122" s="22">
        <v>3</v>
      </c>
      <c r="C122" s="14">
        <v>20</v>
      </c>
      <c r="D122" s="18">
        <v>23</v>
      </c>
    </row>
    <row r="123" spans="1:4" ht="18" customHeight="1" x14ac:dyDescent="0.15">
      <c r="A123" s="5">
        <v>97</v>
      </c>
      <c r="B123" s="22">
        <v>3</v>
      </c>
      <c r="C123" s="14">
        <v>11</v>
      </c>
      <c r="D123" s="18">
        <v>14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72</v>
      </c>
      <c r="D126" s="18">
        <v>8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7</v>
      </c>
      <c r="D128" s="18">
        <v>7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1604</v>
      </c>
      <c r="C130" s="14">
        <v>2200</v>
      </c>
      <c r="D130" s="18">
        <v>3804</v>
      </c>
    </row>
    <row r="131" spans="1:4" ht="18" customHeight="1" x14ac:dyDescent="0.15">
      <c r="A131" s="7" t="s">
        <v>45</v>
      </c>
      <c r="B131" s="23">
        <v>5104</v>
      </c>
      <c r="C131" s="15">
        <v>5381</v>
      </c>
      <c r="D131" s="19">
        <v>104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7</v>
      </c>
      <c r="C5" s="29">
        <v>28</v>
      </c>
      <c r="D5" s="31">
        <v>55</v>
      </c>
    </row>
    <row r="6" spans="1:4" ht="18" customHeight="1" x14ac:dyDescent="0.15">
      <c r="A6" s="5">
        <v>1</v>
      </c>
      <c r="B6" s="27">
        <v>41</v>
      </c>
      <c r="C6" s="14">
        <v>34</v>
      </c>
      <c r="D6" s="18">
        <v>75</v>
      </c>
    </row>
    <row r="7" spans="1:4" ht="18" customHeight="1" x14ac:dyDescent="0.15">
      <c r="A7" s="5">
        <v>2</v>
      </c>
      <c r="B7" s="27">
        <v>35</v>
      </c>
      <c r="C7" s="14">
        <v>37</v>
      </c>
      <c r="D7" s="18">
        <v>72</v>
      </c>
    </row>
    <row r="8" spans="1:4" ht="18" customHeight="1" x14ac:dyDescent="0.15">
      <c r="A8" s="5">
        <v>3</v>
      </c>
      <c r="B8" s="27">
        <v>51</v>
      </c>
      <c r="C8" s="14">
        <v>40</v>
      </c>
      <c r="D8" s="18">
        <v>91</v>
      </c>
    </row>
    <row r="9" spans="1:4" ht="18" customHeight="1" x14ac:dyDescent="0.15">
      <c r="A9" s="5">
        <v>4</v>
      </c>
      <c r="B9" s="28">
        <v>48</v>
      </c>
      <c r="C9" s="30">
        <v>40</v>
      </c>
      <c r="D9" s="32">
        <v>88</v>
      </c>
    </row>
    <row r="10" spans="1:4" ht="18" customHeight="1" x14ac:dyDescent="0.15">
      <c r="A10" s="5" t="s">
        <v>7</v>
      </c>
      <c r="B10" s="22">
        <v>202</v>
      </c>
      <c r="C10" s="14">
        <v>179</v>
      </c>
      <c r="D10" s="18">
        <v>381</v>
      </c>
    </row>
    <row r="11" spans="1:4" ht="18" customHeight="1" x14ac:dyDescent="0.15">
      <c r="A11" s="5">
        <v>5</v>
      </c>
      <c r="B11" s="27">
        <v>43</v>
      </c>
      <c r="C11" s="14">
        <v>45</v>
      </c>
      <c r="D11" s="18">
        <v>88</v>
      </c>
    </row>
    <row r="12" spans="1:4" ht="18" customHeight="1" x14ac:dyDescent="0.15">
      <c r="A12" s="5">
        <v>6</v>
      </c>
      <c r="B12" s="27">
        <v>46</v>
      </c>
      <c r="C12" s="14">
        <v>40</v>
      </c>
      <c r="D12" s="18">
        <v>86</v>
      </c>
    </row>
    <row r="13" spans="1:4" ht="18" customHeight="1" x14ac:dyDescent="0.15">
      <c r="A13" s="5">
        <v>7</v>
      </c>
      <c r="B13" s="27">
        <v>50</v>
      </c>
      <c r="C13" s="14">
        <v>49</v>
      </c>
      <c r="D13" s="18">
        <v>99</v>
      </c>
    </row>
    <row r="14" spans="1:4" ht="18" customHeight="1" x14ac:dyDescent="0.15">
      <c r="A14" s="5">
        <v>8</v>
      </c>
      <c r="B14" s="27">
        <v>45</v>
      </c>
      <c r="C14" s="14">
        <v>47</v>
      </c>
      <c r="D14" s="18">
        <v>92</v>
      </c>
    </row>
    <row r="15" spans="1:4" ht="18" customHeight="1" x14ac:dyDescent="0.15">
      <c r="A15" s="5">
        <v>9</v>
      </c>
      <c r="B15" s="27">
        <v>57</v>
      </c>
      <c r="C15" s="14">
        <v>30</v>
      </c>
      <c r="D15" s="18">
        <v>87</v>
      </c>
    </row>
    <row r="16" spans="1:4" ht="18" customHeight="1" x14ac:dyDescent="0.15">
      <c r="A16" s="5" t="s">
        <v>11</v>
      </c>
      <c r="B16" s="22">
        <v>241</v>
      </c>
      <c r="C16" s="14">
        <v>211</v>
      </c>
      <c r="D16" s="18">
        <v>452</v>
      </c>
    </row>
    <row r="17" spans="1:4" ht="18" customHeight="1" x14ac:dyDescent="0.15">
      <c r="A17" s="5">
        <v>10</v>
      </c>
      <c r="B17" s="22">
        <v>30</v>
      </c>
      <c r="C17" s="14">
        <v>47</v>
      </c>
      <c r="D17" s="18">
        <v>77</v>
      </c>
    </row>
    <row r="18" spans="1:4" ht="18" customHeight="1" x14ac:dyDescent="0.15">
      <c r="A18" s="5">
        <v>11</v>
      </c>
      <c r="B18" s="22">
        <v>38</v>
      </c>
      <c r="C18" s="14">
        <v>39</v>
      </c>
      <c r="D18" s="18">
        <v>77</v>
      </c>
    </row>
    <row r="19" spans="1:4" ht="18" customHeight="1" x14ac:dyDescent="0.15">
      <c r="A19" s="5">
        <v>12</v>
      </c>
      <c r="B19" s="22">
        <v>37</v>
      </c>
      <c r="C19" s="14">
        <v>34</v>
      </c>
      <c r="D19" s="18">
        <v>71</v>
      </c>
    </row>
    <row r="20" spans="1:4" ht="18" customHeight="1" x14ac:dyDescent="0.15">
      <c r="A20" s="5">
        <v>13</v>
      </c>
      <c r="B20" s="22">
        <v>41</v>
      </c>
      <c r="C20" s="14">
        <v>33</v>
      </c>
      <c r="D20" s="18">
        <v>74</v>
      </c>
    </row>
    <row r="21" spans="1:4" ht="18" customHeight="1" x14ac:dyDescent="0.15">
      <c r="A21" s="5">
        <v>14</v>
      </c>
      <c r="B21" s="22">
        <v>39</v>
      </c>
      <c r="C21" s="14">
        <v>30</v>
      </c>
      <c r="D21" s="18">
        <v>69</v>
      </c>
    </row>
    <row r="22" spans="1:4" ht="18" customHeight="1" x14ac:dyDescent="0.15">
      <c r="A22" s="5" t="s">
        <v>12</v>
      </c>
      <c r="B22" s="22">
        <v>185</v>
      </c>
      <c r="C22" s="14">
        <v>183</v>
      </c>
      <c r="D22" s="18">
        <v>368</v>
      </c>
    </row>
    <row r="23" spans="1:4" ht="18" customHeight="1" x14ac:dyDescent="0.15">
      <c r="A23" s="5" t="s">
        <v>6</v>
      </c>
      <c r="B23" s="22">
        <v>628</v>
      </c>
      <c r="C23" s="14">
        <v>573</v>
      </c>
      <c r="D23" s="18">
        <v>1201</v>
      </c>
    </row>
    <row r="24" spans="1:4" ht="18" customHeight="1" x14ac:dyDescent="0.15">
      <c r="A24" s="5">
        <v>15</v>
      </c>
      <c r="B24" s="22">
        <v>45</v>
      </c>
      <c r="C24" s="14">
        <v>33</v>
      </c>
      <c r="D24" s="18">
        <v>78</v>
      </c>
    </row>
    <row r="25" spans="1:4" ht="18" customHeight="1" x14ac:dyDescent="0.15">
      <c r="A25" s="5">
        <v>16</v>
      </c>
      <c r="B25" s="22">
        <v>36</v>
      </c>
      <c r="C25" s="14">
        <v>29</v>
      </c>
      <c r="D25" s="18">
        <v>65</v>
      </c>
    </row>
    <row r="26" spans="1:4" ht="18" customHeight="1" x14ac:dyDescent="0.15">
      <c r="A26" s="5">
        <v>17</v>
      </c>
      <c r="B26" s="22">
        <v>37</v>
      </c>
      <c r="C26" s="14">
        <v>36</v>
      </c>
      <c r="D26" s="18">
        <v>73</v>
      </c>
    </row>
    <row r="27" spans="1:4" ht="18" customHeight="1" x14ac:dyDescent="0.15">
      <c r="A27" s="5">
        <v>18</v>
      </c>
      <c r="B27" s="22">
        <v>47</v>
      </c>
      <c r="C27" s="14">
        <v>33</v>
      </c>
      <c r="D27" s="18">
        <v>80</v>
      </c>
    </row>
    <row r="28" spans="1:4" ht="18" customHeight="1" x14ac:dyDescent="0.15">
      <c r="A28" s="5">
        <v>19</v>
      </c>
      <c r="B28" s="22">
        <v>32</v>
      </c>
      <c r="C28" s="14">
        <v>34</v>
      </c>
      <c r="D28" s="18">
        <v>66</v>
      </c>
    </row>
    <row r="29" spans="1:4" ht="18" customHeight="1" x14ac:dyDescent="0.15">
      <c r="A29" s="5" t="s">
        <v>14</v>
      </c>
      <c r="B29" s="22">
        <v>197</v>
      </c>
      <c r="C29" s="14">
        <v>165</v>
      </c>
      <c r="D29" s="18">
        <v>362</v>
      </c>
    </row>
    <row r="30" spans="1:4" ht="18" customHeight="1" x14ac:dyDescent="0.15">
      <c r="A30" s="5">
        <v>20</v>
      </c>
      <c r="B30" s="22">
        <v>38</v>
      </c>
      <c r="C30" s="14">
        <v>34</v>
      </c>
      <c r="D30" s="18">
        <v>72</v>
      </c>
    </row>
    <row r="31" spans="1:4" ht="18" customHeight="1" x14ac:dyDescent="0.15">
      <c r="A31" s="5">
        <v>21</v>
      </c>
      <c r="B31" s="22">
        <v>46</v>
      </c>
      <c r="C31" s="14">
        <v>29</v>
      </c>
      <c r="D31" s="18">
        <v>75</v>
      </c>
    </row>
    <row r="32" spans="1:4" ht="18" customHeight="1" x14ac:dyDescent="0.15">
      <c r="A32" s="5">
        <v>22</v>
      </c>
      <c r="B32" s="22">
        <v>40</v>
      </c>
      <c r="C32" s="14">
        <v>32</v>
      </c>
      <c r="D32" s="18">
        <v>72</v>
      </c>
    </row>
    <row r="33" spans="1:4" ht="18" customHeight="1" x14ac:dyDescent="0.15">
      <c r="A33" s="5">
        <v>23</v>
      </c>
      <c r="B33" s="22">
        <v>42</v>
      </c>
      <c r="C33" s="14">
        <v>31</v>
      </c>
      <c r="D33" s="18">
        <v>73</v>
      </c>
    </row>
    <row r="34" spans="1:4" ht="18" customHeight="1" x14ac:dyDescent="0.15">
      <c r="A34" s="5">
        <v>24</v>
      </c>
      <c r="B34" s="22">
        <v>44</v>
      </c>
      <c r="C34" s="14">
        <v>41</v>
      </c>
      <c r="D34" s="18">
        <v>85</v>
      </c>
    </row>
    <row r="35" spans="1:4" ht="18" customHeight="1" x14ac:dyDescent="0.15">
      <c r="A35" s="5" t="s">
        <v>9</v>
      </c>
      <c r="B35" s="22">
        <v>210</v>
      </c>
      <c r="C35" s="14">
        <v>167</v>
      </c>
      <c r="D35" s="18">
        <v>377</v>
      </c>
    </row>
    <row r="36" spans="1:4" ht="18" customHeight="1" x14ac:dyDescent="0.15">
      <c r="A36" s="5">
        <v>25</v>
      </c>
      <c r="B36" s="22">
        <v>35</v>
      </c>
      <c r="C36" s="14">
        <v>40</v>
      </c>
      <c r="D36" s="18">
        <v>75</v>
      </c>
    </row>
    <row r="37" spans="1:4" ht="18" customHeight="1" x14ac:dyDescent="0.15">
      <c r="A37" s="5">
        <v>26</v>
      </c>
      <c r="B37" s="22">
        <v>39</v>
      </c>
      <c r="C37" s="14">
        <v>38</v>
      </c>
      <c r="D37" s="18">
        <v>77</v>
      </c>
    </row>
    <row r="38" spans="1:4" ht="18" customHeight="1" x14ac:dyDescent="0.15">
      <c r="A38" s="5">
        <v>27</v>
      </c>
      <c r="B38" s="22">
        <v>52</v>
      </c>
      <c r="C38" s="14">
        <v>35</v>
      </c>
      <c r="D38" s="18">
        <v>87</v>
      </c>
    </row>
    <row r="39" spans="1:4" ht="18" customHeight="1" x14ac:dyDescent="0.15">
      <c r="A39" s="5">
        <v>28</v>
      </c>
      <c r="B39" s="22">
        <v>27</v>
      </c>
      <c r="C39" s="14">
        <v>42</v>
      </c>
      <c r="D39" s="18">
        <v>69</v>
      </c>
    </row>
    <row r="40" spans="1:4" ht="18" customHeight="1" x14ac:dyDescent="0.15">
      <c r="A40" s="5">
        <v>29</v>
      </c>
      <c r="B40" s="22">
        <v>30</v>
      </c>
      <c r="C40" s="14">
        <v>32</v>
      </c>
      <c r="D40" s="18">
        <v>62</v>
      </c>
    </row>
    <row r="41" spans="1:4" ht="18" customHeight="1" x14ac:dyDescent="0.15">
      <c r="A41" s="5" t="s">
        <v>2</v>
      </c>
      <c r="B41" s="22">
        <v>183</v>
      </c>
      <c r="C41" s="14">
        <v>187</v>
      </c>
      <c r="D41" s="18">
        <v>370</v>
      </c>
    </row>
    <row r="42" spans="1:4" ht="18" customHeight="1" x14ac:dyDescent="0.15">
      <c r="A42" s="5">
        <v>30</v>
      </c>
      <c r="B42" s="22">
        <v>44</v>
      </c>
      <c r="C42" s="14">
        <v>44</v>
      </c>
      <c r="D42" s="18">
        <v>88</v>
      </c>
    </row>
    <row r="43" spans="1:4" ht="18" customHeight="1" x14ac:dyDescent="0.15">
      <c r="A43" s="5">
        <v>31</v>
      </c>
      <c r="B43" s="22">
        <v>57</v>
      </c>
      <c r="C43" s="14">
        <v>46</v>
      </c>
      <c r="D43" s="18">
        <v>103</v>
      </c>
    </row>
    <row r="44" spans="1:4" ht="18" customHeight="1" x14ac:dyDescent="0.15">
      <c r="A44" s="5">
        <v>32</v>
      </c>
      <c r="B44" s="22">
        <v>48</v>
      </c>
      <c r="C44" s="14">
        <v>54</v>
      </c>
      <c r="D44" s="18">
        <v>102</v>
      </c>
    </row>
    <row r="45" spans="1:4" ht="18" customHeight="1" x14ac:dyDescent="0.15">
      <c r="A45" s="5">
        <v>33</v>
      </c>
      <c r="B45" s="22">
        <v>59</v>
      </c>
      <c r="C45" s="14">
        <v>54</v>
      </c>
      <c r="D45" s="18">
        <v>113</v>
      </c>
    </row>
    <row r="46" spans="1:4" ht="18" customHeight="1" x14ac:dyDescent="0.15">
      <c r="A46" s="5">
        <v>34</v>
      </c>
      <c r="B46" s="22">
        <v>52</v>
      </c>
      <c r="C46" s="14">
        <v>56</v>
      </c>
      <c r="D46" s="18">
        <v>108</v>
      </c>
    </row>
    <row r="47" spans="1:4" ht="18" customHeight="1" x14ac:dyDescent="0.15">
      <c r="A47" s="5" t="s">
        <v>15</v>
      </c>
      <c r="B47" s="22">
        <v>260</v>
      </c>
      <c r="C47" s="14">
        <v>254</v>
      </c>
      <c r="D47" s="18">
        <v>514</v>
      </c>
    </row>
    <row r="48" spans="1:4" ht="18" customHeight="1" x14ac:dyDescent="0.15">
      <c r="A48" s="5">
        <v>35</v>
      </c>
      <c r="B48" s="22">
        <v>58</v>
      </c>
      <c r="C48" s="14">
        <v>47</v>
      </c>
      <c r="D48" s="18">
        <v>105</v>
      </c>
    </row>
    <row r="49" spans="1:4" ht="18" customHeight="1" x14ac:dyDescent="0.15">
      <c r="A49" s="5">
        <v>36</v>
      </c>
      <c r="B49" s="22">
        <v>48</v>
      </c>
      <c r="C49" s="14">
        <v>60</v>
      </c>
      <c r="D49" s="18">
        <v>108</v>
      </c>
    </row>
    <row r="50" spans="1:4" ht="18" customHeight="1" x14ac:dyDescent="0.15">
      <c r="A50" s="5">
        <v>37</v>
      </c>
      <c r="B50" s="22">
        <v>67</v>
      </c>
      <c r="C50" s="14">
        <v>52</v>
      </c>
      <c r="D50" s="18">
        <v>119</v>
      </c>
    </row>
    <row r="51" spans="1:4" ht="18" customHeight="1" x14ac:dyDescent="0.15">
      <c r="A51" s="5">
        <v>38</v>
      </c>
      <c r="B51" s="22">
        <v>52</v>
      </c>
      <c r="C51" s="14">
        <v>46</v>
      </c>
      <c r="D51" s="18">
        <v>98</v>
      </c>
    </row>
    <row r="52" spans="1:4" ht="18" customHeight="1" x14ac:dyDescent="0.15">
      <c r="A52" s="5">
        <v>39</v>
      </c>
      <c r="B52" s="22">
        <v>61</v>
      </c>
      <c r="C52" s="14">
        <v>53</v>
      </c>
      <c r="D52" s="18">
        <v>114</v>
      </c>
    </row>
    <row r="53" spans="1:4" ht="18" customHeight="1" x14ac:dyDescent="0.15">
      <c r="A53" s="5" t="s">
        <v>18</v>
      </c>
      <c r="B53" s="22">
        <v>286</v>
      </c>
      <c r="C53" s="14">
        <v>258</v>
      </c>
      <c r="D53" s="18">
        <v>544</v>
      </c>
    </row>
    <row r="54" spans="1:4" ht="18" customHeight="1" x14ac:dyDescent="0.15">
      <c r="A54" s="5">
        <v>40</v>
      </c>
      <c r="B54" s="22">
        <v>50</v>
      </c>
      <c r="C54" s="14">
        <v>48</v>
      </c>
      <c r="D54" s="18">
        <v>98</v>
      </c>
    </row>
    <row r="55" spans="1:4" ht="18" customHeight="1" x14ac:dyDescent="0.15">
      <c r="A55" s="5">
        <v>41</v>
      </c>
      <c r="B55" s="22">
        <v>64</v>
      </c>
      <c r="C55" s="14">
        <v>60</v>
      </c>
      <c r="D55" s="18">
        <v>124</v>
      </c>
    </row>
    <row r="56" spans="1:4" ht="18" customHeight="1" x14ac:dyDescent="0.15">
      <c r="A56" s="5">
        <v>42</v>
      </c>
      <c r="B56" s="22">
        <v>60</v>
      </c>
      <c r="C56" s="14">
        <v>43</v>
      </c>
      <c r="D56" s="18">
        <v>103</v>
      </c>
    </row>
    <row r="57" spans="1:4" ht="18" customHeight="1" x14ac:dyDescent="0.15">
      <c r="A57" s="5">
        <v>43</v>
      </c>
      <c r="B57" s="22">
        <v>46</v>
      </c>
      <c r="C57" s="14">
        <v>41</v>
      </c>
      <c r="D57" s="18">
        <v>87</v>
      </c>
    </row>
    <row r="58" spans="1:4" ht="18" customHeight="1" x14ac:dyDescent="0.15">
      <c r="A58" s="5">
        <v>44</v>
      </c>
      <c r="B58" s="22">
        <v>62</v>
      </c>
      <c r="C58" s="14">
        <v>64</v>
      </c>
      <c r="D58" s="18">
        <v>126</v>
      </c>
    </row>
    <row r="59" spans="1:4" ht="18" customHeight="1" x14ac:dyDescent="0.15">
      <c r="A59" s="5" t="s">
        <v>21</v>
      </c>
      <c r="B59" s="22">
        <v>282</v>
      </c>
      <c r="C59" s="14">
        <v>256</v>
      </c>
      <c r="D59" s="18">
        <v>538</v>
      </c>
    </row>
    <row r="60" spans="1:4" ht="18" customHeight="1" x14ac:dyDescent="0.15">
      <c r="A60" s="5">
        <v>45</v>
      </c>
      <c r="B60" s="22">
        <v>49</v>
      </c>
      <c r="C60" s="14">
        <v>48</v>
      </c>
      <c r="D60" s="18">
        <v>97</v>
      </c>
    </row>
    <row r="61" spans="1:4" ht="18" customHeight="1" x14ac:dyDescent="0.15">
      <c r="A61" s="5">
        <v>46</v>
      </c>
      <c r="B61" s="22">
        <v>57</v>
      </c>
      <c r="C61" s="14">
        <v>53</v>
      </c>
      <c r="D61" s="18">
        <v>110</v>
      </c>
    </row>
    <row r="62" spans="1:4" ht="18" customHeight="1" x14ac:dyDescent="0.15">
      <c r="A62" s="5">
        <v>47</v>
      </c>
      <c r="B62" s="22">
        <v>61</v>
      </c>
      <c r="C62" s="14">
        <v>61</v>
      </c>
      <c r="D62" s="18">
        <v>122</v>
      </c>
    </row>
    <row r="63" spans="1:4" ht="18" customHeight="1" x14ac:dyDescent="0.15">
      <c r="A63" s="5">
        <v>48</v>
      </c>
      <c r="B63" s="22">
        <v>62</v>
      </c>
      <c r="C63" s="14">
        <v>60</v>
      </c>
      <c r="D63" s="18">
        <v>122</v>
      </c>
    </row>
    <row r="64" spans="1:4" ht="18" customHeight="1" x14ac:dyDescent="0.15">
      <c r="A64" s="5">
        <v>49</v>
      </c>
      <c r="B64" s="22">
        <v>53</v>
      </c>
      <c r="C64" s="14">
        <v>50</v>
      </c>
      <c r="D64" s="18">
        <v>103</v>
      </c>
    </row>
    <row r="65" spans="1:4" ht="18" customHeight="1" x14ac:dyDescent="0.15">
      <c r="A65" s="5" t="s">
        <v>17</v>
      </c>
      <c r="B65" s="22">
        <v>282</v>
      </c>
      <c r="C65" s="14">
        <v>272</v>
      </c>
      <c r="D65" s="18">
        <v>554</v>
      </c>
    </row>
    <row r="66" spans="1:4" ht="18" customHeight="1" x14ac:dyDescent="0.15">
      <c r="A66" s="5">
        <v>50</v>
      </c>
      <c r="B66" s="22">
        <v>78</v>
      </c>
      <c r="C66" s="14">
        <v>56</v>
      </c>
      <c r="D66" s="18">
        <v>134</v>
      </c>
    </row>
    <row r="67" spans="1:4" ht="18" customHeight="1" x14ac:dyDescent="0.15">
      <c r="A67" s="5">
        <v>51</v>
      </c>
      <c r="B67" s="22">
        <v>60</v>
      </c>
      <c r="C67" s="14">
        <v>58</v>
      </c>
      <c r="D67" s="18">
        <v>118</v>
      </c>
    </row>
    <row r="68" spans="1:4" ht="18" customHeight="1" x14ac:dyDescent="0.15">
      <c r="A68" s="5">
        <v>52</v>
      </c>
      <c r="B68" s="22">
        <v>57</v>
      </c>
      <c r="C68" s="14">
        <v>72</v>
      </c>
      <c r="D68" s="18">
        <v>129</v>
      </c>
    </row>
    <row r="69" spans="1:4" ht="18" customHeight="1" x14ac:dyDescent="0.15">
      <c r="A69" s="5">
        <v>53</v>
      </c>
      <c r="B69" s="22">
        <v>76</v>
      </c>
      <c r="C69" s="14">
        <v>53</v>
      </c>
      <c r="D69" s="18">
        <v>129</v>
      </c>
    </row>
    <row r="70" spans="1:4" ht="18" customHeight="1" x14ac:dyDescent="0.15">
      <c r="A70" s="5">
        <v>54</v>
      </c>
      <c r="B70" s="22">
        <v>59</v>
      </c>
      <c r="C70" s="14">
        <v>53</v>
      </c>
      <c r="D70" s="18">
        <v>112</v>
      </c>
    </row>
    <row r="71" spans="1:4" ht="18" customHeight="1" x14ac:dyDescent="0.15">
      <c r="A71" s="5" t="s">
        <v>22</v>
      </c>
      <c r="B71" s="22">
        <v>330</v>
      </c>
      <c r="C71" s="14">
        <v>292</v>
      </c>
      <c r="D71" s="18">
        <v>622</v>
      </c>
    </row>
    <row r="72" spans="1:4" ht="18" customHeight="1" x14ac:dyDescent="0.15">
      <c r="A72" s="5">
        <v>55</v>
      </c>
      <c r="B72" s="22">
        <v>47</v>
      </c>
      <c r="C72" s="14">
        <v>53</v>
      </c>
      <c r="D72" s="18">
        <v>100</v>
      </c>
    </row>
    <row r="73" spans="1:4" ht="18" customHeight="1" x14ac:dyDescent="0.15">
      <c r="A73" s="5">
        <v>56</v>
      </c>
      <c r="B73" s="22">
        <v>43</v>
      </c>
      <c r="C73" s="14">
        <v>56</v>
      </c>
      <c r="D73" s="18">
        <v>99</v>
      </c>
    </row>
    <row r="74" spans="1:4" ht="18" customHeight="1" x14ac:dyDescent="0.15">
      <c r="A74" s="5">
        <v>57</v>
      </c>
      <c r="B74" s="22">
        <v>52</v>
      </c>
      <c r="C74" s="14">
        <v>49</v>
      </c>
      <c r="D74" s="18">
        <v>101</v>
      </c>
    </row>
    <row r="75" spans="1:4" ht="18" customHeight="1" x14ac:dyDescent="0.15">
      <c r="A75" s="5">
        <v>58</v>
      </c>
      <c r="B75" s="22">
        <v>57</v>
      </c>
      <c r="C75" s="14">
        <v>39</v>
      </c>
      <c r="D75" s="18">
        <v>96</v>
      </c>
    </row>
    <row r="76" spans="1:4" ht="18" customHeight="1" x14ac:dyDescent="0.15">
      <c r="A76" s="5">
        <v>59</v>
      </c>
      <c r="B76" s="22">
        <v>41</v>
      </c>
      <c r="C76" s="14">
        <v>59</v>
      </c>
      <c r="D76" s="18">
        <v>100</v>
      </c>
    </row>
    <row r="77" spans="1:4" ht="18" customHeight="1" x14ac:dyDescent="0.15">
      <c r="A77" s="5" t="s">
        <v>27</v>
      </c>
      <c r="B77" s="22">
        <v>240</v>
      </c>
      <c r="C77" s="14">
        <v>256</v>
      </c>
      <c r="D77" s="18">
        <v>496</v>
      </c>
    </row>
    <row r="78" spans="1:4" ht="18" customHeight="1" x14ac:dyDescent="0.15">
      <c r="A78" s="5">
        <v>60</v>
      </c>
      <c r="B78" s="22">
        <v>45</v>
      </c>
      <c r="C78" s="14">
        <v>33</v>
      </c>
      <c r="D78" s="18">
        <v>78</v>
      </c>
    </row>
    <row r="79" spans="1:4" ht="18" customHeight="1" x14ac:dyDescent="0.15">
      <c r="A79" s="5">
        <v>61</v>
      </c>
      <c r="B79" s="22">
        <v>42</v>
      </c>
      <c r="C79" s="14">
        <v>52</v>
      </c>
      <c r="D79" s="18">
        <v>94</v>
      </c>
    </row>
    <row r="80" spans="1:4" ht="18" customHeight="1" x14ac:dyDescent="0.15">
      <c r="A80" s="5">
        <v>62</v>
      </c>
      <c r="B80" s="22">
        <v>55</v>
      </c>
      <c r="C80" s="14">
        <v>50</v>
      </c>
      <c r="D80" s="18">
        <v>105</v>
      </c>
    </row>
    <row r="81" spans="1:4" ht="18" customHeight="1" x14ac:dyDescent="0.15">
      <c r="A81" s="5">
        <v>63</v>
      </c>
      <c r="B81" s="22">
        <v>46</v>
      </c>
      <c r="C81" s="14">
        <v>43</v>
      </c>
      <c r="D81" s="18">
        <v>89</v>
      </c>
    </row>
    <row r="82" spans="1:4" ht="18" customHeight="1" x14ac:dyDescent="0.15">
      <c r="A82" s="5">
        <v>64</v>
      </c>
      <c r="B82" s="22">
        <v>29</v>
      </c>
      <c r="C82" s="14">
        <v>32</v>
      </c>
      <c r="D82" s="18">
        <v>61</v>
      </c>
    </row>
    <row r="83" spans="1:4" ht="18" customHeight="1" x14ac:dyDescent="0.15">
      <c r="A83" s="5" t="s">
        <v>28</v>
      </c>
      <c r="B83" s="22">
        <v>217</v>
      </c>
      <c r="C83" s="14">
        <v>210</v>
      </c>
      <c r="D83" s="18">
        <v>427</v>
      </c>
    </row>
    <row r="84" spans="1:4" ht="18" customHeight="1" x14ac:dyDescent="0.15">
      <c r="A84" s="5" t="s">
        <v>31</v>
      </c>
      <c r="B84" s="22">
        <v>2487</v>
      </c>
      <c r="C84" s="14">
        <v>2317</v>
      </c>
      <c r="D84" s="18">
        <v>4804</v>
      </c>
    </row>
    <row r="85" spans="1:4" ht="18" customHeight="1" x14ac:dyDescent="0.15">
      <c r="A85" s="5">
        <v>65</v>
      </c>
      <c r="B85" s="22">
        <v>40</v>
      </c>
      <c r="C85" s="14">
        <v>33</v>
      </c>
      <c r="D85" s="18">
        <v>73</v>
      </c>
    </row>
    <row r="86" spans="1:4" ht="18" customHeight="1" x14ac:dyDescent="0.15">
      <c r="A86" s="5">
        <v>66</v>
      </c>
      <c r="B86" s="22">
        <v>35</v>
      </c>
      <c r="C86" s="14">
        <v>38</v>
      </c>
      <c r="D86" s="18">
        <v>73</v>
      </c>
    </row>
    <row r="87" spans="1:4" ht="18" customHeight="1" x14ac:dyDescent="0.15">
      <c r="A87" s="5">
        <v>67</v>
      </c>
      <c r="B87" s="22">
        <v>45</v>
      </c>
      <c r="C87" s="14">
        <v>36</v>
      </c>
      <c r="D87" s="18">
        <v>81</v>
      </c>
    </row>
    <row r="88" spans="1:4" ht="18" customHeight="1" x14ac:dyDescent="0.15">
      <c r="A88" s="5">
        <v>68</v>
      </c>
      <c r="B88" s="22">
        <v>49</v>
      </c>
      <c r="C88" s="14">
        <v>40</v>
      </c>
      <c r="D88" s="18">
        <v>89</v>
      </c>
    </row>
    <row r="89" spans="1:4" ht="18" customHeight="1" x14ac:dyDescent="0.15">
      <c r="A89" s="5">
        <v>69</v>
      </c>
      <c r="B89" s="22">
        <v>23</v>
      </c>
      <c r="C89" s="14">
        <v>42</v>
      </c>
      <c r="D89" s="18">
        <v>65</v>
      </c>
    </row>
    <row r="90" spans="1:4" ht="18" customHeight="1" x14ac:dyDescent="0.15">
      <c r="A90" s="5" t="s">
        <v>20</v>
      </c>
      <c r="B90" s="22">
        <v>192</v>
      </c>
      <c r="C90" s="14">
        <v>189</v>
      </c>
      <c r="D90" s="18">
        <v>381</v>
      </c>
    </row>
    <row r="91" spans="1:4" ht="18" customHeight="1" x14ac:dyDescent="0.15">
      <c r="A91" s="5">
        <v>70</v>
      </c>
      <c r="B91" s="22">
        <v>35</v>
      </c>
      <c r="C91" s="14">
        <v>51</v>
      </c>
      <c r="D91" s="18">
        <v>86</v>
      </c>
    </row>
    <row r="92" spans="1:4" ht="18" customHeight="1" x14ac:dyDescent="0.15">
      <c r="A92" s="5">
        <v>71</v>
      </c>
      <c r="B92" s="22">
        <v>44</v>
      </c>
      <c r="C92" s="14">
        <v>55</v>
      </c>
      <c r="D92" s="18">
        <v>99</v>
      </c>
    </row>
    <row r="93" spans="1:4" ht="18" customHeight="1" x14ac:dyDescent="0.15">
      <c r="A93" s="5">
        <v>72</v>
      </c>
      <c r="B93" s="22">
        <v>32</v>
      </c>
      <c r="C93" s="14">
        <v>49</v>
      </c>
      <c r="D93" s="18">
        <v>81</v>
      </c>
    </row>
    <row r="94" spans="1:4" ht="18" customHeight="1" x14ac:dyDescent="0.15">
      <c r="A94" s="5">
        <v>73</v>
      </c>
      <c r="B94" s="22">
        <v>40</v>
      </c>
      <c r="C94" s="14">
        <v>46</v>
      </c>
      <c r="D94" s="18">
        <v>86</v>
      </c>
    </row>
    <row r="95" spans="1:4" ht="18" customHeight="1" x14ac:dyDescent="0.15">
      <c r="A95" s="5">
        <v>74</v>
      </c>
      <c r="B95" s="22">
        <v>42</v>
      </c>
      <c r="C95" s="14">
        <v>42</v>
      </c>
      <c r="D95" s="18">
        <v>84</v>
      </c>
    </row>
    <row r="96" spans="1:4" ht="18" customHeight="1" x14ac:dyDescent="0.15">
      <c r="A96" s="5" t="s">
        <v>33</v>
      </c>
      <c r="B96" s="22">
        <v>193</v>
      </c>
      <c r="C96" s="14">
        <v>243</v>
      </c>
      <c r="D96" s="18">
        <v>436</v>
      </c>
    </row>
    <row r="97" spans="1:4" ht="18" customHeight="1" x14ac:dyDescent="0.15">
      <c r="A97" s="5">
        <v>75</v>
      </c>
      <c r="B97" s="22">
        <v>55</v>
      </c>
      <c r="C97" s="14">
        <v>46</v>
      </c>
      <c r="D97" s="18">
        <v>101</v>
      </c>
    </row>
    <row r="98" spans="1:4" ht="18" customHeight="1" x14ac:dyDescent="0.15">
      <c r="A98" s="5">
        <v>76</v>
      </c>
      <c r="B98" s="22">
        <v>51</v>
      </c>
      <c r="C98" s="14">
        <v>56</v>
      </c>
      <c r="D98" s="18">
        <v>107</v>
      </c>
    </row>
    <row r="99" spans="1:4" ht="18" customHeight="1" x14ac:dyDescent="0.15">
      <c r="A99" s="5">
        <v>77</v>
      </c>
      <c r="B99" s="22">
        <v>38</v>
      </c>
      <c r="C99" s="14">
        <v>60</v>
      </c>
      <c r="D99" s="18">
        <v>98</v>
      </c>
    </row>
    <row r="100" spans="1:4" ht="18" customHeight="1" x14ac:dyDescent="0.15">
      <c r="A100" s="5">
        <v>78</v>
      </c>
      <c r="B100" s="22">
        <v>49</v>
      </c>
      <c r="C100" s="14">
        <v>54</v>
      </c>
      <c r="D100" s="18">
        <v>103</v>
      </c>
    </row>
    <row r="101" spans="1:4" ht="18" customHeight="1" x14ac:dyDescent="0.15">
      <c r="A101" s="5">
        <v>79</v>
      </c>
      <c r="B101" s="22">
        <v>35</v>
      </c>
      <c r="C101" s="14">
        <v>46</v>
      </c>
      <c r="D101" s="18">
        <v>81</v>
      </c>
    </row>
    <row r="102" spans="1:4" ht="18" customHeight="1" x14ac:dyDescent="0.15">
      <c r="A102" s="5" t="s">
        <v>0</v>
      </c>
      <c r="B102" s="22">
        <v>228</v>
      </c>
      <c r="C102" s="14">
        <v>262</v>
      </c>
      <c r="D102" s="18">
        <v>490</v>
      </c>
    </row>
    <row r="103" spans="1:4" ht="18" customHeight="1" x14ac:dyDescent="0.15">
      <c r="A103" s="5">
        <v>80</v>
      </c>
      <c r="B103" s="22">
        <v>19</v>
      </c>
      <c r="C103" s="14">
        <v>31</v>
      </c>
      <c r="D103" s="18">
        <v>50</v>
      </c>
    </row>
    <row r="104" spans="1:4" ht="18" customHeight="1" x14ac:dyDescent="0.15">
      <c r="A104" s="5">
        <v>81</v>
      </c>
      <c r="B104" s="22">
        <v>31</v>
      </c>
      <c r="C104" s="14">
        <v>38</v>
      </c>
      <c r="D104" s="18">
        <v>69</v>
      </c>
    </row>
    <row r="105" spans="1:4" ht="18" customHeight="1" x14ac:dyDescent="0.15">
      <c r="A105" s="5">
        <v>82</v>
      </c>
      <c r="B105" s="22">
        <v>26</v>
      </c>
      <c r="C105" s="14">
        <v>43</v>
      </c>
      <c r="D105" s="18">
        <v>69</v>
      </c>
    </row>
    <row r="106" spans="1:4" ht="18" customHeight="1" x14ac:dyDescent="0.15">
      <c r="A106" s="5">
        <v>83</v>
      </c>
      <c r="B106" s="22">
        <v>19</v>
      </c>
      <c r="C106" s="14">
        <v>31</v>
      </c>
      <c r="D106" s="18">
        <v>50</v>
      </c>
    </row>
    <row r="107" spans="1:4" ht="18" customHeight="1" x14ac:dyDescent="0.15">
      <c r="A107" s="5">
        <v>84</v>
      </c>
      <c r="B107" s="22">
        <v>26</v>
      </c>
      <c r="C107" s="14">
        <v>46</v>
      </c>
      <c r="D107" s="18">
        <v>72</v>
      </c>
    </row>
    <row r="108" spans="1:4" ht="18" customHeight="1" x14ac:dyDescent="0.15">
      <c r="A108" s="5" t="s">
        <v>35</v>
      </c>
      <c r="B108" s="22">
        <v>121</v>
      </c>
      <c r="C108" s="14">
        <v>189</v>
      </c>
      <c r="D108" s="18">
        <v>310</v>
      </c>
    </row>
    <row r="109" spans="1:4" ht="18" customHeight="1" x14ac:dyDescent="0.15">
      <c r="A109" s="5">
        <v>85</v>
      </c>
      <c r="B109" s="22">
        <v>28</v>
      </c>
      <c r="C109" s="14">
        <v>34</v>
      </c>
      <c r="D109" s="18">
        <v>62</v>
      </c>
    </row>
    <row r="110" spans="1:4" ht="18" customHeight="1" x14ac:dyDescent="0.15">
      <c r="A110" s="5">
        <v>86</v>
      </c>
      <c r="B110" s="22">
        <v>18</v>
      </c>
      <c r="C110" s="14">
        <v>22</v>
      </c>
      <c r="D110" s="18">
        <v>40</v>
      </c>
    </row>
    <row r="111" spans="1:4" ht="18" customHeight="1" x14ac:dyDescent="0.15">
      <c r="A111" s="5">
        <v>87</v>
      </c>
      <c r="B111" s="22">
        <v>17</v>
      </c>
      <c r="C111" s="14">
        <v>15</v>
      </c>
      <c r="D111" s="18">
        <v>32</v>
      </c>
    </row>
    <row r="112" spans="1:4" ht="18" customHeight="1" x14ac:dyDescent="0.15">
      <c r="A112" s="5">
        <v>88</v>
      </c>
      <c r="B112" s="22">
        <v>17</v>
      </c>
      <c r="C112" s="14">
        <v>21</v>
      </c>
      <c r="D112" s="18">
        <v>38</v>
      </c>
    </row>
    <row r="113" spans="1:4" ht="18" customHeight="1" x14ac:dyDescent="0.15">
      <c r="A113" s="5">
        <v>89</v>
      </c>
      <c r="B113" s="22">
        <v>7</v>
      </c>
      <c r="C113" s="14">
        <v>22</v>
      </c>
      <c r="D113" s="18">
        <v>29</v>
      </c>
    </row>
    <row r="114" spans="1:4" ht="18" customHeight="1" x14ac:dyDescent="0.15">
      <c r="A114" s="5" t="s">
        <v>37</v>
      </c>
      <c r="B114" s="22">
        <v>87</v>
      </c>
      <c r="C114" s="14">
        <v>114</v>
      </c>
      <c r="D114" s="18">
        <v>201</v>
      </c>
    </row>
    <row r="115" spans="1:4" ht="18" customHeight="1" x14ac:dyDescent="0.15">
      <c r="A115" s="5">
        <v>90</v>
      </c>
      <c r="B115" s="22">
        <v>11</v>
      </c>
      <c r="C115" s="14">
        <v>28</v>
      </c>
      <c r="D115" s="18">
        <v>39</v>
      </c>
    </row>
    <row r="116" spans="1:4" ht="18" customHeight="1" x14ac:dyDescent="0.15">
      <c r="A116" s="5">
        <v>91</v>
      </c>
      <c r="B116" s="22">
        <v>8</v>
      </c>
      <c r="C116" s="14">
        <v>14</v>
      </c>
      <c r="D116" s="18">
        <v>22</v>
      </c>
    </row>
    <row r="117" spans="1:4" ht="18" customHeight="1" x14ac:dyDescent="0.15">
      <c r="A117" s="5">
        <v>92</v>
      </c>
      <c r="B117" s="22">
        <v>5</v>
      </c>
      <c r="C117" s="14">
        <v>16</v>
      </c>
      <c r="D117" s="18">
        <v>21</v>
      </c>
    </row>
    <row r="118" spans="1:4" ht="18" customHeight="1" x14ac:dyDescent="0.15">
      <c r="A118" s="5">
        <v>93</v>
      </c>
      <c r="B118" s="22">
        <v>0</v>
      </c>
      <c r="C118" s="14">
        <v>13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11</v>
      </c>
      <c r="D119" s="18">
        <v>13</v>
      </c>
    </row>
    <row r="120" spans="1:4" ht="18" customHeight="1" x14ac:dyDescent="0.15">
      <c r="A120" s="5" t="s">
        <v>39</v>
      </c>
      <c r="B120" s="22">
        <v>26</v>
      </c>
      <c r="C120" s="14">
        <v>82</v>
      </c>
      <c r="D120" s="18">
        <v>108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12</v>
      </c>
      <c r="D122" s="18">
        <v>14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33</v>
      </c>
      <c r="D126" s="18">
        <v>37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7</v>
      </c>
      <c r="D129" s="18">
        <v>8</v>
      </c>
    </row>
    <row r="130" spans="1:4" ht="18" customHeight="1" x14ac:dyDescent="0.15">
      <c r="A130" s="5" t="s">
        <v>46</v>
      </c>
      <c r="B130" s="22">
        <v>852</v>
      </c>
      <c r="C130" s="14">
        <v>1119</v>
      </c>
      <c r="D130" s="18">
        <v>1971</v>
      </c>
    </row>
    <row r="131" spans="1:4" ht="18" customHeight="1" x14ac:dyDescent="0.15">
      <c r="A131" s="7" t="s">
        <v>45</v>
      </c>
      <c r="B131" s="23">
        <v>3967</v>
      </c>
      <c r="C131" s="15">
        <v>4009</v>
      </c>
      <c r="D131" s="19">
        <v>797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9</v>
      </c>
      <c r="C5" s="29">
        <v>50</v>
      </c>
      <c r="D5" s="31">
        <v>99</v>
      </c>
    </row>
    <row r="6" spans="1:4" ht="18" customHeight="1" x14ac:dyDescent="0.15">
      <c r="A6" s="5">
        <v>1</v>
      </c>
      <c r="B6" s="27">
        <v>68</v>
      </c>
      <c r="C6" s="14">
        <v>62</v>
      </c>
      <c r="D6" s="18">
        <v>130</v>
      </c>
    </row>
    <row r="7" spans="1:4" ht="18" customHeight="1" x14ac:dyDescent="0.15">
      <c r="A7" s="5">
        <v>2</v>
      </c>
      <c r="B7" s="27">
        <v>57</v>
      </c>
      <c r="C7" s="14">
        <v>65</v>
      </c>
      <c r="D7" s="18">
        <v>122</v>
      </c>
    </row>
    <row r="8" spans="1:4" ht="18" customHeight="1" x14ac:dyDescent="0.15">
      <c r="A8" s="5">
        <v>3</v>
      </c>
      <c r="B8" s="27">
        <v>79</v>
      </c>
      <c r="C8" s="14">
        <v>64</v>
      </c>
      <c r="D8" s="18">
        <v>143</v>
      </c>
    </row>
    <row r="9" spans="1:4" ht="18" customHeight="1" x14ac:dyDescent="0.15">
      <c r="A9" s="5">
        <v>4</v>
      </c>
      <c r="B9" s="28">
        <v>76</v>
      </c>
      <c r="C9" s="30">
        <v>64</v>
      </c>
      <c r="D9" s="32">
        <v>140</v>
      </c>
    </row>
    <row r="10" spans="1:4" ht="18" customHeight="1" x14ac:dyDescent="0.15">
      <c r="A10" s="5" t="s">
        <v>7</v>
      </c>
      <c r="B10" s="22">
        <v>329</v>
      </c>
      <c r="C10" s="14">
        <v>305</v>
      </c>
      <c r="D10" s="18">
        <v>634</v>
      </c>
    </row>
    <row r="11" spans="1:4" ht="18" customHeight="1" x14ac:dyDescent="0.15">
      <c r="A11" s="5">
        <v>5</v>
      </c>
      <c r="B11" s="27">
        <v>65</v>
      </c>
      <c r="C11" s="14">
        <v>75</v>
      </c>
      <c r="D11" s="18">
        <v>140</v>
      </c>
    </row>
    <row r="12" spans="1:4" ht="18" customHeight="1" x14ac:dyDescent="0.15">
      <c r="A12" s="5">
        <v>6</v>
      </c>
      <c r="B12" s="27">
        <v>76</v>
      </c>
      <c r="C12" s="14">
        <v>65</v>
      </c>
      <c r="D12" s="18">
        <v>141</v>
      </c>
    </row>
    <row r="13" spans="1:4" ht="18" customHeight="1" x14ac:dyDescent="0.15">
      <c r="A13" s="5">
        <v>7</v>
      </c>
      <c r="B13" s="27">
        <v>96</v>
      </c>
      <c r="C13" s="14">
        <v>89</v>
      </c>
      <c r="D13" s="18">
        <v>185</v>
      </c>
    </row>
    <row r="14" spans="1:4" ht="18" customHeight="1" x14ac:dyDescent="0.15">
      <c r="A14" s="5">
        <v>8</v>
      </c>
      <c r="B14" s="27">
        <v>78</v>
      </c>
      <c r="C14" s="14">
        <v>74</v>
      </c>
      <c r="D14" s="18">
        <v>152</v>
      </c>
    </row>
    <row r="15" spans="1:4" ht="18" customHeight="1" x14ac:dyDescent="0.15">
      <c r="A15" s="5">
        <v>9</v>
      </c>
      <c r="B15" s="27">
        <v>91</v>
      </c>
      <c r="C15" s="14">
        <v>70</v>
      </c>
      <c r="D15" s="18">
        <v>161</v>
      </c>
    </row>
    <row r="16" spans="1:4" ht="18" customHeight="1" x14ac:dyDescent="0.15">
      <c r="A16" s="5" t="s">
        <v>11</v>
      </c>
      <c r="B16" s="22">
        <v>406</v>
      </c>
      <c r="C16" s="14">
        <v>373</v>
      </c>
      <c r="D16" s="18">
        <v>779</v>
      </c>
    </row>
    <row r="17" spans="1:4" ht="18" customHeight="1" x14ac:dyDescent="0.15">
      <c r="A17" s="5">
        <v>10</v>
      </c>
      <c r="B17" s="22">
        <v>81</v>
      </c>
      <c r="C17" s="14">
        <v>84</v>
      </c>
      <c r="D17" s="18">
        <v>165</v>
      </c>
    </row>
    <row r="18" spans="1:4" ht="18" customHeight="1" x14ac:dyDescent="0.15">
      <c r="A18" s="5">
        <v>11</v>
      </c>
      <c r="B18" s="22">
        <v>82</v>
      </c>
      <c r="C18" s="14">
        <v>77</v>
      </c>
      <c r="D18" s="18">
        <v>159</v>
      </c>
    </row>
    <row r="19" spans="1:4" ht="18" customHeight="1" x14ac:dyDescent="0.15">
      <c r="A19" s="5">
        <v>12</v>
      </c>
      <c r="B19" s="22">
        <v>71</v>
      </c>
      <c r="C19" s="14">
        <v>71</v>
      </c>
      <c r="D19" s="18">
        <v>142</v>
      </c>
    </row>
    <row r="20" spans="1:4" ht="18" customHeight="1" x14ac:dyDescent="0.15">
      <c r="A20" s="5">
        <v>13</v>
      </c>
      <c r="B20" s="22">
        <v>80</v>
      </c>
      <c r="C20" s="14">
        <v>73</v>
      </c>
      <c r="D20" s="18">
        <v>153</v>
      </c>
    </row>
    <row r="21" spans="1:4" ht="18" customHeight="1" x14ac:dyDescent="0.15">
      <c r="A21" s="5">
        <v>14</v>
      </c>
      <c r="B21" s="22">
        <v>81</v>
      </c>
      <c r="C21" s="14">
        <v>78</v>
      </c>
      <c r="D21" s="18">
        <v>159</v>
      </c>
    </row>
    <row r="22" spans="1:4" ht="18" customHeight="1" x14ac:dyDescent="0.15">
      <c r="A22" s="5" t="s">
        <v>12</v>
      </c>
      <c r="B22" s="22">
        <v>395</v>
      </c>
      <c r="C22" s="14">
        <v>383</v>
      </c>
      <c r="D22" s="18">
        <v>778</v>
      </c>
    </row>
    <row r="23" spans="1:4" ht="18" customHeight="1" x14ac:dyDescent="0.15">
      <c r="A23" s="5" t="s">
        <v>6</v>
      </c>
      <c r="B23" s="22">
        <v>1130</v>
      </c>
      <c r="C23" s="14">
        <v>1061</v>
      </c>
      <c r="D23" s="18">
        <v>2191</v>
      </c>
    </row>
    <row r="24" spans="1:4" ht="18" customHeight="1" x14ac:dyDescent="0.15">
      <c r="A24" s="5">
        <v>15</v>
      </c>
      <c r="B24" s="22">
        <v>105</v>
      </c>
      <c r="C24" s="14">
        <v>76</v>
      </c>
      <c r="D24" s="18">
        <v>181</v>
      </c>
    </row>
    <row r="25" spans="1:4" ht="18" customHeight="1" x14ac:dyDescent="0.15">
      <c r="A25" s="5">
        <v>16</v>
      </c>
      <c r="B25" s="22">
        <v>93</v>
      </c>
      <c r="C25" s="14">
        <v>70</v>
      </c>
      <c r="D25" s="18">
        <v>163</v>
      </c>
    </row>
    <row r="26" spans="1:4" ht="18" customHeight="1" x14ac:dyDescent="0.15">
      <c r="A26" s="5">
        <v>17</v>
      </c>
      <c r="B26" s="22">
        <v>89</v>
      </c>
      <c r="C26" s="14">
        <v>83</v>
      </c>
      <c r="D26" s="18">
        <v>172</v>
      </c>
    </row>
    <row r="27" spans="1:4" ht="18" customHeight="1" x14ac:dyDescent="0.15">
      <c r="A27" s="5">
        <v>18</v>
      </c>
      <c r="B27" s="22">
        <v>90</v>
      </c>
      <c r="C27" s="14">
        <v>81</v>
      </c>
      <c r="D27" s="18">
        <v>171</v>
      </c>
    </row>
    <row r="28" spans="1:4" ht="18" customHeight="1" x14ac:dyDescent="0.15">
      <c r="A28" s="5">
        <v>19</v>
      </c>
      <c r="B28" s="22">
        <v>63</v>
      </c>
      <c r="C28" s="14">
        <v>75</v>
      </c>
      <c r="D28" s="18">
        <v>138</v>
      </c>
    </row>
    <row r="29" spans="1:4" ht="18" customHeight="1" x14ac:dyDescent="0.15">
      <c r="A29" s="5" t="s">
        <v>14</v>
      </c>
      <c r="B29" s="22">
        <v>440</v>
      </c>
      <c r="C29" s="14">
        <v>385</v>
      </c>
      <c r="D29" s="18">
        <v>825</v>
      </c>
    </row>
    <row r="30" spans="1:4" ht="18" customHeight="1" x14ac:dyDescent="0.15">
      <c r="A30" s="5">
        <v>20</v>
      </c>
      <c r="B30" s="22">
        <v>80</v>
      </c>
      <c r="C30" s="14">
        <v>90</v>
      </c>
      <c r="D30" s="18">
        <v>170</v>
      </c>
    </row>
    <row r="31" spans="1:4" ht="18" customHeight="1" x14ac:dyDescent="0.15">
      <c r="A31" s="5">
        <v>21</v>
      </c>
      <c r="B31" s="22">
        <v>98</v>
      </c>
      <c r="C31" s="14">
        <v>71</v>
      </c>
      <c r="D31" s="18">
        <v>169</v>
      </c>
    </row>
    <row r="32" spans="1:4" ht="18" customHeight="1" x14ac:dyDescent="0.15">
      <c r="A32" s="5">
        <v>22</v>
      </c>
      <c r="B32" s="22">
        <v>101</v>
      </c>
      <c r="C32" s="14">
        <v>94</v>
      </c>
      <c r="D32" s="18">
        <v>195</v>
      </c>
    </row>
    <row r="33" spans="1:4" ht="18" customHeight="1" x14ac:dyDescent="0.15">
      <c r="A33" s="5">
        <v>23</v>
      </c>
      <c r="B33" s="22">
        <v>110</v>
      </c>
      <c r="C33" s="14">
        <v>75</v>
      </c>
      <c r="D33" s="18">
        <v>185</v>
      </c>
    </row>
    <row r="34" spans="1:4" ht="18" customHeight="1" x14ac:dyDescent="0.15">
      <c r="A34" s="5">
        <v>24</v>
      </c>
      <c r="B34" s="22">
        <v>108</v>
      </c>
      <c r="C34" s="14">
        <v>89</v>
      </c>
      <c r="D34" s="18">
        <v>197</v>
      </c>
    </row>
    <row r="35" spans="1:4" ht="18" customHeight="1" x14ac:dyDescent="0.15">
      <c r="A35" s="5" t="s">
        <v>9</v>
      </c>
      <c r="B35" s="22">
        <v>497</v>
      </c>
      <c r="C35" s="14">
        <v>419</v>
      </c>
      <c r="D35" s="18">
        <v>916</v>
      </c>
    </row>
    <row r="36" spans="1:4" ht="18" customHeight="1" x14ac:dyDescent="0.15">
      <c r="A36" s="5">
        <v>25</v>
      </c>
      <c r="B36" s="22">
        <v>97</v>
      </c>
      <c r="C36" s="14">
        <v>98</v>
      </c>
      <c r="D36" s="18">
        <v>195</v>
      </c>
    </row>
    <row r="37" spans="1:4" ht="18" customHeight="1" x14ac:dyDescent="0.15">
      <c r="A37" s="5">
        <v>26</v>
      </c>
      <c r="B37" s="22">
        <v>107</v>
      </c>
      <c r="C37" s="14">
        <v>84</v>
      </c>
      <c r="D37" s="18">
        <v>191</v>
      </c>
    </row>
    <row r="38" spans="1:4" ht="18" customHeight="1" x14ac:dyDescent="0.15">
      <c r="A38" s="5">
        <v>27</v>
      </c>
      <c r="B38" s="22">
        <v>107</v>
      </c>
      <c r="C38" s="14">
        <v>92</v>
      </c>
      <c r="D38" s="18">
        <v>199</v>
      </c>
    </row>
    <row r="39" spans="1:4" ht="18" customHeight="1" x14ac:dyDescent="0.15">
      <c r="A39" s="5">
        <v>28</v>
      </c>
      <c r="B39" s="22">
        <v>96</v>
      </c>
      <c r="C39" s="14">
        <v>93</v>
      </c>
      <c r="D39" s="18">
        <v>189</v>
      </c>
    </row>
    <row r="40" spans="1:4" ht="18" customHeight="1" x14ac:dyDescent="0.15">
      <c r="A40" s="5">
        <v>29</v>
      </c>
      <c r="B40" s="22">
        <v>100</v>
      </c>
      <c r="C40" s="14">
        <v>72</v>
      </c>
      <c r="D40" s="18">
        <v>172</v>
      </c>
    </row>
    <row r="41" spans="1:4" ht="18" customHeight="1" x14ac:dyDescent="0.15">
      <c r="A41" s="5" t="s">
        <v>2</v>
      </c>
      <c r="B41" s="22">
        <v>507</v>
      </c>
      <c r="C41" s="14">
        <v>439</v>
      </c>
      <c r="D41" s="18">
        <v>946</v>
      </c>
    </row>
    <row r="42" spans="1:4" ht="18" customHeight="1" x14ac:dyDescent="0.15">
      <c r="A42" s="5">
        <v>30</v>
      </c>
      <c r="B42" s="22">
        <v>106</v>
      </c>
      <c r="C42" s="14">
        <v>82</v>
      </c>
      <c r="D42" s="18">
        <v>188</v>
      </c>
    </row>
    <row r="43" spans="1:4" ht="18" customHeight="1" x14ac:dyDescent="0.15">
      <c r="A43" s="5">
        <v>31</v>
      </c>
      <c r="B43" s="22">
        <v>126</v>
      </c>
      <c r="C43" s="14">
        <v>93</v>
      </c>
      <c r="D43" s="18">
        <v>219</v>
      </c>
    </row>
    <row r="44" spans="1:4" ht="18" customHeight="1" x14ac:dyDescent="0.15">
      <c r="A44" s="5">
        <v>32</v>
      </c>
      <c r="B44" s="22">
        <v>102</v>
      </c>
      <c r="C44" s="14">
        <v>95</v>
      </c>
      <c r="D44" s="18">
        <v>197</v>
      </c>
    </row>
    <row r="45" spans="1:4" ht="18" customHeight="1" x14ac:dyDescent="0.15">
      <c r="A45" s="5">
        <v>33</v>
      </c>
      <c r="B45" s="22">
        <v>111</v>
      </c>
      <c r="C45" s="14">
        <v>101</v>
      </c>
      <c r="D45" s="18">
        <v>212</v>
      </c>
    </row>
    <row r="46" spans="1:4" ht="18" customHeight="1" x14ac:dyDescent="0.15">
      <c r="A46" s="5">
        <v>34</v>
      </c>
      <c r="B46" s="22">
        <v>113</v>
      </c>
      <c r="C46" s="14">
        <v>103</v>
      </c>
      <c r="D46" s="18">
        <v>216</v>
      </c>
    </row>
    <row r="47" spans="1:4" ht="18" customHeight="1" x14ac:dyDescent="0.15">
      <c r="A47" s="5" t="s">
        <v>15</v>
      </c>
      <c r="B47" s="22">
        <v>558</v>
      </c>
      <c r="C47" s="14">
        <v>474</v>
      </c>
      <c r="D47" s="18">
        <v>1032</v>
      </c>
    </row>
    <row r="48" spans="1:4" ht="18" customHeight="1" x14ac:dyDescent="0.15">
      <c r="A48" s="5">
        <v>35</v>
      </c>
      <c r="B48" s="22">
        <v>119</v>
      </c>
      <c r="C48" s="14">
        <v>84</v>
      </c>
      <c r="D48" s="18">
        <v>203</v>
      </c>
    </row>
    <row r="49" spans="1:4" ht="18" customHeight="1" x14ac:dyDescent="0.15">
      <c r="A49" s="5">
        <v>36</v>
      </c>
      <c r="B49" s="22">
        <v>102</v>
      </c>
      <c r="C49" s="14">
        <v>115</v>
      </c>
      <c r="D49" s="18">
        <v>217</v>
      </c>
    </row>
    <row r="50" spans="1:4" ht="18" customHeight="1" x14ac:dyDescent="0.15">
      <c r="A50" s="5">
        <v>37</v>
      </c>
      <c r="B50" s="22">
        <v>139</v>
      </c>
      <c r="C50" s="14">
        <v>90</v>
      </c>
      <c r="D50" s="18">
        <v>229</v>
      </c>
    </row>
    <row r="51" spans="1:4" ht="18" customHeight="1" x14ac:dyDescent="0.15">
      <c r="A51" s="5">
        <v>38</v>
      </c>
      <c r="B51" s="22">
        <v>120</v>
      </c>
      <c r="C51" s="14">
        <v>108</v>
      </c>
      <c r="D51" s="18">
        <v>228</v>
      </c>
    </row>
    <row r="52" spans="1:4" ht="18" customHeight="1" x14ac:dyDescent="0.15">
      <c r="A52" s="5">
        <v>39</v>
      </c>
      <c r="B52" s="22">
        <v>119</v>
      </c>
      <c r="C52" s="14">
        <v>115</v>
      </c>
      <c r="D52" s="18">
        <v>234</v>
      </c>
    </row>
    <row r="53" spans="1:4" ht="18" customHeight="1" x14ac:dyDescent="0.15">
      <c r="A53" s="5" t="s">
        <v>18</v>
      </c>
      <c r="B53" s="22">
        <v>599</v>
      </c>
      <c r="C53" s="14">
        <v>512</v>
      </c>
      <c r="D53" s="18">
        <v>1111</v>
      </c>
    </row>
    <row r="54" spans="1:4" ht="18" customHeight="1" x14ac:dyDescent="0.15">
      <c r="A54" s="5">
        <v>40</v>
      </c>
      <c r="B54" s="22">
        <v>119</v>
      </c>
      <c r="C54" s="14">
        <v>117</v>
      </c>
      <c r="D54" s="18">
        <v>236</v>
      </c>
    </row>
    <row r="55" spans="1:4" ht="18" customHeight="1" x14ac:dyDescent="0.15">
      <c r="A55" s="5">
        <v>41</v>
      </c>
      <c r="B55" s="22">
        <v>145</v>
      </c>
      <c r="C55" s="14">
        <v>127</v>
      </c>
      <c r="D55" s="18">
        <v>272</v>
      </c>
    </row>
    <row r="56" spans="1:4" ht="18" customHeight="1" x14ac:dyDescent="0.15">
      <c r="A56" s="5">
        <v>42</v>
      </c>
      <c r="B56" s="22">
        <v>137</v>
      </c>
      <c r="C56" s="14">
        <v>101</v>
      </c>
      <c r="D56" s="18">
        <v>238</v>
      </c>
    </row>
    <row r="57" spans="1:4" ht="18" customHeight="1" x14ac:dyDescent="0.15">
      <c r="A57" s="5">
        <v>43</v>
      </c>
      <c r="B57" s="22">
        <v>115</v>
      </c>
      <c r="C57" s="14">
        <v>92</v>
      </c>
      <c r="D57" s="18">
        <v>207</v>
      </c>
    </row>
    <row r="58" spans="1:4" ht="18" customHeight="1" x14ac:dyDescent="0.15">
      <c r="A58" s="5">
        <v>44</v>
      </c>
      <c r="B58" s="22">
        <v>141</v>
      </c>
      <c r="C58" s="14">
        <v>145</v>
      </c>
      <c r="D58" s="18">
        <v>286</v>
      </c>
    </row>
    <row r="59" spans="1:4" ht="18" customHeight="1" x14ac:dyDescent="0.15">
      <c r="A59" s="5" t="s">
        <v>21</v>
      </c>
      <c r="B59" s="22">
        <v>657</v>
      </c>
      <c r="C59" s="14">
        <v>582</v>
      </c>
      <c r="D59" s="18">
        <v>1239</v>
      </c>
    </row>
    <row r="60" spans="1:4" ht="18" customHeight="1" x14ac:dyDescent="0.15">
      <c r="A60" s="5">
        <v>45</v>
      </c>
      <c r="B60" s="22">
        <v>114</v>
      </c>
      <c r="C60" s="14">
        <v>104</v>
      </c>
      <c r="D60" s="18">
        <v>218</v>
      </c>
    </row>
    <row r="61" spans="1:4" ht="18" customHeight="1" x14ac:dyDescent="0.15">
      <c r="A61" s="5">
        <v>46</v>
      </c>
      <c r="B61" s="22">
        <v>141</v>
      </c>
      <c r="C61" s="14">
        <v>120</v>
      </c>
      <c r="D61" s="18">
        <v>261</v>
      </c>
    </row>
    <row r="62" spans="1:4" ht="18" customHeight="1" x14ac:dyDescent="0.15">
      <c r="A62" s="5">
        <v>47</v>
      </c>
      <c r="B62" s="22">
        <v>132</v>
      </c>
      <c r="C62" s="14">
        <v>126</v>
      </c>
      <c r="D62" s="18">
        <v>258</v>
      </c>
    </row>
    <row r="63" spans="1:4" ht="18" customHeight="1" x14ac:dyDescent="0.15">
      <c r="A63" s="5">
        <v>48</v>
      </c>
      <c r="B63" s="22">
        <v>156</v>
      </c>
      <c r="C63" s="14">
        <v>139</v>
      </c>
      <c r="D63" s="18">
        <v>295</v>
      </c>
    </row>
    <row r="64" spans="1:4" ht="18" customHeight="1" x14ac:dyDescent="0.15">
      <c r="A64" s="5">
        <v>49</v>
      </c>
      <c r="B64" s="22">
        <v>141</v>
      </c>
      <c r="C64" s="14">
        <v>125</v>
      </c>
      <c r="D64" s="18">
        <v>266</v>
      </c>
    </row>
    <row r="65" spans="1:4" ht="18" customHeight="1" x14ac:dyDescent="0.15">
      <c r="A65" s="5" t="s">
        <v>17</v>
      </c>
      <c r="B65" s="22">
        <v>684</v>
      </c>
      <c r="C65" s="14">
        <v>614</v>
      </c>
      <c r="D65" s="18">
        <v>1298</v>
      </c>
    </row>
    <row r="66" spans="1:4" ht="18" customHeight="1" x14ac:dyDescent="0.15">
      <c r="A66" s="5">
        <v>50</v>
      </c>
      <c r="B66" s="22">
        <v>176</v>
      </c>
      <c r="C66" s="14">
        <v>143</v>
      </c>
      <c r="D66" s="18">
        <v>319</v>
      </c>
    </row>
    <row r="67" spans="1:4" ht="18" customHeight="1" x14ac:dyDescent="0.15">
      <c r="A67" s="5">
        <v>51</v>
      </c>
      <c r="B67" s="22">
        <v>156</v>
      </c>
      <c r="C67" s="14">
        <v>161</v>
      </c>
      <c r="D67" s="18">
        <v>317</v>
      </c>
    </row>
    <row r="68" spans="1:4" ht="18" customHeight="1" x14ac:dyDescent="0.15">
      <c r="A68" s="5">
        <v>52</v>
      </c>
      <c r="B68" s="22">
        <v>149</v>
      </c>
      <c r="C68" s="14">
        <v>143</v>
      </c>
      <c r="D68" s="18">
        <v>292</v>
      </c>
    </row>
    <row r="69" spans="1:4" ht="18" customHeight="1" x14ac:dyDescent="0.15">
      <c r="A69" s="5">
        <v>53</v>
      </c>
      <c r="B69" s="22">
        <v>182</v>
      </c>
      <c r="C69" s="14">
        <v>151</v>
      </c>
      <c r="D69" s="18">
        <v>333</v>
      </c>
    </row>
    <row r="70" spans="1:4" ht="18" customHeight="1" x14ac:dyDescent="0.15">
      <c r="A70" s="5">
        <v>54</v>
      </c>
      <c r="B70" s="22">
        <v>175</v>
      </c>
      <c r="C70" s="14">
        <v>156</v>
      </c>
      <c r="D70" s="18">
        <v>331</v>
      </c>
    </row>
    <row r="71" spans="1:4" ht="18" customHeight="1" x14ac:dyDescent="0.15">
      <c r="A71" s="5" t="s">
        <v>22</v>
      </c>
      <c r="B71" s="22">
        <v>838</v>
      </c>
      <c r="C71" s="14">
        <v>754</v>
      </c>
      <c r="D71" s="18">
        <v>1592</v>
      </c>
    </row>
    <row r="72" spans="1:4" ht="18" customHeight="1" x14ac:dyDescent="0.15">
      <c r="A72" s="5">
        <v>55</v>
      </c>
      <c r="B72" s="22">
        <v>149</v>
      </c>
      <c r="C72" s="14">
        <v>166</v>
      </c>
      <c r="D72" s="18">
        <v>315</v>
      </c>
    </row>
    <row r="73" spans="1:4" ht="18" customHeight="1" x14ac:dyDescent="0.15">
      <c r="A73" s="5">
        <v>56</v>
      </c>
      <c r="B73" s="22">
        <v>127</v>
      </c>
      <c r="C73" s="14">
        <v>140</v>
      </c>
      <c r="D73" s="18">
        <v>267</v>
      </c>
    </row>
    <row r="74" spans="1:4" ht="18" customHeight="1" x14ac:dyDescent="0.15">
      <c r="A74" s="5">
        <v>57</v>
      </c>
      <c r="B74" s="22">
        <v>159</v>
      </c>
      <c r="C74" s="14">
        <v>150</v>
      </c>
      <c r="D74" s="18">
        <v>309</v>
      </c>
    </row>
    <row r="75" spans="1:4" ht="18" customHeight="1" x14ac:dyDescent="0.15">
      <c r="A75" s="5">
        <v>58</v>
      </c>
      <c r="B75" s="22">
        <v>157</v>
      </c>
      <c r="C75" s="14">
        <v>131</v>
      </c>
      <c r="D75" s="18">
        <v>288</v>
      </c>
    </row>
    <row r="76" spans="1:4" ht="18" customHeight="1" x14ac:dyDescent="0.15">
      <c r="A76" s="5">
        <v>59</v>
      </c>
      <c r="B76" s="22">
        <v>139</v>
      </c>
      <c r="C76" s="14">
        <v>161</v>
      </c>
      <c r="D76" s="18">
        <v>300</v>
      </c>
    </row>
    <row r="77" spans="1:4" ht="18" customHeight="1" x14ac:dyDescent="0.15">
      <c r="A77" s="5" t="s">
        <v>27</v>
      </c>
      <c r="B77" s="22">
        <v>731</v>
      </c>
      <c r="C77" s="14">
        <v>748</v>
      </c>
      <c r="D77" s="18">
        <v>1479</v>
      </c>
    </row>
    <row r="78" spans="1:4" ht="18" customHeight="1" x14ac:dyDescent="0.15">
      <c r="A78" s="5">
        <v>60</v>
      </c>
      <c r="B78" s="22">
        <v>122</v>
      </c>
      <c r="C78" s="14">
        <v>111</v>
      </c>
      <c r="D78" s="18">
        <v>233</v>
      </c>
    </row>
    <row r="79" spans="1:4" ht="18" customHeight="1" x14ac:dyDescent="0.15">
      <c r="A79" s="5">
        <v>61</v>
      </c>
      <c r="B79" s="22">
        <v>132</v>
      </c>
      <c r="C79" s="14">
        <v>152</v>
      </c>
      <c r="D79" s="18">
        <v>284</v>
      </c>
    </row>
    <row r="80" spans="1:4" ht="18" customHeight="1" x14ac:dyDescent="0.15">
      <c r="A80" s="5">
        <v>62</v>
      </c>
      <c r="B80" s="22">
        <v>153</v>
      </c>
      <c r="C80" s="14">
        <v>141</v>
      </c>
      <c r="D80" s="18">
        <v>294</v>
      </c>
    </row>
    <row r="81" spans="1:4" ht="18" customHeight="1" x14ac:dyDescent="0.15">
      <c r="A81" s="5">
        <v>63</v>
      </c>
      <c r="B81" s="22">
        <v>157</v>
      </c>
      <c r="C81" s="14">
        <v>123</v>
      </c>
      <c r="D81" s="18">
        <v>280</v>
      </c>
    </row>
    <row r="82" spans="1:4" ht="18" customHeight="1" x14ac:dyDescent="0.15">
      <c r="A82" s="5">
        <v>64</v>
      </c>
      <c r="B82" s="22">
        <v>114</v>
      </c>
      <c r="C82" s="14">
        <v>120</v>
      </c>
      <c r="D82" s="18">
        <v>234</v>
      </c>
    </row>
    <row r="83" spans="1:4" ht="18" customHeight="1" x14ac:dyDescent="0.15">
      <c r="A83" s="5" t="s">
        <v>28</v>
      </c>
      <c r="B83" s="22">
        <v>678</v>
      </c>
      <c r="C83" s="14">
        <v>647</v>
      </c>
      <c r="D83" s="18">
        <v>1325</v>
      </c>
    </row>
    <row r="84" spans="1:4" ht="18" customHeight="1" x14ac:dyDescent="0.15">
      <c r="A84" s="5" t="s">
        <v>31</v>
      </c>
      <c r="B84" s="22">
        <v>6189</v>
      </c>
      <c r="C84" s="14">
        <v>5574</v>
      </c>
      <c r="D84" s="18">
        <v>11763</v>
      </c>
    </row>
    <row r="85" spans="1:4" ht="18" customHeight="1" x14ac:dyDescent="0.15">
      <c r="A85" s="5">
        <v>65</v>
      </c>
      <c r="B85" s="22">
        <v>128</v>
      </c>
      <c r="C85" s="14">
        <v>149</v>
      </c>
      <c r="D85" s="18">
        <v>277</v>
      </c>
    </row>
    <row r="86" spans="1:4" ht="18" customHeight="1" x14ac:dyDescent="0.15">
      <c r="A86" s="5">
        <v>66</v>
      </c>
      <c r="B86" s="22">
        <v>133</v>
      </c>
      <c r="C86" s="14">
        <v>140</v>
      </c>
      <c r="D86" s="18">
        <v>273</v>
      </c>
    </row>
    <row r="87" spans="1:4" ht="18" customHeight="1" x14ac:dyDescent="0.15">
      <c r="A87" s="5">
        <v>67</v>
      </c>
      <c r="B87" s="22">
        <v>135</v>
      </c>
      <c r="C87" s="14">
        <v>135</v>
      </c>
      <c r="D87" s="18">
        <v>270</v>
      </c>
    </row>
    <row r="88" spans="1:4" ht="18" customHeight="1" x14ac:dyDescent="0.15">
      <c r="A88" s="5">
        <v>68</v>
      </c>
      <c r="B88" s="22">
        <v>139</v>
      </c>
      <c r="C88" s="14">
        <v>142</v>
      </c>
      <c r="D88" s="18">
        <v>281</v>
      </c>
    </row>
    <row r="89" spans="1:4" ht="18" customHeight="1" x14ac:dyDescent="0.15">
      <c r="A89" s="5">
        <v>69</v>
      </c>
      <c r="B89" s="22">
        <v>124</v>
      </c>
      <c r="C89" s="14">
        <v>126</v>
      </c>
      <c r="D89" s="18">
        <v>250</v>
      </c>
    </row>
    <row r="90" spans="1:4" ht="18" customHeight="1" x14ac:dyDescent="0.15">
      <c r="A90" s="5" t="s">
        <v>20</v>
      </c>
      <c r="B90" s="22">
        <v>659</v>
      </c>
      <c r="C90" s="14">
        <v>692</v>
      </c>
      <c r="D90" s="18">
        <v>1351</v>
      </c>
    </row>
    <row r="91" spans="1:4" ht="18" customHeight="1" x14ac:dyDescent="0.15">
      <c r="A91" s="5">
        <v>70</v>
      </c>
      <c r="B91" s="22">
        <v>137</v>
      </c>
      <c r="C91" s="14">
        <v>152</v>
      </c>
      <c r="D91" s="18">
        <v>289</v>
      </c>
    </row>
    <row r="92" spans="1:4" ht="18" customHeight="1" x14ac:dyDescent="0.15">
      <c r="A92" s="5">
        <v>71</v>
      </c>
      <c r="B92" s="22">
        <v>137</v>
      </c>
      <c r="C92" s="14">
        <v>159</v>
      </c>
      <c r="D92" s="18">
        <v>296</v>
      </c>
    </row>
    <row r="93" spans="1:4" ht="18" customHeight="1" x14ac:dyDescent="0.15">
      <c r="A93" s="5">
        <v>72</v>
      </c>
      <c r="B93" s="22">
        <v>141</v>
      </c>
      <c r="C93" s="14">
        <v>138</v>
      </c>
      <c r="D93" s="18">
        <v>279</v>
      </c>
    </row>
    <row r="94" spans="1:4" ht="18" customHeight="1" x14ac:dyDescent="0.15">
      <c r="A94" s="5">
        <v>73</v>
      </c>
      <c r="B94" s="22">
        <v>129</v>
      </c>
      <c r="C94" s="14">
        <v>163</v>
      </c>
      <c r="D94" s="18">
        <v>292</v>
      </c>
    </row>
    <row r="95" spans="1:4" ht="18" customHeight="1" x14ac:dyDescent="0.15">
      <c r="A95" s="5">
        <v>74</v>
      </c>
      <c r="B95" s="22">
        <v>146</v>
      </c>
      <c r="C95" s="14">
        <v>132</v>
      </c>
      <c r="D95" s="18">
        <v>278</v>
      </c>
    </row>
    <row r="96" spans="1:4" ht="18" customHeight="1" x14ac:dyDescent="0.15">
      <c r="A96" s="5" t="s">
        <v>33</v>
      </c>
      <c r="B96" s="22">
        <v>690</v>
      </c>
      <c r="C96" s="14">
        <v>744</v>
      </c>
      <c r="D96" s="18">
        <v>1434</v>
      </c>
    </row>
    <row r="97" spans="1:4" ht="18" customHeight="1" x14ac:dyDescent="0.15">
      <c r="A97" s="5">
        <v>75</v>
      </c>
      <c r="B97" s="22">
        <v>152</v>
      </c>
      <c r="C97" s="14">
        <v>144</v>
      </c>
      <c r="D97" s="18">
        <v>296</v>
      </c>
    </row>
    <row r="98" spans="1:4" ht="18" customHeight="1" x14ac:dyDescent="0.15">
      <c r="A98" s="5">
        <v>76</v>
      </c>
      <c r="B98" s="22">
        <v>145</v>
      </c>
      <c r="C98" s="14">
        <v>168</v>
      </c>
      <c r="D98" s="18">
        <v>313</v>
      </c>
    </row>
    <row r="99" spans="1:4" ht="18" customHeight="1" x14ac:dyDescent="0.15">
      <c r="A99" s="5">
        <v>77</v>
      </c>
      <c r="B99" s="22">
        <v>140</v>
      </c>
      <c r="C99" s="14">
        <v>170</v>
      </c>
      <c r="D99" s="18">
        <v>310</v>
      </c>
    </row>
    <row r="100" spans="1:4" ht="18" customHeight="1" x14ac:dyDescent="0.15">
      <c r="A100" s="5">
        <v>78</v>
      </c>
      <c r="B100" s="22">
        <v>155</v>
      </c>
      <c r="C100" s="14">
        <v>195</v>
      </c>
      <c r="D100" s="18">
        <v>350</v>
      </c>
    </row>
    <row r="101" spans="1:4" ht="18" customHeight="1" x14ac:dyDescent="0.15">
      <c r="A101" s="5">
        <v>79</v>
      </c>
      <c r="B101" s="22">
        <v>129</v>
      </c>
      <c r="C101" s="14">
        <v>169</v>
      </c>
      <c r="D101" s="18">
        <v>298</v>
      </c>
    </row>
    <row r="102" spans="1:4" ht="18" customHeight="1" x14ac:dyDescent="0.15">
      <c r="A102" s="5" t="s">
        <v>0</v>
      </c>
      <c r="B102" s="22">
        <v>721</v>
      </c>
      <c r="C102" s="14">
        <v>846</v>
      </c>
      <c r="D102" s="18">
        <v>1567</v>
      </c>
    </row>
    <row r="103" spans="1:4" ht="18" customHeight="1" x14ac:dyDescent="0.15">
      <c r="A103" s="5">
        <v>80</v>
      </c>
      <c r="B103" s="22">
        <v>68</v>
      </c>
      <c r="C103" s="14">
        <v>98</v>
      </c>
      <c r="D103" s="18">
        <v>166</v>
      </c>
    </row>
    <row r="104" spans="1:4" ht="18" customHeight="1" x14ac:dyDescent="0.15">
      <c r="A104" s="5">
        <v>81</v>
      </c>
      <c r="B104" s="22">
        <v>92</v>
      </c>
      <c r="C104" s="14">
        <v>135</v>
      </c>
      <c r="D104" s="18">
        <v>227</v>
      </c>
    </row>
    <row r="105" spans="1:4" ht="18" customHeight="1" x14ac:dyDescent="0.15">
      <c r="A105" s="5">
        <v>82</v>
      </c>
      <c r="B105" s="22">
        <v>84</v>
      </c>
      <c r="C105" s="14">
        <v>141</v>
      </c>
      <c r="D105" s="18">
        <v>225</v>
      </c>
    </row>
    <row r="106" spans="1:4" ht="18" customHeight="1" x14ac:dyDescent="0.15">
      <c r="A106" s="5">
        <v>83</v>
      </c>
      <c r="B106" s="22">
        <v>79</v>
      </c>
      <c r="C106" s="14">
        <v>138</v>
      </c>
      <c r="D106" s="18">
        <v>217</v>
      </c>
    </row>
    <row r="107" spans="1:4" ht="18" customHeight="1" x14ac:dyDescent="0.15">
      <c r="A107" s="5">
        <v>84</v>
      </c>
      <c r="B107" s="22">
        <v>94</v>
      </c>
      <c r="C107" s="14">
        <v>160</v>
      </c>
      <c r="D107" s="18">
        <v>254</v>
      </c>
    </row>
    <row r="108" spans="1:4" ht="18" customHeight="1" x14ac:dyDescent="0.15">
      <c r="A108" s="5" t="s">
        <v>35</v>
      </c>
      <c r="B108" s="22">
        <v>417</v>
      </c>
      <c r="C108" s="14">
        <v>672</v>
      </c>
      <c r="D108" s="18">
        <v>1089</v>
      </c>
    </row>
    <row r="109" spans="1:4" ht="18" customHeight="1" x14ac:dyDescent="0.15">
      <c r="A109" s="5">
        <v>85</v>
      </c>
      <c r="B109" s="22">
        <v>71</v>
      </c>
      <c r="C109" s="14">
        <v>128</v>
      </c>
      <c r="D109" s="18">
        <v>199</v>
      </c>
    </row>
    <row r="110" spans="1:4" ht="18" customHeight="1" x14ac:dyDescent="0.15">
      <c r="A110" s="5">
        <v>86</v>
      </c>
      <c r="B110" s="22">
        <v>63</v>
      </c>
      <c r="C110" s="14">
        <v>92</v>
      </c>
      <c r="D110" s="18">
        <v>155</v>
      </c>
    </row>
    <row r="111" spans="1:4" ht="18" customHeight="1" x14ac:dyDescent="0.15">
      <c r="A111" s="5">
        <v>87</v>
      </c>
      <c r="B111" s="22">
        <v>55</v>
      </c>
      <c r="C111" s="14">
        <v>72</v>
      </c>
      <c r="D111" s="18">
        <v>127</v>
      </c>
    </row>
    <row r="112" spans="1:4" ht="18" customHeight="1" x14ac:dyDescent="0.15">
      <c r="A112" s="5">
        <v>88</v>
      </c>
      <c r="B112" s="22">
        <v>54</v>
      </c>
      <c r="C112" s="14">
        <v>80</v>
      </c>
      <c r="D112" s="18">
        <v>134</v>
      </c>
    </row>
    <row r="113" spans="1:4" ht="18" customHeight="1" x14ac:dyDescent="0.15">
      <c r="A113" s="5">
        <v>89</v>
      </c>
      <c r="B113" s="22">
        <v>38</v>
      </c>
      <c r="C113" s="14">
        <v>82</v>
      </c>
      <c r="D113" s="18">
        <v>120</v>
      </c>
    </row>
    <row r="114" spans="1:4" ht="18" customHeight="1" x14ac:dyDescent="0.15">
      <c r="A114" s="5" t="s">
        <v>37</v>
      </c>
      <c r="B114" s="22">
        <v>281</v>
      </c>
      <c r="C114" s="14">
        <v>454</v>
      </c>
      <c r="D114" s="18">
        <v>735</v>
      </c>
    </row>
    <row r="115" spans="1:4" ht="18" customHeight="1" x14ac:dyDescent="0.15">
      <c r="A115" s="5">
        <v>90</v>
      </c>
      <c r="B115" s="22">
        <v>36</v>
      </c>
      <c r="C115" s="14">
        <v>98</v>
      </c>
      <c r="D115" s="18">
        <v>134</v>
      </c>
    </row>
    <row r="116" spans="1:4" ht="18" customHeight="1" x14ac:dyDescent="0.15">
      <c r="A116" s="5">
        <v>91</v>
      </c>
      <c r="B116" s="22">
        <v>26</v>
      </c>
      <c r="C116" s="14">
        <v>71</v>
      </c>
      <c r="D116" s="18">
        <v>97</v>
      </c>
    </row>
    <row r="117" spans="1:4" ht="18" customHeight="1" x14ac:dyDescent="0.15">
      <c r="A117" s="5">
        <v>92</v>
      </c>
      <c r="B117" s="22">
        <v>25</v>
      </c>
      <c r="C117" s="14">
        <v>69</v>
      </c>
      <c r="D117" s="18">
        <v>94</v>
      </c>
    </row>
    <row r="118" spans="1:4" ht="18" customHeight="1" x14ac:dyDescent="0.15">
      <c r="A118" s="5">
        <v>93</v>
      </c>
      <c r="B118" s="22">
        <v>8</v>
      </c>
      <c r="C118" s="14">
        <v>37</v>
      </c>
      <c r="D118" s="18">
        <v>45</v>
      </c>
    </row>
    <row r="119" spans="1:4" ht="18" customHeight="1" x14ac:dyDescent="0.15">
      <c r="A119" s="5">
        <v>94</v>
      </c>
      <c r="B119" s="22">
        <v>14</v>
      </c>
      <c r="C119" s="14">
        <v>45</v>
      </c>
      <c r="D119" s="18">
        <v>59</v>
      </c>
    </row>
    <row r="120" spans="1:4" ht="18" customHeight="1" x14ac:dyDescent="0.15">
      <c r="A120" s="5" t="s">
        <v>39</v>
      </c>
      <c r="B120" s="22">
        <v>109</v>
      </c>
      <c r="C120" s="14">
        <v>320</v>
      </c>
      <c r="D120" s="18">
        <v>429</v>
      </c>
    </row>
    <row r="121" spans="1:4" ht="18" customHeight="1" x14ac:dyDescent="0.15">
      <c r="A121" s="5">
        <v>95</v>
      </c>
      <c r="B121" s="22">
        <v>5</v>
      </c>
      <c r="C121" s="14">
        <v>45</v>
      </c>
      <c r="D121" s="18">
        <v>50</v>
      </c>
    </row>
    <row r="122" spans="1:4" ht="18" customHeight="1" x14ac:dyDescent="0.15">
      <c r="A122" s="5">
        <v>96</v>
      </c>
      <c r="B122" s="22">
        <v>7</v>
      </c>
      <c r="C122" s="14">
        <v>42</v>
      </c>
      <c r="D122" s="18">
        <v>49</v>
      </c>
    </row>
    <row r="123" spans="1:4" ht="18" customHeight="1" x14ac:dyDescent="0.15">
      <c r="A123" s="5">
        <v>97</v>
      </c>
      <c r="B123" s="22">
        <v>4</v>
      </c>
      <c r="C123" s="14">
        <v>24</v>
      </c>
      <c r="D123" s="18">
        <v>28</v>
      </c>
    </row>
    <row r="124" spans="1:4" ht="18" customHeight="1" x14ac:dyDescent="0.15">
      <c r="A124" s="5">
        <v>98</v>
      </c>
      <c r="B124" s="22">
        <v>2</v>
      </c>
      <c r="C124" s="14">
        <v>13</v>
      </c>
      <c r="D124" s="18">
        <v>15</v>
      </c>
    </row>
    <row r="125" spans="1:4" ht="18" customHeight="1" x14ac:dyDescent="0.15">
      <c r="A125" s="5">
        <v>99</v>
      </c>
      <c r="B125" s="22">
        <v>2</v>
      </c>
      <c r="C125" s="14">
        <v>8</v>
      </c>
      <c r="D125" s="18">
        <v>10</v>
      </c>
    </row>
    <row r="126" spans="1:4" ht="18" customHeight="1" x14ac:dyDescent="0.15">
      <c r="A126" s="5" t="s">
        <v>40</v>
      </c>
      <c r="B126" s="22">
        <v>20</v>
      </c>
      <c r="C126" s="14">
        <v>132</v>
      </c>
      <c r="D126" s="18">
        <v>152</v>
      </c>
    </row>
    <row r="127" spans="1:4" ht="18" customHeight="1" x14ac:dyDescent="0.15">
      <c r="A127" s="5">
        <v>100</v>
      </c>
      <c r="B127" s="22">
        <v>1</v>
      </c>
      <c r="C127" s="14">
        <v>7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12</v>
      </c>
      <c r="D128" s="18">
        <v>12</v>
      </c>
    </row>
    <row r="129" spans="1:4" ht="18" customHeight="1" x14ac:dyDescent="0.15">
      <c r="A129" s="5" t="s">
        <v>44</v>
      </c>
      <c r="B129" s="22">
        <v>1</v>
      </c>
      <c r="C129" s="14">
        <v>19</v>
      </c>
      <c r="D129" s="18">
        <v>20</v>
      </c>
    </row>
    <row r="130" spans="1:4" ht="18" customHeight="1" x14ac:dyDescent="0.15">
      <c r="A130" s="5" t="s">
        <v>46</v>
      </c>
      <c r="B130" s="22">
        <v>2898</v>
      </c>
      <c r="C130" s="14">
        <v>3879</v>
      </c>
      <c r="D130" s="18">
        <v>6777</v>
      </c>
    </row>
    <row r="131" spans="1:4" ht="18" customHeight="1" x14ac:dyDescent="0.15">
      <c r="A131" s="7" t="s">
        <v>45</v>
      </c>
      <c r="B131" s="23">
        <v>10217</v>
      </c>
      <c r="C131" s="15">
        <v>10514</v>
      </c>
      <c r="D131" s="19">
        <v>207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6</v>
      </c>
      <c r="D5" s="31">
        <v>9</v>
      </c>
    </row>
    <row r="6" spans="1:4" ht="18" customHeight="1" x14ac:dyDescent="0.15">
      <c r="A6" s="5">
        <v>1</v>
      </c>
      <c r="B6" s="27">
        <v>4</v>
      </c>
      <c r="C6" s="14">
        <v>2</v>
      </c>
      <c r="D6" s="18">
        <v>6</v>
      </c>
    </row>
    <row r="7" spans="1:4" ht="18" customHeight="1" x14ac:dyDescent="0.15">
      <c r="A7" s="5">
        <v>2</v>
      </c>
      <c r="B7" s="27">
        <v>2</v>
      </c>
      <c r="C7" s="14">
        <v>4</v>
      </c>
      <c r="D7" s="18">
        <v>6</v>
      </c>
    </row>
    <row r="8" spans="1:4" ht="18" customHeight="1" x14ac:dyDescent="0.15">
      <c r="A8" s="5">
        <v>3</v>
      </c>
      <c r="B8" s="27">
        <v>3</v>
      </c>
      <c r="C8" s="14">
        <v>8</v>
      </c>
      <c r="D8" s="18">
        <v>11</v>
      </c>
    </row>
    <row r="9" spans="1:4" ht="18" customHeight="1" x14ac:dyDescent="0.15">
      <c r="A9" s="5">
        <v>4</v>
      </c>
      <c r="B9" s="28">
        <v>4</v>
      </c>
      <c r="C9" s="30">
        <v>2</v>
      </c>
      <c r="D9" s="32">
        <v>6</v>
      </c>
    </row>
    <row r="10" spans="1:4" ht="18" customHeight="1" x14ac:dyDescent="0.15">
      <c r="A10" s="5" t="s">
        <v>7</v>
      </c>
      <c r="B10" s="22">
        <v>16</v>
      </c>
      <c r="C10" s="14">
        <v>22</v>
      </c>
      <c r="D10" s="18">
        <v>38</v>
      </c>
    </row>
    <row r="11" spans="1:4" ht="18" customHeight="1" x14ac:dyDescent="0.15">
      <c r="A11" s="5">
        <v>5</v>
      </c>
      <c r="B11" s="27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7">
        <v>1</v>
      </c>
      <c r="C12" s="14">
        <v>5</v>
      </c>
      <c r="D12" s="18">
        <v>6</v>
      </c>
    </row>
    <row r="13" spans="1:4" ht="18" customHeight="1" x14ac:dyDescent="0.15">
      <c r="A13" s="5">
        <v>7</v>
      </c>
      <c r="B13" s="27">
        <v>4</v>
      </c>
      <c r="C13" s="14">
        <v>5</v>
      </c>
      <c r="D13" s="18">
        <v>9</v>
      </c>
    </row>
    <row r="14" spans="1:4" ht="18" customHeight="1" x14ac:dyDescent="0.15">
      <c r="A14" s="5">
        <v>8</v>
      </c>
      <c r="B14" s="27">
        <v>7</v>
      </c>
      <c r="C14" s="14">
        <v>5</v>
      </c>
      <c r="D14" s="18">
        <v>12</v>
      </c>
    </row>
    <row r="15" spans="1:4" ht="18" customHeight="1" x14ac:dyDescent="0.15">
      <c r="A15" s="5">
        <v>9</v>
      </c>
      <c r="B15" s="27">
        <v>5</v>
      </c>
      <c r="C15" s="14">
        <v>6</v>
      </c>
      <c r="D15" s="18">
        <v>11</v>
      </c>
    </row>
    <row r="16" spans="1:4" ht="18" customHeight="1" x14ac:dyDescent="0.15">
      <c r="A16" s="5" t="s">
        <v>11</v>
      </c>
      <c r="B16" s="22">
        <v>21</v>
      </c>
      <c r="C16" s="14">
        <v>27</v>
      </c>
      <c r="D16" s="18">
        <v>48</v>
      </c>
    </row>
    <row r="17" spans="1:4" ht="18" customHeight="1" x14ac:dyDescent="0.15">
      <c r="A17" s="5">
        <v>10</v>
      </c>
      <c r="B17" s="22">
        <v>12</v>
      </c>
      <c r="C17" s="14">
        <v>8</v>
      </c>
      <c r="D17" s="18">
        <v>20</v>
      </c>
    </row>
    <row r="18" spans="1:4" ht="18" customHeight="1" x14ac:dyDescent="0.15">
      <c r="A18" s="5">
        <v>11</v>
      </c>
      <c r="B18" s="22">
        <v>8</v>
      </c>
      <c r="C18" s="14">
        <v>4</v>
      </c>
      <c r="D18" s="18">
        <v>12</v>
      </c>
    </row>
    <row r="19" spans="1:4" ht="18" customHeight="1" x14ac:dyDescent="0.15">
      <c r="A19" s="5">
        <v>12</v>
      </c>
      <c r="B19" s="22">
        <v>8</v>
      </c>
      <c r="C19" s="14">
        <v>3</v>
      </c>
      <c r="D19" s="18">
        <v>11</v>
      </c>
    </row>
    <row r="20" spans="1:4" ht="18" customHeight="1" x14ac:dyDescent="0.15">
      <c r="A20" s="5">
        <v>13</v>
      </c>
      <c r="B20" s="22">
        <v>7</v>
      </c>
      <c r="C20" s="14">
        <v>7</v>
      </c>
      <c r="D20" s="18">
        <v>14</v>
      </c>
    </row>
    <row r="21" spans="1:4" ht="18" customHeight="1" x14ac:dyDescent="0.15">
      <c r="A21" s="5">
        <v>14</v>
      </c>
      <c r="B21" s="22">
        <v>9</v>
      </c>
      <c r="C21" s="14">
        <v>10</v>
      </c>
      <c r="D21" s="18">
        <v>19</v>
      </c>
    </row>
    <row r="22" spans="1:4" ht="18" customHeight="1" x14ac:dyDescent="0.15">
      <c r="A22" s="5" t="s">
        <v>12</v>
      </c>
      <c r="B22" s="22">
        <v>44</v>
      </c>
      <c r="C22" s="14">
        <v>32</v>
      </c>
      <c r="D22" s="18">
        <v>76</v>
      </c>
    </row>
    <row r="23" spans="1:4" ht="18" customHeight="1" x14ac:dyDescent="0.15">
      <c r="A23" s="5" t="s">
        <v>6</v>
      </c>
      <c r="B23" s="22">
        <v>81</v>
      </c>
      <c r="C23" s="14">
        <v>81</v>
      </c>
      <c r="D23" s="18">
        <v>162</v>
      </c>
    </row>
    <row r="24" spans="1:4" ht="18" customHeight="1" x14ac:dyDescent="0.15">
      <c r="A24" s="5">
        <v>15</v>
      </c>
      <c r="B24" s="22">
        <v>9</v>
      </c>
      <c r="C24" s="14">
        <v>4</v>
      </c>
      <c r="D24" s="18">
        <v>13</v>
      </c>
    </row>
    <row r="25" spans="1:4" ht="18" customHeight="1" x14ac:dyDescent="0.15">
      <c r="A25" s="5">
        <v>16</v>
      </c>
      <c r="B25" s="22">
        <v>5</v>
      </c>
      <c r="C25" s="14">
        <v>5</v>
      </c>
      <c r="D25" s="18">
        <v>10</v>
      </c>
    </row>
    <row r="26" spans="1:4" ht="18" customHeight="1" x14ac:dyDescent="0.15">
      <c r="A26" s="5">
        <v>17</v>
      </c>
      <c r="B26" s="22">
        <v>8</v>
      </c>
      <c r="C26" s="14">
        <v>3</v>
      </c>
      <c r="D26" s="18">
        <v>11</v>
      </c>
    </row>
    <row r="27" spans="1:4" ht="18" customHeight="1" x14ac:dyDescent="0.15">
      <c r="A27" s="5">
        <v>18</v>
      </c>
      <c r="B27" s="22">
        <v>5</v>
      </c>
      <c r="C27" s="14">
        <v>10</v>
      </c>
      <c r="D27" s="18">
        <v>15</v>
      </c>
    </row>
    <row r="28" spans="1:4" ht="18" customHeight="1" x14ac:dyDescent="0.15">
      <c r="A28" s="5">
        <v>19</v>
      </c>
      <c r="B28" s="22">
        <v>11</v>
      </c>
      <c r="C28" s="14">
        <v>6</v>
      </c>
      <c r="D28" s="18">
        <v>17</v>
      </c>
    </row>
    <row r="29" spans="1:4" ht="18" customHeight="1" x14ac:dyDescent="0.15">
      <c r="A29" s="5" t="s">
        <v>14</v>
      </c>
      <c r="B29" s="22">
        <v>38</v>
      </c>
      <c r="C29" s="14">
        <v>28</v>
      </c>
      <c r="D29" s="18">
        <v>66</v>
      </c>
    </row>
    <row r="30" spans="1:4" ht="18" customHeight="1" x14ac:dyDescent="0.15">
      <c r="A30" s="5">
        <v>20</v>
      </c>
      <c r="B30" s="22">
        <v>10</v>
      </c>
      <c r="C30" s="14">
        <v>8</v>
      </c>
      <c r="D30" s="18">
        <v>18</v>
      </c>
    </row>
    <row r="31" spans="1:4" ht="18" customHeight="1" x14ac:dyDescent="0.15">
      <c r="A31" s="5">
        <v>21</v>
      </c>
      <c r="B31" s="22">
        <v>9</v>
      </c>
      <c r="C31" s="14">
        <v>8</v>
      </c>
      <c r="D31" s="18">
        <v>17</v>
      </c>
    </row>
    <row r="32" spans="1:4" ht="18" customHeight="1" x14ac:dyDescent="0.15">
      <c r="A32" s="5">
        <v>22</v>
      </c>
      <c r="B32" s="22">
        <v>7</v>
      </c>
      <c r="C32" s="14">
        <v>5</v>
      </c>
      <c r="D32" s="18">
        <v>12</v>
      </c>
    </row>
    <row r="33" spans="1:4" ht="18" customHeight="1" x14ac:dyDescent="0.15">
      <c r="A33" s="5">
        <v>23</v>
      </c>
      <c r="B33" s="22">
        <v>10</v>
      </c>
      <c r="C33" s="14">
        <v>9</v>
      </c>
      <c r="D33" s="18">
        <v>19</v>
      </c>
    </row>
    <row r="34" spans="1:4" ht="18" customHeight="1" x14ac:dyDescent="0.15">
      <c r="A34" s="5">
        <v>24</v>
      </c>
      <c r="B34" s="22">
        <v>9</v>
      </c>
      <c r="C34" s="14">
        <v>5</v>
      </c>
      <c r="D34" s="18">
        <v>14</v>
      </c>
    </row>
    <row r="35" spans="1:4" ht="18" customHeight="1" x14ac:dyDescent="0.15">
      <c r="A35" s="5" t="s">
        <v>9</v>
      </c>
      <c r="B35" s="22">
        <v>45</v>
      </c>
      <c r="C35" s="14">
        <v>35</v>
      </c>
      <c r="D35" s="18">
        <v>80</v>
      </c>
    </row>
    <row r="36" spans="1:4" ht="18" customHeight="1" x14ac:dyDescent="0.15">
      <c r="A36" s="5">
        <v>25</v>
      </c>
      <c r="B36" s="22">
        <v>9</v>
      </c>
      <c r="C36" s="14">
        <v>6</v>
      </c>
      <c r="D36" s="18">
        <v>15</v>
      </c>
    </row>
    <row r="37" spans="1:4" ht="18" customHeight="1" x14ac:dyDescent="0.15">
      <c r="A37" s="5">
        <v>26</v>
      </c>
      <c r="B37" s="22">
        <v>11</v>
      </c>
      <c r="C37" s="14">
        <v>11</v>
      </c>
      <c r="D37" s="18">
        <v>22</v>
      </c>
    </row>
    <row r="38" spans="1:4" ht="18" customHeight="1" x14ac:dyDescent="0.15">
      <c r="A38" s="5">
        <v>27</v>
      </c>
      <c r="B38" s="22">
        <v>12</v>
      </c>
      <c r="C38" s="14">
        <v>9</v>
      </c>
      <c r="D38" s="18">
        <v>21</v>
      </c>
    </row>
    <row r="39" spans="1:4" ht="18" customHeight="1" x14ac:dyDescent="0.15">
      <c r="A39" s="5">
        <v>28</v>
      </c>
      <c r="B39" s="22">
        <v>4</v>
      </c>
      <c r="C39" s="14">
        <v>5</v>
      </c>
      <c r="D39" s="18">
        <v>9</v>
      </c>
    </row>
    <row r="40" spans="1:4" ht="18" customHeight="1" x14ac:dyDescent="0.15">
      <c r="A40" s="5">
        <v>29</v>
      </c>
      <c r="B40" s="22">
        <v>10</v>
      </c>
      <c r="C40" s="14">
        <v>9</v>
      </c>
      <c r="D40" s="18">
        <v>19</v>
      </c>
    </row>
    <row r="41" spans="1:4" ht="18" customHeight="1" x14ac:dyDescent="0.15">
      <c r="A41" s="5" t="s">
        <v>2</v>
      </c>
      <c r="B41" s="22">
        <v>46</v>
      </c>
      <c r="C41" s="14">
        <v>40</v>
      </c>
      <c r="D41" s="18">
        <v>86</v>
      </c>
    </row>
    <row r="42" spans="1:4" ht="18" customHeight="1" x14ac:dyDescent="0.15">
      <c r="A42" s="5">
        <v>30</v>
      </c>
      <c r="B42" s="22">
        <v>5</v>
      </c>
      <c r="C42" s="14">
        <v>7</v>
      </c>
      <c r="D42" s="18">
        <v>12</v>
      </c>
    </row>
    <row r="43" spans="1:4" ht="18" customHeight="1" x14ac:dyDescent="0.15">
      <c r="A43" s="5">
        <v>31</v>
      </c>
      <c r="B43" s="22">
        <v>9</v>
      </c>
      <c r="C43" s="14">
        <v>7</v>
      </c>
      <c r="D43" s="18">
        <v>16</v>
      </c>
    </row>
    <row r="44" spans="1:4" ht="18" customHeight="1" x14ac:dyDescent="0.15">
      <c r="A44" s="5">
        <v>32</v>
      </c>
      <c r="B44" s="22">
        <v>5</v>
      </c>
      <c r="C44" s="14">
        <v>3</v>
      </c>
      <c r="D44" s="18">
        <v>8</v>
      </c>
    </row>
    <row r="45" spans="1:4" ht="18" customHeight="1" x14ac:dyDescent="0.15">
      <c r="A45" s="5">
        <v>33</v>
      </c>
      <c r="B45" s="22">
        <v>10</v>
      </c>
      <c r="C45" s="14">
        <v>9</v>
      </c>
      <c r="D45" s="18">
        <v>19</v>
      </c>
    </row>
    <row r="46" spans="1:4" ht="18" customHeight="1" x14ac:dyDescent="0.15">
      <c r="A46" s="5">
        <v>34</v>
      </c>
      <c r="B46" s="22">
        <v>5</v>
      </c>
      <c r="C46" s="14">
        <v>12</v>
      </c>
      <c r="D46" s="18">
        <v>17</v>
      </c>
    </row>
    <row r="47" spans="1:4" ht="18" customHeight="1" x14ac:dyDescent="0.15">
      <c r="A47" s="5" t="s">
        <v>15</v>
      </c>
      <c r="B47" s="22">
        <v>34</v>
      </c>
      <c r="C47" s="14">
        <v>38</v>
      </c>
      <c r="D47" s="18">
        <v>72</v>
      </c>
    </row>
    <row r="48" spans="1:4" ht="18" customHeight="1" x14ac:dyDescent="0.15">
      <c r="A48" s="5">
        <v>35</v>
      </c>
      <c r="B48" s="22">
        <v>4</v>
      </c>
      <c r="C48" s="14">
        <v>4</v>
      </c>
      <c r="D48" s="18">
        <v>8</v>
      </c>
    </row>
    <row r="49" spans="1:4" ht="18" customHeight="1" x14ac:dyDescent="0.15">
      <c r="A49" s="5">
        <v>36</v>
      </c>
      <c r="B49" s="22">
        <v>6</v>
      </c>
      <c r="C49" s="14">
        <v>6</v>
      </c>
      <c r="D49" s="18">
        <v>12</v>
      </c>
    </row>
    <row r="50" spans="1:4" ht="18" customHeight="1" x14ac:dyDescent="0.15">
      <c r="A50" s="5">
        <v>37</v>
      </c>
      <c r="B50" s="22">
        <v>5</v>
      </c>
      <c r="C50" s="14">
        <v>5</v>
      </c>
      <c r="D50" s="18">
        <v>10</v>
      </c>
    </row>
    <row r="51" spans="1:4" ht="18" customHeight="1" x14ac:dyDescent="0.15">
      <c r="A51" s="5">
        <v>38</v>
      </c>
      <c r="B51" s="22">
        <v>11</v>
      </c>
      <c r="C51" s="14">
        <v>7</v>
      </c>
      <c r="D51" s="18">
        <v>18</v>
      </c>
    </row>
    <row r="52" spans="1:4" ht="18" customHeight="1" x14ac:dyDescent="0.15">
      <c r="A52" s="5">
        <v>39</v>
      </c>
      <c r="B52" s="22">
        <v>10</v>
      </c>
      <c r="C52" s="14">
        <v>8</v>
      </c>
      <c r="D52" s="18">
        <v>18</v>
      </c>
    </row>
    <row r="53" spans="1:4" ht="18" customHeight="1" x14ac:dyDescent="0.15">
      <c r="A53" s="5" t="s">
        <v>18</v>
      </c>
      <c r="B53" s="22">
        <v>36</v>
      </c>
      <c r="C53" s="14">
        <v>30</v>
      </c>
      <c r="D53" s="18">
        <v>66</v>
      </c>
    </row>
    <row r="54" spans="1:4" ht="18" customHeight="1" x14ac:dyDescent="0.15">
      <c r="A54" s="5">
        <v>40</v>
      </c>
      <c r="B54" s="22">
        <v>8</v>
      </c>
      <c r="C54" s="14">
        <v>6</v>
      </c>
      <c r="D54" s="18">
        <v>14</v>
      </c>
    </row>
    <row r="55" spans="1:4" ht="18" customHeight="1" x14ac:dyDescent="0.15">
      <c r="A55" s="5">
        <v>41</v>
      </c>
      <c r="B55" s="22">
        <v>20</v>
      </c>
      <c r="C55" s="14">
        <v>13</v>
      </c>
      <c r="D55" s="18">
        <v>33</v>
      </c>
    </row>
    <row r="56" spans="1:4" ht="18" customHeight="1" x14ac:dyDescent="0.15">
      <c r="A56" s="5">
        <v>42</v>
      </c>
      <c r="B56" s="22">
        <v>15</v>
      </c>
      <c r="C56" s="14">
        <v>14</v>
      </c>
      <c r="D56" s="18">
        <v>29</v>
      </c>
    </row>
    <row r="57" spans="1:4" ht="18" customHeight="1" x14ac:dyDescent="0.15">
      <c r="A57" s="5">
        <v>43</v>
      </c>
      <c r="B57" s="22">
        <v>16</v>
      </c>
      <c r="C57" s="14">
        <v>11</v>
      </c>
      <c r="D57" s="18">
        <v>27</v>
      </c>
    </row>
    <row r="58" spans="1:4" ht="18" customHeight="1" x14ac:dyDescent="0.15">
      <c r="A58" s="5">
        <v>44</v>
      </c>
      <c r="B58" s="22">
        <v>7</v>
      </c>
      <c r="C58" s="14">
        <v>7</v>
      </c>
      <c r="D58" s="18">
        <v>14</v>
      </c>
    </row>
    <row r="59" spans="1:4" ht="18" customHeight="1" x14ac:dyDescent="0.15">
      <c r="A59" s="5" t="s">
        <v>21</v>
      </c>
      <c r="B59" s="22">
        <v>66</v>
      </c>
      <c r="C59" s="14">
        <v>51</v>
      </c>
      <c r="D59" s="18">
        <v>117</v>
      </c>
    </row>
    <row r="60" spans="1:4" ht="18" customHeight="1" x14ac:dyDescent="0.15">
      <c r="A60" s="5">
        <v>45</v>
      </c>
      <c r="B60" s="22">
        <v>12</v>
      </c>
      <c r="C60" s="14">
        <v>9</v>
      </c>
      <c r="D60" s="18">
        <v>21</v>
      </c>
    </row>
    <row r="61" spans="1:4" ht="18" customHeight="1" x14ac:dyDescent="0.15">
      <c r="A61" s="5">
        <v>46</v>
      </c>
      <c r="B61" s="22">
        <v>8</v>
      </c>
      <c r="C61" s="14">
        <v>9</v>
      </c>
      <c r="D61" s="18">
        <v>17</v>
      </c>
    </row>
    <row r="62" spans="1:4" ht="18" customHeight="1" x14ac:dyDescent="0.15">
      <c r="A62" s="5">
        <v>47</v>
      </c>
      <c r="B62" s="22">
        <v>10</v>
      </c>
      <c r="C62" s="14">
        <v>12</v>
      </c>
      <c r="D62" s="18">
        <v>22</v>
      </c>
    </row>
    <row r="63" spans="1:4" ht="18" customHeight="1" x14ac:dyDescent="0.15">
      <c r="A63" s="5">
        <v>48</v>
      </c>
      <c r="B63" s="22">
        <v>14</v>
      </c>
      <c r="C63" s="14">
        <v>16</v>
      </c>
      <c r="D63" s="18">
        <v>30</v>
      </c>
    </row>
    <row r="64" spans="1:4" ht="18" customHeight="1" x14ac:dyDescent="0.15">
      <c r="A64" s="5">
        <v>49</v>
      </c>
      <c r="B64" s="22">
        <v>15</v>
      </c>
      <c r="C64" s="14">
        <v>9</v>
      </c>
      <c r="D64" s="18">
        <v>24</v>
      </c>
    </row>
    <row r="65" spans="1:4" ht="18" customHeight="1" x14ac:dyDescent="0.15">
      <c r="A65" s="5" t="s">
        <v>17</v>
      </c>
      <c r="B65" s="22">
        <v>59</v>
      </c>
      <c r="C65" s="14">
        <v>55</v>
      </c>
      <c r="D65" s="18">
        <v>114</v>
      </c>
    </row>
    <row r="66" spans="1:4" ht="18" customHeight="1" x14ac:dyDescent="0.15">
      <c r="A66" s="5">
        <v>50</v>
      </c>
      <c r="B66" s="22">
        <v>20</v>
      </c>
      <c r="C66" s="14">
        <v>17</v>
      </c>
      <c r="D66" s="18">
        <v>37</v>
      </c>
    </row>
    <row r="67" spans="1:4" ht="18" customHeight="1" x14ac:dyDescent="0.15">
      <c r="A67" s="5">
        <v>51</v>
      </c>
      <c r="B67" s="22">
        <v>12</v>
      </c>
      <c r="C67" s="14">
        <v>16</v>
      </c>
      <c r="D67" s="18">
        <v>28</v>
      </c>
    </row>
    <row r="68" spans="1:4" ht="18" customHeight="1" x14ac:dyDescent="0.15">
      <c r="A68" s="5">
        <v>52</v>
      </c>
      <c r="B68" s="22">
        <v>15</v>
      </c>
      <c r="C68" s="14">
        <v>16</v>
      </c>
      <c r="D68" s="18">
        <v>31</v>
      </c>
    </row>
    <row r="69" spans="1:4" ht="18" customHeight="1" x14ac:dyDescent="0.15">
      <c r="A69" s="5">
        <v>53</v>
      </c>
      <c r="B69" s="22">
        <v>15</v>
      </c>
      <c r="C69" s="14">
        <v>22</v>
      </c>
      <c r="D69" s="18">
        <v>37</v>
      </c>
    </row>
    <row r="70" spans="1:4" ht="18" customHeight="1" x14ac:dyDescent="0.15">
      <c r="A70" s="5">
        <v>54</v>
      </c>
      <c r="B70" s="22">
        <v>27</v>
      </c>
      <c r="C70" s="14">
        <v>19</v>
      </c>
      <c r="D70" s="18">
        <v>46</v>
      </c>
    </row>
    <row r="71" spans="1:4" ht="18" customHeight="1" x14ac:dyDescent="0.15">
      <c r="A71" s="5" t="s">
        <v>22</v>
      </c>
      <c r="B71" s="22">
        <v>89</v>
      </c>
      <c r="C71" s="14">
        <v>90</v>
      </c>
      <c r="D71" s="18">
        <v>179</v>
      </c>
    </row>
    <row r="72" spans="1:4" ht="18" customHeight="1" x14ac:dyDescent="0.15">
      <c r="A72" s="5">
        <v>55</v>
      </c>
      <c r="B72" s="22">
        <v>28</v>
      </c>
      <c r="C72" s="14">
        <v>19</v>
      </c>
      <c r="D72" s="18">
        <v>47</v>
      </c>
    </row>
    <row r="73" spans="1:4" ht="18" customHeight="1" x14ac:dyDescent="0.15">
      <c r="A73" s="5">
        <v>56</v>
      </c>
      <c r="B73" s="22">
        <v>17</v>
      </c>
      <c r="C73" s="14">
        <v>22</v>
      </c>
      <c r="D73" s="18">
        <v>39</v>
      </c>
    </row>
    <row r="74" spans="1:4" ht="18" customHeight="1" x14ac:dyDescent="0.15">
      <c r="A74" s="5">
        <v>57</v>
      </c>
      <c r="B74" s="22">
        <v>18</v>
      </c>
      <c r="C74" s="14">
        <v>20</v>
      </c>
      <c r="D74" s="18">
        <v>38</v>
      </c>
    </row>
    <row r="75" spans="1:4" ht="18" customHeight="1" x14ac:dyDescent="0.15">
      <c r="A75" s="5">
        <v>58</v>
      </c>
      <c r="B75" s="22">
        <v>11</v>
      </c>
      <c r="C75" s="14">
        <v>17</v>
      </c>
      <c r="D75" s="18">
        <v>28</v>
      </c>
    </row>
    <row r="76" spans="1:4" ht="18" customHeight="1" x14ac:dyDescent="0.15">
      <c r="A76" s="5">
        <v>59</v>
      </c>
      <c r="B76" s="22">
        <v>15</v>
      </c>
      <c r="C76" s="14">
        <v>15</v>
      </c>
      <c r="D76" s="18">
        <v>30</v>
      </c>
    </row>
    <row r="77" spans="1:4" ht="18" customHeight="1" x14ac:dyDescent="0.15">
      <c r="A77" s="5" t="s">
        <v>27</v>
      </c>
      <c r="B77" s="22">
        <v>89</v>
      </c>
      <c r="C77" s="14">
        <v>93</v>
      </c>
      <c r="D77" s="18">
        <v>182</v>
      </c>
    </row>
    <row r="78" spans="1:4" ht="18" customHeight="1" x14ac:dyDescent="0.15">
      <c r="A78" s="5">
        <v>60</v>
      </c>
      <c r="B78" s="22">
        <v>13</v>
      </c>
      <c r="C78" s="14">
        <v>11</v>
      </c>
      <c r="D78" s="18">
        <v>24</v>
      </c>
    </row>
    <row r="79" spans="1:4" ht="18" customHeight="1" x14ac:dyDescent="0.15">
      <c r="A79" s="5">
        <v>61</v>
      </c>
      <c r="B79" s="22">
        <v>17</v>
      </c>
      <c r="C79" s="14">
        <v>18</v>
      </c>
      <c r="D79" s="18">
        <v>35</v>
      </c>
    </row>
    <row r="80" spans="1:4" ht="18" customHeight="1" x14ac:dyDescent="0.15">
      <c r="A80" s="5">
        <v>62</v>
      </c>
      <c r="B80" s="22">
        <v>16</v>
      </c>
      <c r="C80" s="14">
        <v>20</v>
      </c>
      <c r="D80" s="18">
        <v>36</v>
      </c>
    </row>
    <row r="81" spans="1:4" ht="18" customHeight="1" x14ac:dyDescent="0.15">
      <c r="A81" s="5">
        <v>63</v>
      </c>
      <c r="B81" s="22">
        <v>11</v>
      </c>
      <c r="C81" s="14">
        <v>8</v>
      </c>
      <c r="D81" s="18">
        <v>19</v>
      </c>
    </row>
    <row r="82" spans="1:4" ht="18" customHeight="1" x14ac:dyDescent="0.15">
      <c r="A82" s="5">
        <v>64</v>
      </c>
      <c r="B82" s="22">
        <v>20</v>
      </c>
      <c r="C82" s="14">
        <v>11</v>
      </c>
      <c r="D82" s="18">
        <v>31</v>
      </c>
    </row>
    <row r="83" spans="1:4" ht="18" customHeight="1" x14ac:dyDescent="0.15">
      <c r="A83" s="5" t="s">
        <v>28</v>
      </c>
      <c r="B83" s="22">
        <v>77</v>
      </c>
      <c r="C83" s="14">
        <v>68</v>
      </c>
      <c r="D83" s="18">
        <v>145</v>
      </c>
    </row>
    <row r="84" spans="1:4" ht="18" customHeight="1" x14ac:dyDescent="0.15">
      <c r="A84" s="5" t="s">
        <v>31</v>
      </c>
      <c r="B84" s="22">
        <v>579</v>
      </c>
      <c r="C84" s="14">
        <v>528</v>
      </c>
      <c r="D84" s="18">
        <v>1107</v>
      </c>
    </row>
    <row r="85" spans="1:4" ht="18" customHeight="1" x14ac:dyDescent="0.15">
      <c r="A85" s="5">
        <v>65</v>
      </c>
      <c r="B85" s="22">
        <v>17</v>
      </c>
      <c r="C85" s="14">
        <v>11</v>
      </c>
      <c r="D85" s="18">
        <v>28</v>
      </c>
    </row>
    <row r="86" spans="1:4" ht="18" customHeight="1" x14ac:dyDescent="0.15">
      <c r="A86" s="5">
        <v>66</v>
      </c>
      <c r="B86" s="22">
        <v>18</v>
      </c>
      <c r="C86" s="14">
        <v>14</v>
      </c>
      <c r="D86" s="18">
        <v>32</v>
      </c>
    </row>
    <row r="87" spans="1:4" ht="18" customHeight="1" x14ac:dyDescent="0.15">
      <c r="A87" s="5">
        <v>67</v>
      </c>
      <c r="B87" s="22">
        <v>13</v>
      </c>
      <c r="C87" s="14">
        <v>28</v>
      </c>
      <c r="D87" s="18">
        <v>41</v>
      </c>
    </row>
    <row r="88" spans="1:4" ht="18" customHeight="1" x14ac:dyDescent="0.15">
      <c r="A88" s="5">
        <v>68</v>
      </c>
      <c r="B88" s="22">
        <v>21</v>
      </c>
      <c r="C88" s="14">
        <v>14</v>
      </c>
      <c r="D88" s="18">
        <v>35</v>
      </c>
    </row>
    <row r="89" spans="1:4" ht="18" customHeight="1" x14ac:dyDescent="0.15">
      <c r="A89" s="5">
        <v>69</v>
      </c>
      <c r="B89" s="22">
        <v>21</v>
      </c>
      <c r="C89" s="14">
        <v>24</v>
      </c>
      <c r="D89" s="18">
        <v>45</v>
      </c>
    </row>
    <row r="90" spans="1:4" ht="18" customHeight="1" x14ac:dyDescent="0.15">
      <c r="A90" s="5" t="s">
        <v>20</v>
      </c>
      <c r="B90" s="22">
        <v>90</v>
      </c>
      <c r="C90" s="14">
        <v>91</v>
      </c>
      <c r="D90" s="18">
        <v>181</v>
      </c>
    </row>
    <row r="91" spans="1:4" ht="18" customHeight="1" x14ac:dyDescent="0.15">
      <c r="A91" s="5">
        <v>70</v>
      </c>
      <c r="B91" s="22">
        <v>10</v>
      </c>
      <c r="C91" s="14">
        <v>17</v>
      </c>
      <c r="D91" s="18">
        <v>27</v>
      </c>
    </row>
    <row r="92" spans="1:4" ht="18" customHeight="1" x14ac:dyDescent="0.15">
      <c r="A92" s="5">
        <v>71</v>
      </c>
      <c r="B92" s="22">
        <v>9</v>
      </c>
      <c r="C92" s="14">
        <v>18</v>
      </c>
      <c r="D92" s="18">
        <v>27</v>
      </c>
    </row>
    <row r="93" spans="1:4" ht="18" customHeight="1" x14ac:dyDescent="0.15">
      <c r="A93" s="5">
        <v>72</v>
      </c>
      <c r="B93" s="22">
        <v>13</v>
      </c>
      <c r="C93" s="14">
        <v>21</v>
      </c>
      <c r="D93" s="18">
        <v>34</v>
      </c>
    </row>
    <row r="94" spans="1:4" ht="18" customHeight="1" x14ac:dyDescent="0.15">
      <c r="A94" s="5">
        <v>73</v>
      </c>
      <c r="B94" s="22">
        <v>16</v>
      </c>
      <c r="C94" s="14">
        <v>27</v>
      </c>
      <c r="D94" s="18">
        <v>43</v>
      </c>
    </row>
    <row r="95" spans="1:4" ht="18" customHeight="1" x14ac:dyDescent="0.15">
      <c r="A95" s="5">
        <v>74</v>
      </c>
      <c r="B95" s="22">
        <v>23</v>
      </c>
      <c r="C95" s="14">
        <v>20</v>
      </c>
      <c r="D95" s="18">
        <v>43</v>
      </c>
    </row>
    <row r="96" spans="1:4" ht="18" customHeight="1" x14ac:dyDescent="0.15">
      <c r="A96" s="5" t="s">
        <v>33</v>
      </c>
      <c r="B96" s="22">
        <v>71</v>
      </c>
      <c r="C96" s="14">
        <v>103</v>
      </c>
      <c r="D96" s="18">
        <v>174</v>
      </c>
    </row>
    <row r="97" spans="1:4" ht="18" customHeight="1" x14ac:dyDescent="0.15">
      <c r="A97" s="5">
        <v>75</v>
      </c>
      <c r="B97" s="22">
        <v>23</v>
      </c>
      <c r="C97" s="14">
        <v>27</v>
      </c>
      <c r="D97" s="18">
        <v>50</v>
      </c>
    </row>
    <row r="98" spans="1:4" ht="18" customHeight="1" x14ac:dyDescent="0.15">
      <c r="A98" s="5">
        <v>76</v>
      </c>
      <c r="B98" s="22">
        <v>25</v>
      </c>
      <c r="C98" s="14">
        <v>35</v>
      </c>
      <c r="D98" s="18">
        <v>60</v>
      </c>
    </row>
    <row r="99" spans="1:4" ht="18" customHeight="1" x14ac:dyDescent="0.15">
      <c r="A99" s="5">
        <v>77</v>
      </c>
      <c r="B99" s="22">
        <v>24</v>
      </c>
      <c r="C99" s="14">
        <v>27</v>
      </c>
      <c r="D99" s="18">
        <v>51</v>
      </c>
    </row>
    <row r="100" spans="1:4" ht="18" customHeight="1" x14ac:dyDescent="0.15">
      <c r="A100" s="5">
        <v>78</v>
      </c>
      <c r="B100" s="22">
        <v>36</v>
      </c>
      <c r="C100" s="14">
        <v>24</v>
      </c>
      <c r="D100" s="18">
        <v>60</v>
      </c>
    </row>
    <row r="101" spans="1:4" ht="18" customHeight="1" x14ac:dyDescent="0.15">
      <c r="A101" s="5">
        <v>79</v>
      </c>
      <c r="B101" s="22">
        <v>25</v>
      </c>
      <c r="C101" s="14">
        <v>26</v>
      </c>
      <c r="D101" s="18">
        <v>51</v>
      </c>
    </row>
    <row r="102" spans="1:4" ht="18" customHeight="1" x14ac:dyDescent="0.15">
      <c r="A102" s="5" t="s">
        <v>0</v>
      </c>
      <c r="B102" s="22">
        <v>133</v>
      </c>
      <c r="C102" s="14">
        <v>139</v>
      </c>
      <c r="D102" s="18">
        <v>272</v>
      </c>
    </row>
    <row r="103" spans="1:4" ht="18" customHeight="1" x14ac:dyDescent="0.15">
      <c r="A103" s="5">
        <v>80</v>
      </c>
      <c r="B103" s="22">
        <v>8</v>
      </c>
      <c r="C103" s="14">
        <v>11</v>
      </c>
      <c r="D103" s="18">
        <v>19</v>
      </c>
    </row>
    <row r="104" spans="1:4" ht="18" customHeight="1" x14ac:dyDescent="0.15">
      <c r="A104" s="5">
        <v>81</v>
      </c>
      <c r="B104" s="22">
        <v>17</v>
      </c>
      <c r="C104" s="14">
        <v>22</v>
      </c>
      <c r="D104" s="18">
        <v>39</v>
      </c>
    </row>
    <row r="105" spans="1:4" ht="18" customHeight="1" x14ac:dyDescent="0.15">
      <c r="A105" s="5">
        <v>82</v>
      </c>
      <c r="B105" s="22">
        <v>13</v>
      </c>
      <c r="C105" s="14">
        <v>22</v>
      </c>
      <c r="D105" s="18">
        <v>35</v>
      </c>
    </row>
    <row r="106" spans="1:4" ht="18" customHeight="1" x14ac:dyDescent="0.15">
      <c r="A106" s="5">
        <v>83</v>
      </c>
      <c r="B106" s="22">
        <v>14</v>
      </c>
      <c r="C106" s="14">
        <v>27</v>
      </c>
      <c r="D106" s="18">
        <v>41</v>
      </c>
    </row>
    <row r="107" spans="1:4" ht="18" customHeight="1" x14ac:dyDescent="0.15">
      <c r="A107" s="5">
        <v>84</v>
      </c>
      <c r="B107" s="22">
        <v>14</v>
      </c>
      <c r="C107" s="14">
        <v>14</v>
      </c>
      <c r="D107" s="18">
        <v>28</v>
      </c>
    </row>
    <row r="108" spans="1:4" ht="18" customHeight="1" x14ac:dyDescent="0.15">
      <c r="A108" s="5" t="s">
        <v>35</v>
      </c>
      <c r="B108" s="22">
        <v>66</v>
      </c>
      <c r="C108" s="14">
        <v>96</v>
      </c>
      <c r="D108" s="18">
        <v>162</v>
      </c>
    </row>
    <row r="109" spans="1:4" ht="18" customHeight="1" x14ac:dyDescent="0.15">
      <c r="A109" s="5">
        <v>85</v>
      </c>
      <c r="B109" s="22">
        <v>8</v>
      </c>
      <c r="C109" s="14">
        <v>24</v>
      </c>
      <c r="D109" s="18">
        <v>32</v>
      </c>
    </row>
    <row r="110" spans="1:4" ht="18" customHeight="1" x14ac:dyDescent="0.15">
      <c r="A110" s="5">
        <v>86</v>
      </c>
      <c r="B110" s="22">
        <v>7</v>
      </c>
      <c r="C110" s="14">
        <v>13</v>
      </c>
      <c r="D110" s="18">
        <v>20</v>
      </c>
    </row>
    <row r="111" spans="1:4" ht="18" customHeight="1" x14ac:dyDescent="0.15">
      <c r="A111" s="5">
        <v>87</v>
      </c>
      <c r="B111" s="22">
        <v>10</v>
      </c>
      <c r="C111" s="14">
        <v>11</v>
      </c>
      <c r="D111" s="18">
        <v>21</v>
      </c>
    </row>
    <row r="112" spans="1:4" ht="18" customHeight="1" x14ac:dyDescent="0.15">
      <c r="A112" s="5">
        <v>88</v>
      </c>
      <c r="B112" s="22">
        <v>4</v>
      </c>
      <c r="C112" s="14">
        <v>20</v>
      </c>
      <c r="D112" s="18">
        <v>24</v>
      </c>
    </row>
    <row r="113" spans="1:4" ht="18" customHeight="1" x14ac:dyDescent="0.15">
      <c r="A113" s="5">
        <v>89</v>
      </c>
      <c r="B113" s="22">
        <v>5</v>
      </c>
      <c r="C113" s="14">
        <v>15</v>
      </c>
      <c r="D113" s="18">
        <v>20</v>
      </c>
    </row>
    <row r="114" spans="1:4" ht="18" customHeight="1" x14ac:dyDescent="0.15">
      <c r="A114" s="5" t="s">
        <v>37</v>
      </c>
      <c r="B114" s="22">
        <v>34</v>
      </c>
      <c r="C114" s="14">
        <v>83</v>
      </c>
      <c r="D114" s="18">
        <v>117</v>
      </c>
    </row>
    <row r="115" spans="1:4" ht="18" customHeight="1" x14ac:dyDescent="0.15">
      <c r="A115" s="5">
        <v>90</v>
      </c>
      <c r="B115" s="22">
        <v>5</v>
      </c>
      <c r="C115" s="14">
        <v>12</v>
      </c>
      <c r="D115" s="18">
        <v>17</v>
      </c>
    </row>
    <row r="116" spans="1:4" ht="18" customHeight="1" x14ac:dyDescent="0.15">
      <c r="A116" s="5">
        <v>91</v>
      </c>
      <c r="B116" s="22">
        <v>5</v>
      </c>
      <c r="C116" s="14">
        <v>12</v>
      </c>
      <c r="D116" s="18">
        <v>17</v>
      </c>
    </row>
    <row r="117" spans="1:4" ht="18" customHeight="1" x14ac:dyDescent="0.15">
      <c r="A117" s="5">
        <v>92</v>
      </c>
      <c r="B117" s="22">
        <v>6</v>
      </c>
      <c r="C117" s="14">
        <v>13</v>
      </c>
      <c r="D117" s="18">
        <v>19</v>
      </c>
    </row>
    <row r="118" spans="1:4" ht="18" customHeight="1" x14ac:dyDescent="0.15">
      <c r="A118" s="5">
        <v>93</v>
      </c>
      <c r="B118" s="22">
        <v>3</v>
      </c>
      <c r="C118" s="14">
        <v>8</v>
      </c>
      <c r="D118" s="18">
        <v>11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19</v>
      </c>
      <c r="C120" s="14">
        <v>51</v>
      </c>
      <c r="D120" s="18">
        <v>70</v>
      </c>
    </row>
    <row r="121" spans="1:4" ht="18" customHeight="1" x14ac:dyDescent="0.15">
      <c r="A121" s="5">
        <v>95</v>
      </c>
      <c r="B121" s="22">
        <v>2</v>
      </c>
      <c r="C121" s="14">
        <v>5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6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23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17</v>
      </c>
      <c r="C130" s="14">
        <v>588</v>
      </c>
      <c r="D130" s="18">
        <v>1005</v>
      </c>
    </row>
    <row r="131" spans="1:4" ht="18" customHeight="1" x14ac:dyDescent="0.15">
      <c r="A131" s="7" t="s">
        <v>45</v>
      </c>
      <c r="B131" s="23">
        <v>1077</v>
      </c>
      <c r="C131" s="15">
        <v>1197</v>
      </c>
      <c r="D131" s="19">
        <v>22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6</v>
      </c>
      <c r="D5" s="17">
        <v>13</v>
      </c>
    </row>
    <row r="6" spans="1:4" ht="18" customHeight="1" x14ac:dyDescent="0.15">
      <c r="A6" s="5">
        <v>1</v>
      </c>
      <c r="B6" s="22">
        <v>4</v>
      </c>
      <c r="C6" s="14">
        <v>9</v>
      </c>
      <c r="D6" s="18">
        <v>13</v>
      </c>
    </row>
    <row r="7" spans="1:4" ht="18" customHeight="1" x14ac:dyDescent="0.15">
      <c r="A7" s="5">
        <v>2</v>
      </c>
      <c r="B7" s="22">
        <v>8</v>
      </c>
      <c r="C7" s="14">
        <v>11</v>
      </c>
      <c r="D7" s="18">
        <v>19</v>
      </c>
    </row>
    <row r="8" spans="1:4" ht="18" customHeight="1" x14ac:dyDescent="0.15">
      <c r="A8" s="5">
        <v>3</v>
      </c>
      <c r="B8" s="22">
        <v>8</v>
      </c>
      <c r="C8" s="14">
        <v>10</v>
      </c>
      <c r="D8" s="18">
        <v>18</v>
      </c>
    </row>
    <row r="9" spans="1:4" ht="18" customHeight="1" x14ac:dyDescent="0.15">
      <c r="A9" s="5">
        <v>4</v>
      </c>
      <c r="B9" s="22">
        <v>10</v>
      </c>
      <c r="C9" s="14">
        <v>12</v>
      </c>
      <c r="D9" s="18">
        <v>22</v>
      </c>
    </row>
    <row r="10" spans="1:4" ht="18" customHeight="1" x14ac:dyDescent="0.15">
      <c r="A10" s="5" t="s">
        <v>7</v>
      </c>
      <c r="B10" s="22">
        <v>37</v>
      </c>
      <c r="C10" s="14">
        <v>48</v>
      </c>
      <c r="D10" s="18">
        <v>85</v>
      </c>
    </row>
    <row r="11" spans="1:4" ht="18" customHeight="1" x14ac:dyDescent="0.15">
      <c r="A11" s="5">
        <v>5</v>
      </c>
      <c r="B11" s="22">
        <v>6</v>
      </c>
      <c r="C11" s="14">
        <v>9</v>
      </c>
      <c r="D11" s="18">
        <v>15</v>
      </c>
    </row>
    <row r="12" spans="1:4" ht="18" customHeight="1" x14ac:dyDescent="0.15">
      <c r="A12" s="5">
        <v>6</v>
      </c>
      <c r="B12" s="22">
        <v>14</v>
      </c>
      <c r="C12" s="14">
        <v>14</v>
      </c>
      <c r="D12" s="18">
        <v>28</v>
      </c>
    </row>
    <row r="13" spans="1:4" ht="18" customHeight="1" x14ac:dyDescent="0.15">
      <c r="A13" s="5">
        <v>7</v>
      </c>
      <c r="B13" s="22">
        <v>15</v>
      </c>
      <c r="C13" s="14">
        <v>7</v>
      </c>
      <c r="D13" s="18">
        <v>22</v>
      </c>
    </row>
    <row r="14" spans="1:4" ht="18" customHeight="1" x14ac:dyDescent="0.15">
      <c r="A14" s="5">
        <v>8</v>
      </c>
      <c r="B14" s="22">
        <v>13</v>
      </c>
      <c r="C14" s="14">
        <v>15</v>
      </c>
      <c r="D14" s="18">
        <v>28</v>
      </c>
    </row>
    <row r="15" spans="1:4" ht="18" customHeight="1" x14ac:dyDescent="0.15">
      <c r="A15" s="5">
        <v>9</v>
      </c>
      <c r="B15" s="22">
        <v>15</v>
      </c>
      <c r="C15" s="14">
        <v>14</v>
      </c>
      <c r="D15" s="18">
        <v>29</v>
      </c>
    </row>
    <row r="16" spans="1:4" ht="18" customHeight="1" x14ac:dyDescent="0.15">
      <c r="A16" s="5" t="s">
        <v>11</v>
      </c>
      <c r="B16" s="22">
        <v>63</v>
      </c>
      <c r="C16" s="14">
        <v>59</v>
      </c>
      <c r="D16" s="18">
        <v>122</v>
      </c>
    </row>
    <row r="17" spans="1:4" ht="18" customHeight="1" x14ac:dyDescent="0.15">
      <c r="A17" s="5">
        <v>10</v>
      </c>
      <c r="B17" s="22">
        <v>10</v>
      </c>
      <c r="C17" s="14">
        <v>11</v>
      </c>
      <c r="D17" s="18">
        <v>21</v>
      </c>
    </row>
    <row r="18" spans="1:4" ht="18" customHeight="1" x14ac:dyDescent="0.15">
      <c r="A18" s="5">
        <v>11</v>
      </c>
      <c r="B18" s="22">
        <v>8</v>
      </c>
      <c r="C18" s="14">
        <v>12</v>
      </c>
      <c r="D18" s="18">
        <v>20</v>
      </c>
    </row>
    <row r="19" spans="1:4" ht="18" customHeight="1" x14ac:dyDescent="0.15">
      <c r="A19" s="5">
        <v>12</v>
      </c>
      <c r="B19" s="22">
        <v>11</v>
      </c>
      <c r="C19" s="14">
        <v>8</v>
      </c>
      <c r="D19" s="18">
        <v>19</v>
      </c>
    </row>
    <row r="20" spans="1:4" ht="18" customHeight="1" x14ac:dyDescent="0.15">
      <c r="A20" s="5">
        <v>13</v>
      </c>
      <c r="B20" s="22">
        <v>9</v>
      </c>
      <c r="C20" s="14">
        <v>7</v>
      </c>
      <c r="D20" s="18">
        <v>16</v>
      </c>
    </row>
    <row r="21" spans="1:4" ht="18" customHeight="1" x14ac:dyDescent="0.15">
      <c r="A21" s="5">
        <v>14</v>
      </c>
      <c r="B21" s="22">
        <v>11</v>
      </c>
      <c r="C21" s="14">
        <v>11</v>
      </c>
      <c r="D21" s="18">
        <v>22</v>
      </c>
    </row>
    <row r="22" spans="1:4" ht="18" customHeight="1" x14ac:dyDescent="0.15">
      <c r="A22" s="5" t="s">
        <v>12</v>
      </c>
      <c r="B22" s="22">
        <v>49</v>
      </c>
      <c r="C22" s="14">
        <v>49</v>
      </c>
      <c r="D22" s="18">
        <v>98</v>
      </c>
    </row>
    <row r="23" spans="1:4" ht="18" customHeight="1" x14ac:dyDescent="0.15">
      <c r="A23" s="5" t="s">
        <v>6</v>
      </c>
      <c r="B23" s="22">
        <v>149</v>
      </c>
      <c r="C23" s="14">
        <v>156</v>
      </c>
      <c r="D23" s="18">
        <v>305</v>
      </c>
    </row>
    <row r="24" spans="1:4" ht="18" customHeight="1" x14ac:dyDescent="0.15">
      <c r="A24" s="5">
        <v>15</v>
      </c>
      <c r="B24" s="22">
        <v>19</v>
      </c>
      <c r="C24" s="14">
        <v>7</v>
      </c>
      <c r="D24" s="18">
        <v>26</v>
      </c>
    </row>
    <row r="25" spans="1:4" ht="18" customHeight="1" x14ac:dyDescent="0.15">
      <c r="A25" s="5">
        <v>16</v>
      </c>
      <c r="B25" s="22">
        <v>7</v>
      </c>
      <c r="C25" s="14">
        <v>14</v>
      </c>
      <c r="D25" s="18">
        <v>21</v>
      </c>
    </row>
    <row r="26" spans="1:4" ht="18" customHeight="1" x14ac:dyDescent="0.15">
      <c r="A26" s="5">
        <v>17</v>
      </c>
      <c r="B26" s="22">
        <v>14</v>
      </c>
      <c r="C26" s="14">
        <v>7</v>
      </c>
      <c r="D26" s="18">
        <v>21</v>
      </c>
    </row>
    <row r="27" spans="1:4" ht="18" customHeight="1" x14ac:dyDescent="0.15">
      <c r="A27" s="5">
        <v>18</v>
      </c>
      <c r="B27" s="22">
        <v>10</v>
      </c>
      <c r="C27" s="14">
        <v>16</v>
      </c>
      <c r="D27" s="18">
        <v>26</v>
      </c>
    </row>
    <row r="28" spans="1:4" ht="18" customHeight="1" x14ac:dyDescent="0.15">
      <c r="A28" s="5">
        <v>19</v>
      </c>
      <c r="B28" s="22">
        <v>11</v>
      </c>
      <c r="C28" s="14">
        <v>6</v>
      </c>
      <c r="D28" s="18">
        <v>17</v>
      </c>
    </row>
    <row r="29" spans="1:4" ht="18" customHeight="1" x14ac:dyDescent="0.15">
      <c r="A29" s="5" t="s">
        <v>14</v>
      </c>
      <c r="B29" s="22">
        <v>61</v>
      </c>
      <c r="C29" s="14">
        <v>50</v>
      </c>
      <c r="D29" s="18">
        <v>111</v>
      </c>
    </row>
    <row r="30" spans="1:4" ht="18" customHeight="1" x14ac:dyDescent="0.15">
      <c r="A30" s="5">
        <v>20</v>
      </c>
      <c r="B30" s="22">
        <v>7</v>
      </c>
      <c r="C30" s="14">
        <v>13</v>
      </c>
      <c r="D30" s="18">
        <v>20</v>
      </c>
    </row>
    <row r="31" spans="1:4" ht="18" customHeight="1" x14ac:dyDescent="0.15">
      <c r="A31" s="5">
        <v>21</v>
      </c>
      <c r="B31" s="22">
        <v>13</v>
      </c>
      <c r="C31" s="14">
        <v>11</v>
      </c>
      <c r="D31" s="18">
        <v>24</v>
      </c>
    </row>
    <row r="32" spans="1:4" ht="18" customHeight="1" x14ac:dyDescent="0.15">
      <c r="A32" s="5">
        <v>22</v>
      </c>
      <c r="B32" s="22">
        <v>9</v>
      </c>
      <c r="C32" s="14">
        <v>15</v>
      </c>
      <c r="D32" s="18">
        <v>24</v>
      </c>
    </row>
    <row r="33" spans="1:4" ht="18" customHeight="1" x14ac:dyDescent="0.15">
      <c r="A33" s="5">
        <v>23</v>
      </c>
      <c r="B33" s="22">
        <v>16</v>
      </c>
      <c r="C33" s="14">
        <v>11</v>
      </c>
      <c r="D33" s="18">
        <v>27</v>
      </c>
    </row>
    <row r="34" spans="1:4" ht="18" customHeight="1" x14ac:dyDescent="0.15">
      <c r="A34" s="5">
        <v>24</v>
      </c>
      <c r="B34" s="22">
        <v>13</v>
      </c>
      <c r="C34" s="14">
        <v>7</v>
      </c>
      <c r="D34" s="18">
        <v>20</v>
      </c>
    </row>
    <row r="35" spans="1:4" ht="18" customHeight="1" x14ac:dyDescent="0.15">
      <c r="A35" s="5" t="s">
        <v>9</v>
      </c>
      <c r="B35" s="22">
        <v>58</v>
      </c>
      <c r="C35" s="14">
        <v>57</v>
      </c>
      <c r="D35" s="18">
        <v>115</v>
      </c>
    </row>
    <row r="36" spans="1:4" ht="18" customHeight="1" x14ac:dyDescent="0.15">
      <c r="A36" s="5">
        <v>25</v>
      </c>
      <c r="B36" s="22">
        <v>14</v>
      </c>
      <c r="C36" s="14">
        <v>15</v>
      </c>
      <c r="D36" s="18">
        <v>29</v>
      </c>
    </row>
    <row r="37" spans="1:4" ht="18" customHeight="1" x14ac:dyDescent="0.15">
      <c r="A37" s="5">
        <v>26</v>
      </c>
      <c r="B37" s="22">
        <v>17</v>
      </c>
      <c r="C37" s="14">
        <v>6</v>
      </c>
      <c r="D37" s="18">
        <v>23</v>
      </c>
    </row>
    <row r="38" spans="1:4" ht="18" customHeight="1" x14ac:dyDescent="0.15">
      <c r="A38" s="5">
        <v>27</v>
      </c>
      <c r="B38" s="22">
        <v>17</v>
      </c>
      <c r="C38" s="14">
        <v>11</v>
      </c>
      <c r="D38" s="18">
        <v>28</v>
      </c>
    </row>
    <row r="39" spans="1:4" ht="18" customHeight="1" x14ac:dyDescent="0.15">
      <c r="A39" s="5">
        <v>28</v>
      </c>
      <c r="B39" s="22">
        <v>8</v>
      </c>
      <c r="C39" s="14">
        <v>11</v>
      </c>
      <c r="D39" s="18">
        <v>19</v>
      </c>
    </row>
    <row r="40" spans="1:4" ht="18" customHeight="1" x14ac:dyDescent="0.15">
      <c r="A40" s="5">
        <v>29</v>
      </c>
      <c r="B40" s="22">
        <v>9</v>
      </c>
      <c r="C40" s="14">
        <v>3</v>
      </c>
      <c r="D40" s="18">
        <v>12</v>
      </c>
    </row>
    <row r="41" spans="1:4" ht="18" customHeight="1" x14ac:dyDescent="0.15">
      <c r="A41" s="5" t="s">
        <v>2</v>
      </c>
      <c r="B41" s="22">
        <v>65</v>
      </c>
      <c r="C41" s="14">
        <v>46</v>
      </c>
      <c r="D41" s="18">
        <v>111</v>
      </c>
    </row>
    <row r="42" spans="1:4" ht="18" customHeight="1" x14ac:dyDescent="0.15">
      <c r="A42" s="5">
        <v>30</v>
      </c>
      <c r="B42" s="22">
        <v>15</v>
      </c>
      <c r="C42" s="14">
        <v>13</v>
      </c>
      <c r="D42" s="18">
        <v>28</v>
      </c>
    </row>
    <row r="43" spans="1:4" ht="18" customHeight="1" x14ac:dyDescent="0.15">
      <c r="A43" s="5">
        <v>31</v>
      </c>
      <c r="B43" s="22">
        <v>9</v>
      </c>
      <c r="C43" s="14">
        <v>10</v>
      </c>
      <c r="D43" s="18">
        <v>19</v>
      </c>
    </row>
    <row r="44" spans="1:4" ht="18" customHeight="1" x14ac:dyDescent="0.15">
      <c r="A44" s="5">
        <v>32</v>
      </c>
      <c r="B44" s="22">
        <v>18</v>
      </c>
      <c r="C44" s="14">
        <v>10</v>
      </c>
      <c r="D44" s="18">
        <v>28</v>
      </c>
    </row>
    <row r="45" spans="1:4" ht="18" customHeight="1" x14ac:dyDescent="0.15">
      <c r="A45" s="5">
        <v>33</v>
      </c>
      <c r="B45" s="22">
        <v>13</v>
      </c>
      <c r="C45" s="14">
        <v>18</v>
      </c>
      <c r="D45" s="18">
        <v>31</v>
      </c>
    </row>
    <row r="46" spans="1:4" ht="18" customHeight="1" x14ac:dyDescent="0.15">
      <c r="A46" s="5">
        <v>34</v>
      </c>
      <c r="B46" s="22">
        <v>16</v>
      </c>
      <c r="C46" s="14">
        <v>15</v>
      </c>
      <c r="D46" s="18">
        <v>31</v>
      </c>
    </row>
    <row r="47" spans="1:4" ht="18" customHeight="1" x14ac:dyDescent="0.15">
      <c r="A47" s="5" t="s">
        <v>15</v>
      </c>
      <c r="B47" s="22">
        <v>71</v>
      </c>
      <c r="C47" s="14">
        <v>66</v>
      </c>
      <c r="D47" s="18">
        <v>137</v>
      </c>
    </row>
    <row r="48" spans="1:4" ht="18" customHeight="1" x14ac:dyDescent="0.15">
      <c r="A48" s="5">
        <v>35</v>
      </c>
      <c r="B48" s="22">
        <v>5</v>
      </c>
      <c r="C48" s="14">
        <v>13</v>
      </c>
      <c r="D48" s="18">
        <v>18</v>
      </c>
    </row>
    <row r="49" spans="1:4" ht="18" customHeight="1" x14ac:dyDescent="0.15">
      <c r="A49" s="5">
        <v>36</v>
      </c>
      <c r="B49" s="22">
        <v>14</v>
      </c>
      <c r="C49" s="14">
        <v>17</v>
      </c>
      <c r="D49" s="18">
        <v>31</v>
      </c>
    </row>
    <row r="50" spans="1:4" ht="18" customHeight="1" x14ac:dyDescent="0.15">
      <c r="A50" s="5">
        <v>37</v>
      </c>
      <c r="B50" s="22">
        <v>16</v>
      </c>
      <c r="C50" s="14">
        <v>23</v>
      </c>
      <c r="D50" s="18">
        <v>39</v>
      </c>
    </row>
    <row r="51" spans="1:4" ht="18" customHeight="1" x14ac:dyDescent="0.15">
      <c r="A51" s="5">
        <v>38</v>
      </c>
      <c r="B51" s="22">
        <v>15</v>
      </c>
      <c r="C51" s="14">
        <v>15</v>
      </c>
      <c r="D51" s="18">
        <v>30</v>
      </c>
    </row>
    <row r="52" spans="1:4" ht="18" customHeight="1" x14ac:dyDescent="0.15">
      <c r="A52" s="5">
        <v>39</v>
      </c>
      <c r="B52" s="22">
        <v>18</v>
      </c>
      <c r="C52" s="14">
        <v>19</v>
      </c>
      <c r="D52" s="18">
        <v>37</v>
      </c>
    </row>
    <row r="53" spans="1:4" ht="18" customHeight="1" x14ac:dyDescent="0.15">
      <c r="A53" s="5" t="s">
        <v>18</v>
      </c>
      <c r="B53" s="22">
        <v>68</v>
      </c>
      <c r="C53" s="14">
        <v>87</v>
      </c>
      <c r="D53" s="18">
        <v>155</v>
      </c>
    </row>
    <row r="54" spans="1:4" ht="18" customHeight="1" x14ac:dyDescent="0.15">
      <c r="A54" s="5">
        <v>40</v>
      </c>
      <c r="B54" s="22">
        <v>18</v>
      </c>
      <c r="C54" s="14">
        <v>16</v>
      </c>
      <c r="D54" s="18">
        <v>34</v>
      </c>
    </row>
    <row r="55" spans="1:4" ht="18" customHeight="1" x14ac:dyDescent="0.15">
      <c r="A55" s="5">
        <v>41</v>
      </c>
      <c r="B55" s="22">
        <v>20</v>
      </c>
      <c r="C55" s="14">
        <v>11</v>
      </c>
      <c r="D55" s="18">
        <v>31</v>
      </c>
    </row>
    <row r="56" spans="1:4" ht="18" customHeight="1" x14ac:dyDescent="0.15">
      <c r="A56" s="5">
        <v>42</v>
      </c>
      <c r="B56" s="22">
        <v>22</v>
      </c>
      <c r="C56" s="14">
        <v>19</v>
      </c>
      <c r="D56" s="18">
        <v>41</v>
      </c>
    </row>
    <row r="57" spans="1:4" ht="18" customHeight="1" x14ac:dyDescent="0.15">
      <c r="A57" s="5">
        <v>43</v>
      </c>
      <c r="B57" s="22">
        <v>27</v>
      </c>
      <c r="C57" s="14">
        <v>21</v>
      </c>
      <c r="D57" s="18">
        <v>48</v>
      </c>
    </row>
    <row r="58" spans="1:4" ht="18" customHeight="1" x14ac:dyDescent="0.15">
      <c r="A58" s="5">
        <v>44</v>
      </c>
      <c r="B58" s="22">
        <v>22</v>
      </c>
      <c r="C58" s="14">
        <v>28</v>
      </c>
      <c r="D58" s="18">
        <v>50</v>
      </c>
    </row>
    <row r="59" spans="1:4" ht="18" customHeight="1" x14ac:dyDescent="0.15">
      <c r="A59" s="5" t="s">
        <v>21</v>
      </c>
      <c r="B59" s="22">
        <v>109</v>
      </c>
      <c r="C59" s="14">
        <v>95</v>
      </c>
      <c r="D59" s="18">
        <v>204</v>
      </c>
    </row>
    <row r="60" spans="1:4" ht="18" customHeight="1" x14ac:dyDescent="0.15">
      <c r="A60" s="5">
        <v>45</v>
      </c>
      <c r="B60" s="22">
        <v>13</v>
      </c>
      <c r="C60" s="14">
        <v>17</v>
      </c>
      <c r="D60" s="18">
        <v>30</v>
      </c>
    </row>
    <row r="61" spans="1:4" ht="18" customHeight="1" x14ac:dyDescent="0.15">
      <c r="A61" s="5">
        <v>46</v>
      </c>
      <c r="B61" s="22">
        <v>27</v>
      </c>
      <c r="C61" s="14">
        <v>19</v>
      </c>
      <c r="D61" s="18">
        <v>46</v>
      </c>
    </row>
    <row r="62" spans="1:4" ht="18" customHeight="1" x14ac:dyDescent="0.15">
      <c r="A62" s="5">
        <v>47</v>
      </c>
      <c r="B62" s="22">
        <v>23</v>
      </c>
      <c r="C62" s="14">
        <v>16</v>
      </c>
      <c r="D62" s="18">
        <v>39</v>
      </c>
    </row>
    <row r="63" spans="1:4" ht="18" customHeight="1" x14ac:dyDescent="0.15">
      <c r="A63" s="5">
        <v>48</v>
      </c>
      <c r="B63" s="22">
        <v>21</v>
      </c>
      <c r="C63" s="14">
        <v>22</v>
      </c>
      <c r="D63" s="18">
        <v>43</v>
      </c>
    </row>
    <row r="64" spans="1:4" ht="18" customHeight="1" x14ac:dyDescent="0.15">
      <c r="A64" s="5">
        <v>49</v>
      </c>
      <c r="B64" s="22">
        <v>24</v>
      </c>
      <c r="C64" s="14">
        <v>38</v>
      </c>
      <c r="D64" s="18">
        <v>62</v>
      </c>
    </row>
    <row r="65" spans="1:4" ht="18" customHeight="1" x14ac:dyDescent="0.15">
      <c r="A65" s="5" t="s">
        <v>17</v>
      </c>
      <c r="B65" s="22">
        <v>108</v>
      </c>
      <c r="C65" s="14">
        <v>112</v>
      </c>
      <c r="D65" s="18">
        <v>220</v>
      </c>
    </row>
    <row r="66" spans="1:4" ht="18" customHeight="1" x14ac:dyDescent="0.15">
      <c r="A66" s="5">
        <v>50</v>
      </c>
      <c r="B66" s="22">
        <v>29</v>
      </c>
      <c r="C66" s="14">
        <v>23</v>
      </c>
      <c r="D66" s="18">
        <v>52</v>
      </c>
    </row>
    <row r="67" spans="1:4" ht="18" customHeight="1" x14ac:dyDescent="0.15">
      <c r="A67" s="5">
        <v>51</v>
      </c>
      <c r="B67" s="22">
        <v>22</v>
      </c>
      <c r="C67" s="14">
        <v>36</v>
      </c>
      <c r="D67" s="18">
        <v>58</v>
      </c>
    </row>
    <row r="68" spans="1:4" ht="18" customHeight="1" x14ac:dyDescent="0.15">
      <c r="A68" s="5">
        <v>52</v>
      </c>
      <c r="B68" s="22">
        <v>32</v>
      </c>
      <c r="C68" s="14">
        <v>29</v>
      </c>
      <c r="D68" s="18">
        <v>61</v>
      </c>
    </row>
    <row r="69" spans="1:4" ht="18" customHeight="1" x14ac:dyDescent="0.15">
      <c r="A69" s="5">
        <v>53</v>
      </c>
      <c r="B69" s="22">
        <v>26</v>
      </c>
      <c r="C69" s="14">
        <v>32</v>
      </c>
      <c r="D69" s="18">
        <v>58</v>
      </c>
    </row>
    <row r="70" spans="1:4" ht="18" customHeight="1" x14ac:dyDescent="0.15">
      <c r="A70" s="5">
        <v>54</v>
      </c>
      <c r="B70" s="22">
        <v>21</v>
      </c>
      <c r="C70" s="14">
        <v>36</v>
      </c>
      <c r="D70" s="18">
        <v>57</v>
      </c>
    </row>
    <row r="71" spans="1:4" ht="18" customHeight="1" x14ac:dyDescent="0.15">
      <c r="A71" s="5" t="s">
        <v>22</v>
      </c>
      <c r="B71" s="22">
        <v>130</v>
      </c>
      <c r="C71" s="14">
        <v>156</v>
      </c>
      <c r="D71" s="18">
        <v>286</v>
      </c>
    </row>
    <row r="72" spans="1:4" ht="18" customHeight="1" x14ac:dyDescent="0.15">
      <c r="A72" s="5">
        <v>55</v>
      </c>
      <c r="B72" s="22">
        <v>22</v>
      </c>
      <c r="C72" s="14">
        <v>30</v>
      </c>
      <c r="D72" s="18">
        <v>52</v>
      </c>
    </row>
    <row r="73" spans="1:4" ht="18" customHeight="1" x14ac:dyDescent="0.15">
      <c r="A73" s="5">
        <v>56</v>
      </c>
      <c r="B73" s="22">
        <v>33</v>
      </c>
      <c r="C73" s="14">
        <v>22</v>
      </c>
      <c r="D73" s="18">
        <v>55</v>
      </c>
    </row>
    <row r="74" spans="1:4" ht="18" customHeight="1" x14ac:dyDescent="0.15">
      <c r="A74" s="5">
        <v>57</v>
      </c>
      <c r="B74" s="22">
        <v>22</v>
      </c>
      <c r="C74" s="14">
        <v>27</v>
      </c>
      <c r="D74" s="18">
        <v>49</v>
      </c>
    </row>
    <row r="75" spans="1:4" ht="18" customHeight="1" x14ac:dyDescent="0.15">
      <c r="A75" s="5">
        <v>58</v>
      </c>
      <c r="B75" s="22">
        <v>33</v>
      </c>
      <c r="C75" s="14">
        <v>30</v>
      </c>
      <c r="D75" s="18">
        <v>63</v>
      </c>
    </row>
    <row r="76" spans="1:4" ht="18" customHeight="1" x14ac:dyDescent="0.15">
      <c r="A76" s="5">
        <v>59</v>
      </c>
      <c r="B76" s="22">
        <v>29</v>
      </c>
      <c r="C76" s="14">
        <v>33</v>
      </c>
      <c r="D76" s="18">
        <v>62</v>
      </c>
    </row>
    <row r="77" spans="1:4" ht="18" customHeight="1" x14ac:dyDescent="0.15">
      <c r="A77" s="5" t="s">
        <v>27</v>
      </c>
      <c r="B77" s="22">
        <v>139</v>
      </c>
      <c r="C77" s="14">
        <v>142</v>
      </c>
      <c r="D77" s="18">
        <v>281</v>
      </c>
    </row>
    <row r="78" spans="1:4" ht="18" customHeight="1" x14ac:dyDescent="0.15">
      <c r="A78" s="5">
        <v>60</v>
      </c>
      <c r="B78" s="22">
        <v>23</v>
      </c>
      <c r="C78" s="14">
        <v>28</v>
      </c>
      <c r="D78" s="18">
        <v>51</v>
      </c>
    </row>
    <row r="79" spans="1:4" ht="18" customHeight="1" x14ac:dyDescent="0.15">
      <c r="A79" s="5">
        <v>61</v>
      </c>
      <c r="B79" s="22">
        <v>33</v>
      </c>
      <c r="C79" s="14">
        <v>31</v>
      </c>
      <c r="D79" s="18">
        <v>64</v>
      </c>
    </row>
    <row r="80" spans="1:4" ht="18" customHeight="1" x14ac:dyDescent="0.15">
      <c r="A80" s="5">
        <v>62</v>
      </c>
      <c r="B80" s="22">
        <v>36</v>
      </c>
      <c r="C80" s="14">
        <v>37</v>
      </c>
      <c r="D80" s="18">
        <v>73</v>
      </c>
    </row>
    <row r="81" spans="1:4" ht="18" customHeight="1" x14ac:dyDescent="0.15">
      <c r="A81" s="5">
        <v>63</v>
      </c>
      <c r="B81" s="22">
        <v>10</v>
      </c>
      <c r="C81" s="14">
        <v>25</v>
      </c>
      <c r="D81" s="18">
        <v>35</v>
      </c>
    </row>
    <row r="82" spans="1:4" ht="18" customHeight="1" x14ac:dyDescent="0.15">
      <c r="A82" s="5">
        <v>64</v>
      </c>
      <c r="B82" s="22">
        <v>28</v>
      </c>
      <c r="C82" s="14">
        <v>33</v>
      </c>
      <c r="D82" s="18">
        <v>61</v>
      </c>
    </row>
    <row r="83" spans="1:4" ht="18" customHeight="1" x14ac:dyDescent="0.15">
      <c r="A83" s="5" t="s">
        <v>28</v>
      </c>
      <c r="B83" s="22">
        <v>130</v>
      </c>
      <c r="C83" s="14">
        <v>154</v>
      </c>
      <c r="D83" s="18">
        <v>284</v>
      </c>
    </row>
    <row r="84" spans="1:4" ht="18" customHeight="1" x14ac:dyDescent="0.15">
      <c r="A84" s="5" t="s">
        <v>31</v>
      </c>
      <c r="B84" s="22">
        <v>939</v>
      </c>
      <c r="C84" s="14">
        <v>965</v>
      </c>
      <c r="D84" s="18">
        <v>1904</v>
      </c>
    </row>
    <row r="85" spans="1:4" ht="18" customHeight="1" x14ac:dyDescent="0.15">
      <c r="A85" s="5">
        <v>65</v>
      </c>
      <c r="B85" s="22">
        <v>17</v>
      </c>
      <c r="C85" s="14">
        <v>22</v>
      </c>
      <c r="D85" s="18">
        <v>39</v>
      </c>
    </row>
    <row r="86" spans="1:4" ht="18" customHeight="1" x14ac:dyDescent="0.15">
      <c r="A86" s="5">
        <v>66</v>
      </c>
      <c r="B86" s="22">
        <v>22</v>
      </c>
      <c r="C86" s="14">
        <v>33</v>
      </c>
      <c r="D86" s="18">
        <v>55</v>
      </c>
    </row>
    <row r="87" spans="1:4" ht="18" customHeight="1" x14ac:dyDescent="0.15">
      <c r="A87" s="5">
        <v>67</v>
      </c>
      <c r="B87" s="22">
        <v>25</v>
      </c>
      <c r="C87" s="14">
        <v>30</v>
      </c>
      <c r="D87" s="18">
        <v>55</v>
      </c>
    </row>
    <row r="88" spans="1:4" ht="18" customHeight="1" x14ac:dyDescent="0.15">
      <c r="A88" s="5">
        <v>68</v>
      </c>
      <c r="B88" s="22">
        <v>25</v>
      </c>
      <c r="C88" s="14">
        <v>29</v>
      </c>
      <c r="D88" s="18">
        <v>54</v>
      </c>
    </row>
    <row r="89" spans="1:4" ht="18" customHeight="1" x14ac:dyDescent="0.15">
      <c r="A89" s="5">
        <v>69</v>
      </c>
      <c r="B89" s="22">
        <v>21</v>
      </c>
      <c r="C89" s="14">
        <v>27</v>
      </c>
      <c r="D89" s="18">
        <v>48</v>
      </c>
    </row>
    <row r="90" spans="1:4" ht="18" customHeight="1" x14ac:dyDescent="0.15">
      <c r="A90" s="5" t="s">
        <v>20</v>
      </c>
      <c r="B90" s="22">
        <v>110</v>
      </c>
      <c r="C90" s="14">
        <v>141</v>
      </c>
      <c r="D90" s="18">
        <v>251</v>
      </c>
    </row>
    <row r="91" spans="1:4" ht="18" customHeight="1" x14ac:dyDescent="0.15">
      <c r="A91" s="5">
        <v>70</v>
      </c>
      <c r="B91" s="22">
        <v>32</v>
      </c>
      <c r="C91" s="14">
        <v>12</v>
      </c>
      <c r="D91" s="18">
        <v>44</v>
      </c>
    </row>
    <row r="92" spans="1:4" ht="18" customHeight="1" x14ac:dyDescent="0.15">
      <c r="A92" s="5">
        <v>71</v>
      </c>
      <c r="B92" s="22">
        <v>20</v>
      </c>
      <c r="C92" s="14">
        <v>29</v>
      </c>
      <c r="D92" s="18">
        <v>49</v>
      </c>
    </row>
    <row r="93" spans="1:4" ht="18" customHeight="1" x14ac:dyDescent="0.15">
      <c r="A93" s="5">
        <v>72</v>
      </c>
      <c r="B93" s="22">
        <v>21</v>
      </c>
      <c r="C93" s="14">
        <v>28</v>
      </c>
      <c r="D93" s="18">
        <v>49</v>
      </c>
    </row>
    <row r="94" spans="1:4" ht="18" customHeight="1" x14ac:dyDescent="0.15">
      <c r="A94" s="5">
        <v>73</v>
      </c>
      <c r="B94" s="22">
        <v>22</v>
      </c>
      <c r="C94" s="14">
        <v>24</v>
      </c>
      <c r="D94" s="18">
        <v>46</v>
      </c>
    </row>
    <row r="95" spans="1:4" ht="18" customHeight="1" x14ac:dyDescent="0.15">
      <c r="A95" s="5">
        <v>74</v>
      </c>
      <c r="B95" s="22">
        <v>22</v>
      </c>
      <c r="C95" s="14">
        <v>18</v>
      </c>
      <c r="D95" s="18">
        <v>40</v>
      </c>
    </row>
    <row r="96" spans="1:4" ht="18" customHeight="1" x14ac:dyDescent="0.15">
      <c r="A96" s="5" t="s">
        <v>33</v>
      </c>
      <c r="B96" s="22">
        <v>117</v>
      </c>
      <c r="C96" s="14">
        <v>111</v>
      </c>
      <c r="D96" s="18">
        <v>228</v>
      </c>
    </row>
    <row r="97" spans="1:4" ht="18" customHeight="1" x14ac:dyDescent="0.15">
      <c r="A97" s="5">
        <v>75</v>
      </c>
      <c r="B97" s="22">
        <v>30</v>
      </c>
      <c r="C97" s="14">
        <v>35</v>
      </c>
      <c r="D97" s="18">
        <v>65</v>
      </c>
    </row>
    <row r="98" spans="1:4" ht="18" customHeight="1" x14ac:dyDescent="0.15">
      <c r="A98" s="5">
        <v>76</v>
      </c>
      <c r="B98" s="22">
        <v>18</v>
      </c>
      <c r="C98" s="14">
        <v>27</v>
      </c>
      <c r="D98" s="18">
        <v>45</v>
      </c>
    </row>
    <row r="99" spans="1:4" ht="18" customHeight="1" x14ac:dyDescent="0.15">
      <c r="A99" s="5">
        <v>77</v>
      </c>
      <c r="B99" s="22">
        <v>30</v>
      </c>
      <c r="C99" s="14">
        <v>37</v>
      </c>
      <c r="D99" s="18">
        <v>67</v>
      </c>
    </row>
    <row r="100" spans="1:4" ht="18" customHeight="1" x14ac:dyDescent="0.15">
      <c r="A100" s="5">
        <v>78</v>
      </c>
      <c r="B100" s="22">
        <v>26</v>
      </c>
      <c r="C100" s="14">
        <v>31</v>
      </c>
      <c r="D100" s="18">
        <v>57</v>
      </c>
    </row>
    <row r="101" spans="1:4" ht="18" customHeight="1" x14ac:dyDescent="0.15">
      <c r="A101" s="5">
        <v>79</v>
      </c>
      <c r="B101" s="22">
        <v>11</v>
      </c>
      <c r="C101" s="14">
        <v>31</v>
      </c>
      <c r="D101" s="18">
        <v>42</v>
      </c>
    </row>
    <row r="102" spans="1:4" ht="18" customHeight="1" x14ac:dyDescent="0.15">
      <c r="A102" s="5" t="s">
        <v>0</v>
      </c>
      <c r="B102" s="22">
        <v>115</v>
      </c>
      <c r="C102" s="14">
        <v>161</v>
      </c>
      <c r="D102" s="18">
        <v>276</v>
      </c>
    </row>
    <row r="103" spans="1:4" ht="18" customHeight="1" x14ac:dyDescent="0.15">
      <c r="A103" s="5">
        <v>80</v>
      </c>
      <c r="B103" s="22">
        <v>9</v>
      </c>
      <c r="C103" s="14">
        <v>21</v>
      </c>
      <c r="D103" s="18">
        <v>30</v>
      </c>
    </row>
    <row r="104" spans="1:4" ht="18" customHeight="1" x14ac:dyDescent="0.15">
      <c r="A104" s="5">
        <v>81</v>
      </c>
      <c r="B104" s="22">
        <v>11</v>
      </c>
      <c r="C104" s="14">
        <v>21</v>
      </c>
      <c r="D104" s="18">
        <v>32</v>
      </c>
    </row>
    <row r="105" spans="1:4" ht="18" customHeight="1" x14ac:dyDescent="0.15">
      <c r="A105" s="5">
        <v>82</v>
      </c>
      <c r="B105" s="22">
        <v>9</v>
      </c>
      <c r="C105" s="14">
        <v>26</v>
      </c>
      <c r="D105" s="18">
        <v>35</v>
      </c>
    </row>
    <row r="106" spans="1:4" ht="18" customHeight="1" x14ac:dyDescent="0.15">
      <c r="A106" s="5">
        <v>83</v>
      </c>
      <c r="B106" s="22">
        <v>16</v>
      </c>
      <c r="C106" s="14">
        <v>18</v>
      </c>
      <c r="D106" s="18">
        <v>34</v>
      </c>
    </row>
    <row r="107" spans="1:4" ht="18" customHeight="1" x14ac:dyDescent="0.15">
      <c r="A107" s="5">
        <v>84</v>
      </c>
      <c r="B107" s="22">
        <v>14</v>
      </c>
      <c r="C107" s="14">
        <v>24</v>
      </c>
      <c r="D107" s="18">
        <v>38</v>
      </c>
    </row>
    <row r="108" spans="1:4" ht="18" customHeight="1" x14ac:dyDescent="0.15">
      <c r="A108" s="5" t="s">
        <v>35</v>
      </c>
      <c r="B108" s="22">
        <v>59</v>
      </c>
      <c r="C108" s="14">
        <v>110</v>
      </c>
      <c r="D108" s="18">
        <v>169</v>
      </c>
    </row>
    <row r="109" spans="1:4" ht="18" customHeight="1" x14ac:dyDescent="0.15">
      <c r="A109" s="5">
        <v>85</v>
      </c>
      <c r="B109" s="22">
        <v>10</v>
      </c>
      <c r="C109" s="14">
        <v>28</v>
      </c>
      <c r="D109" s="18">
        <v>38</v>
      </c>
    </row>
    <row r="110" spans="1:4" ht="18" customHeight="1" x14ac:dyDescent="0.15">
      <c r="A110" s="5">
        <v>86</v>
      </c>
      <c r="B110" s="22">
        <v>11</v>
      </c>
      <c r="C110" s="14">
        <v>30</v>
      </c>
      <c r="D110" s="18">
        <v>41</v>
      </c>
    </row>
    <row r="111" spans="1:4" ht="18" customHeight="1" x14ac:dyDescent="0.15">
      <c r="A111" s="5">
        <v>87</v>
      </c>
      <c r="B111" s="22">
        <v>11</v>
      </c>
      <c r="C111" s="14">
        <v>14</v>
      </c>
      <c r="D111" s="18">
        <v>25</v>
      </c>
    </row>
    <row r="112" spans="1:4" ht="18" customHeight="1" x14ac:dyDescent="0.15">
      <c r="A112" s="5">
        <v>88</v>
      </c>
      <c r="B112" s="22">
        <v>8</v>
      </c>
      <c r="C112" s="14">
        <v>14</v>
      </c>
      <c r="D112" s="18">
        <v>22</v>
      </c>
    </row>
    <row r="113" spans="1:4" ht="18" customHeight="1" x14ac:dyDescent="0.15">
      <c r="A113" s="5">
        <v>89</v>
      </c>
      <c r="B113" s="22">
        <v>3</v>
      </c>
      <c r="C113" s="14">
        <v>17</v>
      </c>
      <c r="D113" s="18">
        <v>20</v>
      </c>
    </row>
    <row r="114" spans="1:4" ht="18" customHeight="1" x14ac:dyDescent="0.15">
      <c r="A114" s="5" t="s">
        <v>37</v>
      </c>
      <c r="B114" s="22">
        <v>43</v>
      </c>
      <c r="C114" s="14">
        <v>103</v>
      </c>
      <c r="D114" s="18">
        <v>146</v>
      </c>
    </row>
    <row r="115" spans="1:4" ht="18" customHeight="1" x14ac:dyDescent="0.15">
      <c r="A115" s="5">
        <v>90</v>
      </c>
      <c r="B115" s="22">
        <v>11</v>
      </c>
      <c r="C115" s="14">
        <v>19</v>
      </c>
      <c r="D115" s="18">
        <v>30</v>
      </c>
    </row>
    <row r="116" spans="1:4" ht="18" customHeight="1" x14ac:dyDescent="0.15">
      <c r="A116" s="5">
        <v>91</v>
      </c>
      <c r="B116" s="22">
        <v>5</v>
      </c>
      <c r="C116" s="14">
        <v>18</v>
      </c>
      <c r="D116" s="18">
        <v>23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4</v>
      </c>
      <c r="C118" s="14">
        <v>19</v>
      </c>
      <c r="D118" s="18">
        <v>23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24</v>
      </c>
      <c r="C120" s="14">
        <v>74</v>
      </c>
      <c r="D120" s="18">
        <v>98</v>
      </c>
    </row>
    <row r="121" spans="1:4" ht="18" customHeight="1" x14ac:dyDescent="0.15">
      <c r="A121" s="5">
        <v>95</v>
      </c>
      <c r="B121" s="22">
        <v>0</v>
      </c>
      <c r="C121" s="14">
        <v>8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7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9</v>
      </c>
      <c r="D123" s="18">
        <v>10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3</v>
      </c>
      <c r="C126" s="14">
        <v>33</v>
      </c>
      <c r="D126" s="18">
        <v>3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1</v>
      </c>
      <c r="C130" s="14">
        <v>733</v>
      </c>
      <c r="D130" s="18">
        <v>1204</v>
      </c>
    </row>
    <row r="131" spans="1:4" ht="18" customHeight="1" x14ac:dyDescent="0.15">
      <c r="A131" s="7" t="s">
        <v>45</v>
      </c>
      <c r="B131" s="23">
        <v>1559</v>
      </c>
      <c r="C131" s="15">
        <v>1854</v>
      </c>
      <c r="D131" s="19">
        <v>34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0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1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0</v>
      </c>
      <c r="D11" s="18">
        <v>2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2</v>
      </c>
      <c r="D14" s="18">
        <v>2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4</v>
      </c>
      <c r="C16" s="14">
        <v>4</v>
      </c>
      <c r="D16" s="18">
        <v>8</v>
      </c>
    </row>
    <row r="17" spans="1:4" ht="18" customHeight="1" x14ac:dyDescent="0.15">
      <c r="A17" s="5">
        <v>10</v>
      </c>
      <c r="B17" s="22">
        <v>1</v>
      </c>
      <c r="C17" s="14">
        <v>3</v>
      </c>
      <c r="D17" s="18">
        <v>4</v>
      </c>
    </row>
    <row r="18" spans="1:4" ht="18" customHeight="1" x14ac:dyDescent="0.15">
      <c r="A18" s="5">
        <v>11</v>
      </c>
      <c r="B18" s="22">
        <v>0</v>
      </c>
      <c r="C18" s="14">
        <v>2</v>
      </c>
      <c r="D18" s="18">
        <v>2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2</v>
      </c>
      <c r="C20" s="14">
        <v>0</v>
      </c>
      <c r="D20" s="18">
        <v>2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3</v>
      </c>
      <c r="C22" s="14">
        <v>8</v>
      </c>
      <c r="D22" s="18">
        <v>11</v>
      </c>
    </row>
    <row r="23" spans="1:4" ht="18" customHeight="1" x14ac:dyDescent="0.15">
      <c r="A23" s="5" t="s">
        <v>6</v>
      </c>
      <c r="B23" s="22">
        <v>11</v>
      </c>
      <c r="C23" s="14">
        <v>13</v>
      </c>
      <c r="D23" s="18">
        <v>24</v>
      </c>
    </row>
    <row r="24" spans="1:4" ht="18" customHeight="1" x14ac:dyDescent="0.15">
      <c r="A24" s="5">
        <v>15</v>
      </c>
      <c r="B24" s="22">
        <v>2</v>
      </c>
      <c r="C24" s="14">
        <v>1</v>
      </c>
      <c r="D24" s="18">
        <v>3</v>
      </c>
    </row>
    <row r="25" spans="1:4" ht="18" customHeight="1" x14ac:dyDescent="0.15">
      <c r="A25" s="5">
        <v>16</v>
      </c>
      <c r="B25" s="22">
        <v>2</v>
      </c>
      <c r="C25" s="14">
        <v>1</v>
      </c>
      <c r="D25" s="18">
        <v>3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3</v>
      </c>
      <c r="D27" s="18">
        <v>4</v>
      </c>
    </row>
    <row r="28" spans="1:4" ht="18" customHeight="1" x14ac:dyDescent="0.15">
      <c r="A28" s="5">
        <v>19</v>
      </c>
      <c r="B28" s="22">
        <v>4</v>
      </c>
      <c r="C28" s="14">
        <v>2</v>
      </c>
      <c r="D28" s="18">
        <v>6</v>
      </c>
    </row>
    <row r="29" spans="1:4" ht="18" customHeight="1" x14ac:dyDescent="0.15">
      <c r="A29" s="5" t="s">
        <v>14</v>
      </c>
      <c r="B29" s="22">
        <v>9</v>
      </c>
      <c r="C29" s="14">
        <v>8</v>
      </c>
      <c r="D29" s="18">
        <v>17</v>
      </c>
    </row>
    <row r="30" spans="1:4" ht="18" customHeight="1" x14ac:dyDescent="0.15">
      <c r="A30" s="5">
        <v>20</v>
      </c>
      <c r="B30" s="22">
        <v>3</v>
      </c>
      <c r="C30" s="14">
        <v>6</v>
      </c>
      <c r="D30" s="18">
        <v>9</v>
      </c>
    </row>
    <row r="31" spans="1:4" ht="18" customHeight="1" x14ac:dyDescent="0.15">
      <c r="A31" s="5">
        <v>21</v>
      </c>
      <c r="B31" s="22">
        <v>3</v>
      </c>
      <c r="C31" s="14">
        <v>1</v>
      </c>
      <c r="D31" s="18">
        <v>4</v>
      </c>
    </row>
    <row r="32" spans="1:4" ht="18" customHeight="1" x14ac:dyDescent="0.15">
      <c r="A32" s="5">
        <v>22</v>
      </c>
      <c r="B32" s="22">
        <v>1</v>
      </c>
      <c r="C32" s="14">
        <v>2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2</v>
      </c>
      <c r="D33" s="18">
        <v>3</v>
      </c>
    </row>
    <row r="34" spans="1:4" ht="18" customHeight="1" x14ac:dyDescent="0.15">
      <c r="A34" s="5">
        <v>24</v>
      </c>
      <c r="B34" s="22">
        <v>4</v>
      </c>
      <c r="C34" s="14">
        <v>2</v>
      </c>
      <c r="D34" s="18">
        <v>6</v>
      </c>
    </row>
    <row r="35" spans="1:4" ht="18" customHeight="1" x14ac:dyDescent="0.15">
      <c r="A35" s="5" t="s">
        <v>9</v>
      </c>
      <c r="B35" s="22">
        <v>12</v>
      </c>
      <c r="C35" s="14">
        <v>13</v>
      </c>
      <c r="D35" s="18">
        <v>25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2</v>
      </c>
      <c r="D38" s="18">
        <v>2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7</v>
      </c>
      <c r="D41" s="18">
        <v>10</v>
      </c>
    </row>
    <row r="42" spans="1:4" ht="18" customHeight="1" x14ac:dyDescent="0.15">
      <c r="A42" s="5">
        <v>30</v>
      </c>
      <c r="B42" s="22">
        <v>5</v>
      </c>
      <c r="C42" s="14">
        <v>1</v>
      </c>
      <c r="D42" s="18">
        <v>6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1</v>
      </c>
      <c r="C44" s="14">
        <v>3</v>
      </c>
      <c r="D44" s="18">
        <v>4</v>
      </c>
    </row>
    <row r="45" spans="1:4" ht="18" customHeight="1" x14ac:dyDescent="0.15">
      <c r="A45" s="5">
        <v>33</v>
      </c>
      <c r="B45" s="22">
        <v>5</v>
      </c>
      <c r="C45" s="14">
        <v>1</v>
      </c>
      <c r="D45" s="18">
        <v>6</v>
      </c>
    </row>
    <row r="46" spans="1:4" ht="18" customHeight="1" x14ac:dyDescent="0.15">
      <c r="A46" s="5">
        <v>34</v>
      </c>
      <c r="B46" s="22">
        <v>1</v>
      </c>
      <c r="C46" s="14">
        <v>4</v>
      </c>
      <c r="D46" s="18">
        <v>5</v>
      </c>
    </row>
    <row r="47" spans="1:4" ht="18" customHeight="1" x14ac:dyDescent="0.15">
      <c r="A47" s="5" t="s">
        <v>15</v>
      </c>
      <c r="B47" s="22">
        <v>14</v>
      </c>
      <c r="C47" s="14">
        <v>10</v>
      </c>
      <c r="D47" s="18">
        <v>24</v>
      </c>
    </row>
    <row r="48" spans="1:4" ht="18" customHeight="1" x14ac:dyDescent="0.15">
      <c r="A48" s="5">
        <v>35</v>
      </c>
      <c r="B48" s="22">
        <v>1</v>
      </c>
      <c r="C48" s="14">
        <v>1</v>
      </c>
      <c r="D48" s="18">
        <v>2</v>
      </c>
    </row>
    <row r="49" spans="1:4" ht="18" customHeight="1" x14ac:dyDescent="0.15">
      <c r="A49" s="5">
        <v>36</v>
      </c>
      <c r="B49" s="22">
        <v>3</v>
      </c>
      <c r="C49" s="14">
        <v>3</v>
      </c>
      <c r="D49" s="18">
        <v>6</v>
      </c>
    </row>
    <row r="50" spans="1:4" ht="18" customHeight="1" x14ac:dyDescent="0.15">
      <c r="A50" s="5">
        <v>37</v>
      </c>
      <c r="B50" s="22">
        <v>2</v>
      </c>
      <c r="C50" s="14">
        <v>2</v>
      </c>
      <c r="D50" s="18">
        <v>4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5</v>
      </c>
      <c r="C52" s="14">
        <v>1</v>
      </c>
      <c r="D52" s="18">
        <v>6</v>
      </c>
    </row>
    <row r="53" spans="1:4" ht="18" customHeight="1" x14ac:dyDescent="0.15">
      <c r="A53" s="5" t="s">
        <v>18</v>
      </c>
      <c r="B53" s="22">
        <v>12</v>
      </c>
      <c r="C53" s="14">
        <v>9</v>
      </c>
      <c r="D53" s="18">
        <v>21</v>
      </c>
    </row>
    <row r="54" spans="1:4" ht="18" customHeight="1" x14ac:dyDescent="0.15">
      <c r="A54" s="5">
        <v>40</v>
      </c>
      <c r="B54" s="22">
        <v>2</v>
      </c>
      <c r="C54" s="14">
        <v>4</v>
      </c>
      <c r="D54" s="18">
        <v>6</v>
      </c>
    </row>
    <row r="55" spans="1:4" ht="18" customHeight="1" x14ac:dyDescent="0.15">
      <c r="A55" s="5">
        <v>41</v>
      </c>
      <c r="B55" s="22">
        <v>5</v>
      </c>
      <c r="C55" s="14">
        <v>3</v>
      </c>
      <c r="D55" s="18">
        <v>8</v>
      </c>
    </row>
    <row r="56" spans="1:4" ht="18" customHeight="1" x14ac:dyDescent="0.15">
      <c r="A56" s="5">
        <v>42</v>
      </c>
      <c r="B56" s="22">
        <v>4</v>
      </c>
      <c r="C56" s="14">
        <v>0</v>
      </c>
      <c r="D56" s="18">
        <v>4</v>
      </c>
    </row>
    <row r="57" spans="1:4" ht="18" customHeight="1" x14ac:dyDescent="0.15">
      <c r="A57" s="5">
        <v>43</v>
      </c>
      <c r="B57" s="22">
        <v>4</v>
      </c>
      <c r="C57" s="14">
        <v>5</v>
      </c>
      <c r="D57" s="18">
        <v>9</v>
      </c>
    </row>
    <row r="58" spans="1:4" ht="18" customHeight="1" x14ac:dyDescent="0.15">
      <c r="A58" s="5">
        <v>44</v>
      </c>
      <c r="B58" s="22">
        <v>0</v>
      </c>
      <c r="C58" s="14">
        <v>4</v>
      </c>
      <c r="D58" s="18">
        <v>4</v>
      </c>
    </row>
    <row r="59" spans="1:4" ht="18" customHeight="1" x14ac:dyDescent="0.15">
      <c r="A59" s="5" t="s">
        <v>21</v>
      </c>
      <c r="B59" s="22">
        <v>15</v>
      </c>
      <c r="C59" s="14">
        <v>16</v>
      </c>
      <c r="D59" s="18">
        <v>31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2</v>
      </c>
      <c r="D61" s="18">
        <v>5</v>
      </c>
    </row>
    <row r="62" spans="1:4" ht="18" customHeight="1" x14ac:dyDescent="0.15">
      <c r="A62" s="5">
        <v>47</v>
      </c>
      <c r="B62" s="22">
        <v>2</v>
      </c>
      <c r="C62" s="14">
        <v>2</v>
      </c>
      <c r="D62" s="18">
        <v>4</v>
      </c>
    </row>
    <row r="63" spans="1:4" ht="18" customHeight="1" x14ac:dyDescent="0.15">
      <c r="A63" s="5">
        <v>48</v>
      </c>
      <c r="B63" s="22">
        <v>1</v>
      </c>
      <c r="C63" s="14">
        <v>8</v>
      </c>
      <c r="D63" s="18">
        <v>9</v>
      </c>
    </row>
    <row r="64" spans="1:4" ht="18" customHeight="1" x14ac:dyDescent="0.15">
      <c r="A64" s="5">
        <v>49</v>
      </c>
      <c r="B64" s="22">
        <v>4</v>
      </c>
      <c r="C64" s="14">
        <v>0</v>
      </c>
      <c r="D64" s="18">
        <v>4</v>
      </c>
    </row>
    <row r="65" spans="1:4" ht="18" customHeight="1" x14ac:dyDescent="0.15">
      <c r="A65" s="5" t="s">
        <v>17</v>
      </c>
      <c r="B65" s="22">
        <v>10</v>
      </c>
      <c r="C65" s="14">
        <v>13</v>
      </c>
      <c r="D65" s="18">
        <v>23</v>
      </c>
    </row>
    <row r="66" spans="1:4" ht="18" customHeight="1" x14ac:dyDescent="0.15">
      <c r="A66" s="5">
        <v>50</v>
      </c>
      <c r="B66" s="22">
        <v>6</v>
      </c>
      <c r="C66" s="14">
        <v>1</v>
      </c>
      <c r="D66" s="18">
        <v>7</v>
      </c>
    </row>
    <row r="67" spans="1:4" ht="18" customHeight="1" x14ac:dyDescent="0.15">
      <c r="A67" s="5">
        <v>51</v>
      </c>
      <c r="B67" s="22">
        <v>6</v>
      </c>
      <c r="C67" s="14">
        <v>3</v>
      </c>
      <c r="D67" s="18">
        <v>9</v>
      </c>
    </row>
    <row r="68" spans="1:4" ht="18" customHeight="1" x14ac:dyDescent="0.15">
      <c r="A68" s="5">
        <v>52</v>
      </c>
      <c r="B68" s="22">
        <v>3</v>
      </c>
      <c r="C68" s="14">
        <v>6</v>
      </c>
      <c r="D68" s="18">
        <v>9</v>
      </c>
    </row>
    <row r="69" spans="1:4" ht="18" customHeight="1" x14ac:dyDescent="0.15">
      <c r="A69" s="5">
        <v>53</v>
      </c>
      <c r="B69" s="22">
        <v>7</v>
      </c>
      <c r="C69" s="14">
        <v>4</v>
      </c>
      <c r="D69" s="18">
        <v>11</v>
      </c>
    </row>
    <row r="70" spans="1:4" ht="18" customHeight="1" x14ac:dyDescent="0.15">
      <c r="A70" s="5">
        <v>54</v>
      </c>
      <c r="B70" s="22">
        <v>4</v>
      </c>
      <c r="C70" s="14">
        <v>6</v>
      </c>
      <c r="D70" s="18">
        <v>10</v>
      </c>
    </row>
    <row r="71" spans="1:4" ht="18" customHeight="1" x14ac:dyDescent="0.15">
      <c r="A71" s="5" t="s">
        <v>22</v>
      </c>
      <c r="B71" s="22">
        <v>26</v>
      </c>
      <c r="C71" s="14">
        <v>20</v>
      </c>
      <c r="D71" s="18">
        <v>46</v>
      </c>
    </row>
    <row r="72" spans="1:4" ht="18" customHeight="1" x14ac:dyDescent="0.15">
      <c r="A72" s="5">
        <v>55</v>
      </c>
      <c r="B72" s="22">
        <v>6</v>
      </c>
      <c r="C72" s="14">
        <v>4</v>
      </c>
      <c r="D72" s="18">
        <v>10</v>
      </c>
    </row>
    <row r="73" spans="1:4" ht="18" customHeight="1" x14ac:dyDescent="0.15">
      <c r="A73" s="5">
        <v>56</v>
      </c>
      <c r="B73" s="22">
        <v>5</v>
      </c>
      <c r="C73" s="14">
        <v>4</v>
      </c>
      <c r="D73" s="18">
        <v>9</v>
      </c>
    </row>
    <row r="74" spans="1:4" ht="18" customHeight="1" x14ac:dyDescent="0.15">
      <c r="A74" s="5">
        <v>57</v>
      </c>
      <c r="B74" s="22">
        <v>5</v>
      </c>
      <c r="C74" s="14">
        <v>7</v>
      </c>
      <c r="D74" s="18">
        <v>12</v>
      </c>
    </row>
    <row r="75" spans="1:4" ht="18" customHeight="1" x14ac:dyDescent="0.15">
      <c r="A75" s="5">
        <v>58</v>
      </c>
      <c r="B75" s="22">
        <v>4</v>
      </c>
      <c r="C75" s="14">
        <v>3</v>
      </c>
      <c r="D75" s="18">
        <v>7</v>
      </c>
    </row>
    <row r="76" spans="1:4" ht="18" customHeight="1" x14ac:dyDescent="0.15">
      <c r="A76" s="5">
        <v>59</v>
      </c>
      <c r="B76" s="22">
        <v>2</v>
      </c>
      <c r="C76" s="14">
        <v>3</v>
      </c>
      <c r="D76" s="18">
        <v>5</v>
      </c>
    </row>
    <row r="77" spans="1:4" ht="18" customHeight="1" x14ac:dyDescent="0.15">
      <c r="A77" s="5" t="s">
        <v>27</v>
      </c>
      <c r="B77" s="22">
        <v>22</v>
      </c>
      <c r="C77" s="14">
        <v>21</v>
      </c>
      <c r="D77" s="18">
        <v>43</v>
      </c>
    </row>
    <row r="78" spans="1:4" ht="18" customHeight="1" x14ac:dyDescent="0.15">
      <c r="A78" s="5">
        <v>60</v>
      </c>
      <c r="B78" s="22">
        <v>0</v>
      </c>
      <c r="C78" s="14">
        <v>5</v>
      </c>
      <c r="D78" s="18">
        <v>5</v>
      </c>
    </row>
    <row r="79" spans="1:4" ht="18" customHeight="1" x14ac:dyDescent="0.15">
      <c r="A79" s="5">
        <v>61</v>
      </c>
      <c r="B79" s="22">
        <v>0</v>
      </c>
      <c r="C79" s="14">
        <v>4</v>
      </c>
      <c r="D79" s="18">
        <v>4</v>
      </c>
    </row>
    <row r="80" spans="1:4" ht="18" customHeight="1" x14ac:dyDescent="0.15">
      <c r="A80" s="5">
        <v>62</v>
      </c>
      <c r="B80" s="22">
        <v>4</v>
      </c>
      <c r="C80" s="14">
        <v>6</v>
      </c>
      <c r="D80" s="18">
        <v>10</v>
      </c>
    </row>
    <row r="81" spans="1:4" ht="18" customHeight="1" x14ac:dyDescent="0.15">
      <c r="A81" s="5">
        <v>63</v>
      </c>
      <c r="B81" s="22">
        <v>8</v>
      </c>
      <c r="C81" s="14">
        <v>5</v>
      </c>
      <c r="D81" s="18">
        <v>13</v>
      </c>
    </row>
    <row r="82" spans="1:4" ht="18" customHeight="1" x14ac:dyDescent="0.15">
      <c r="A82" s="5">
        <v>64</v>
      </c>
      <c r="B82" s="22">
        <v>6</v>
      </c>
      <c r="C82" s="14">
        <v>6</v>
      </c>
      <c r="D82" s="18">
        <v>12</v>
      </c>
    </row>
    <row r="83" spans="1:4" ht="18" customHeight="1" x14ac:dyDescent="0.15">
      <c r="A83" s="5" t="s">
        <v>28</v>
      </c>
      <c r="B83" s="22">
        <v>18</v>
      </c>
      <c r="C83" s="14">
        <v>26</v>
      </c>
      <c r="D83" s="18">
        <v>44</v>
      </c>
    </row>
    <row r="84" spans="1:4" ht="18" customHeight="1" x14ac:dyDescent="0.15">
      <c r="A84" s="5" t="s">
        <v>31</v>
      </c>
      <c r="B84" s="22">
        <v>141</v>
      </c>
      <c r="C84" s="14">
        <v>143</v>
      </c>
      <c r="D84" s="18">
        <v>284</v>
      </c>
    </row>
    <row r="85" spans="1:4" ht="18" customHeight="1" x14ac:dyDescent="0.15">
      <c r="A85" s="5">
        <v>65</v>
      </c>
      <c r="B85" s="22">
        <v>3</v>
      </c>
      <c r="C85" s="14">
        <v>8</v>
      </c>
      <c r="D85" s="18">
        <v>11</v>
      </c>
    </row>
    <row r="86" spans="1:4" ht="18" customHeight="1" x14ac:dyDescent="0.15">
      <c r="A86" s="5">
        <v>66</v>
      </c>
      <c r="B86" s="22">
        <v>11</v>
      </c>
      <c r="C86" s="14">
        <v>8</v>
      </c>
      <c r="D86" s="18">
        <v>19</v>
      </c>
    </row>
    <row r="87" spans="1:4" ht="18" customHeight="1" x14ac:dyDescent="0.15">
      <c r="A87" s="5">
        <v>67</v>
      </c>
      <c r="B87" s="22">
        <v>6</v>
      </c>
      <c r="C87" s="14">
        <v>10</v>
      </c>
      <c r="D87" s="18">
        <v>16</v>
      </c>
    </row>
    <row r="88" spans="1:4" ht="18" customHeight="1" x14ac:dyDescent="0.15">
      <c r="A88" s="5">
        <v>68</v>
      </c>
      <c r="B88" s="22">
        <v>9</v>
      </c>
      <c r="C88" s="14">
        <v>5</v>
      </c>
      <c r="D88" s="18">
        <v>14</v>
      </c>
    </row>
    <row r="89" spans="1:4" ht="18" customHeight="1" x14ac:dyDescent="0.15">
      <c r="A89" s="5">
        <v>69</v>
      </c>
      <c r="B89" s="22">
        <v>2</v>
      </c>
      <c r="C89" s="14">
        <v>7</v>
      </c>
      <c r="D89" s="18">
        <v>9</v>
      </c>
    </row>
    <row r="90" spans="1:4" ht="18" customHeight="1" x14ac:dyDescent="0.15">
      <c r="A90" s="5" t="s">
        <v>20</v>
      </c>
      <c r="B90" s="22">
        <v>31</v>
      </c>
      <c r="C90" s="14">
        <v>38</v>
      </c>
      <c r="D90" s="18">
        <v>69</v>
      </c>
    </row>
    <row r="91" spans="1:4" ht="18" customHeight="1" x14ac:dyDescent="0.15">
      <c r="A91" s="5">
        <v>70</v>
      </c>
      <c r="B91" s="22">
        <v>5</v>
      </c>
      <c r="C91" s="14">
        <v>6</v>
      </c>
      <c r="D91" s="18">
        <v>11</v>
      </c>
    </row>
    <row r="92" spans="1:4" ht="18" customHeight="1" x14ac:dyDescent="0.15">
      <c r="A92" s="5">
        <v>71</v>
      </c>
      <c r="B92" s="22">
        <v>9</v>
      </c>
      <c r="C92" s="14">
        <v>7</v>
      </c>
      <c r="D92" s="18">
        <v>16</v>
      </c>
    </row>
    <row r="93" spans="1:4" ht="18" customHeight="1" x14ac:dyDescent="0.15">
      <c r="A93" s="5">
        <v>72</v>
      </c>
      <c r="B93" s="22">
        <v>4</v>
      </c>
      <c r="C93" s="14">
        <v>7</v>
      </c>
      <c r="D93" s="18">
        <v>11</v>
      </c>
    </row>
    <row r="94" spans="1:4" ht="18" customHeight="1" x14ac:dyDescent="0.15">
      <c r="A94" s="5">
        <v>73</v>
      </c>
      <c r="B94" s="22">
        <v>4</v>
      </c>
      <c r="C94" s="14">
        <v>5</v>
      </c>
      <c r="D94" s="18">
        <v>9</v>
      </c>
    </row>
    <row r="95" spans="1:4" ht="18" customHeight="1" x14ac:dyDescent="0.15">
      <c r="A95" s="5">
        <v>74</v>
      </c>
      <c r="B95" s="22">
        <v>1</v>
      </c>
      <c r="C95" s="14">
        <v>8</v>
      </c>
      <c r="D95" s="18">
        <v>9</v>
      </c>
    </row>
    <row r="96" spans="1:4" ht="18" customHeight="1" x14ac:dyDescent="0.15">
      <c r="A96" s="5" t="s">
        <v>33</v>
      </c>
      <c r="B96" s="22">
        <v>23</v>
      </c>
      <c r="C96" s="14">
        <v>33</v>
      </c>
      <c r="D96" s="18">
        <v>56</v>
      </c>
    </row>
    <row r="97" spans="1:4" ht="18" customHeight="1" x14ac:dyDescent="0.15">
      <c r="A97" s="5">
        <v>75</v>
      </c>
      <c r="B97" s="22">
        <v>12</v>
      </c>
      <c r="C97" s="14">
        <v>11</v>
      </c>
      <c r="D97" s="18">
        <v>23</v>
      </c>
    </row>
    <row r="98" spans="1:4" ht="18" customHeight="1" x14ac:dyDescent="0.15">
      <c r="A98" s="5">
        <v>76</v>
      </c>
      <c r="B98" s="22">
        <v>8</v>
      </c>
      <c r="C98" s="14">
        <v>9</v>
      </c>
      <c r="D98" s="18">
        <v>17</v>
      </c>
    </row>
    <row r="99" spans="1:4" ht="18" customHeight="1" x14ac:dyDescent="0.15">
      <c r="A99" s="5">
        <v>77</v>
      </c>
      <c r="B99" s="22">
        <v>8</v>
      </c>
      <c r="C99" s="14">
        <v>13</v>
      </c>
      <c r="D99" s="18">
        <v>21</v>
      </c>
    </row>
    <row r="100" spans="1:4" ht="18" customHeight="1" x14ac:dyDescent="0.15">
      <c r="A100" s="5">
        <v>78</v>
      </c>
      <c r="B100" s="22">
        <v>4</v>
      </c>
      <c r="C100" s="14">
        <v>10</v>
      </c>
      <c r="D100" s="18">
        <v>14</v>
      </c>
    </row>
    <row r="101" spans="1:4" ht="18" customHeight="1" x14ac:dyDescent="0.15">
      <c r="A101" s="5">
        <v>79</v>
      </c>
      <c r="B101" s="22">
        <v>12</v>
      </c>
      <c r="C101" s="14">
        <v>14</v>
      </c>
      <c r="D101" s="18">
        <v>26</v>
      </c>
    </row>
    <row r="102" spans="1:4" ht="18" customHeight="1" x14ac:dyDescent="0.15">
      <c r="A102" s="5" t="s">
        <v>0</v>
      </c>
      <c r="B102" s="22">
        <v>44</v>
      </c>
      <c r="C102" s="14">
        <v>57</v>
      </c>
      <c r="D102" s="18">
        <v>101</v>
      </c>
    </row>
    <row r="103" spans="1:4" ht="18" customHeight="1" x14ac:dyDescent="0.15">
      <c r="A103" s="5">
        <v>80</v>
      </c>
      <c r="B103" s="22">
        <v>3</v>
      </c>
      <c r="C103" s="14">
        <v>4</v>
      </c>
      <c r="D103" s="18">
        <v>7</v>
      </c>
    </row>
    <row r="104" spans="1:4" ht="18" customHeight="1" x14ac:dyDescent="0.15">
      <c r="A104" s="5">
        <v>81</v>
      </c>
      <c r="B104" s="22">
        <v>4</v>
      </c>
      <c r="C104" s="14">
        <v>10</v>
      </c>
      <c r="D104" s="18">
        <v>14</v>
      </c>
    </row>
    <row r="105" spans="1:4" ht="18" customHeight="1" x14ac:dyDescent="0.15">
      <c r="A105" s="5">
        <v>82</v>
      </c>
      <c r="B105" s="22">
        <v>5</v>
      </c>
      <c r="C105" s="14">
        <v>8</v>
      </c>
      <c r="D105" s="18">
        <v>13</v>
      </c>
    </row>
    <row r="106" spans="1:4" ht="18" customHeight="1" x14ac:dyDescent="0.15">
      <c r="A106" s="5">
        <v>83</v>
      </c>
      <c r="B106" s="22">
        <v>7</v>
      </c>
      <c r="C106" s="14">
        <v>7</v>
      </c>
      <c r="D106" s="18">
        <v>14</v>
      </c>
    </row>
    <row r="107" spans="1:4" ht="18" customHeight="1" x14ac:dyDescent="0.15">
      <c r="A107" s="5">
        <v>84</v>
      </c>
      <c r="B107" s="22">
        <v>5</v>
      </c>
      <c r="C107" s="14">
        <v>12</v>
      </c>
      <c r="D107" s="18">
        <v>17</v>
      </c>
    </row>
    <row r="108" spans="1:4" ht="18" customHeight="1" x14ac:dyDescent="0.15">
      <c r="A108" s="5" t="s">
        <v>35</v>
      </c>
      <c r="B108" s="22">
        <v>24</v>
      </c>
      <c r="C108" s="14">
        <v>41</v>
      </c>
      <c r="D108" s="18">
        <v>65</v>
      </c>
    </row>
    <row r="109" spans="1:4" ht="18" customHeight="1" x14ac:dyDescent="0.15">
      <c r="A109" s="5">
        <v>85</v>
      </c>
      <c r="B109" s="22">
        <v>7</v>
      </c>
      <c r="C109" s="14">
        <v>7</v>
      </c>
      <c r="D109" s="18">
        <v>14</v>
      </c>
    </row>
    <row r="110" spans="1:4" ht="18" customHeight="1" x14ac:dyDescent="0.15">
      <c r="A110" s="5">
        <v>86</v>
      </c>
      <c r="B110" s="22">
        <v>4</v>
      </c>
      <c r="C110" s="14">
        <v>5</v>
      </c>
      <c r="D110" s="18">
        <v>9</v>
      </c>
    </row>
    <row r="111" spans="1:4" ht="18" customHeight="1" x14ac:dyDescent="0.15">
      <c r="A111" s="5">
        <v>87</v>
      </c>
      <c r="B111" s="22">
        <v>1</v>
      </c>
      <c r="C111" s="14">
        <v>7</v>
      </c>
      <c r="D111" s="18">
        <v>8</v>
      </c>
    </row>
    <row r="112" spans="1:4" ht="18" customHeight="1" x14ac:dyDescent="0.15">
      <c r="A112" s="5">
        <v>88</v>
      </c>
      <c r="B112" s="22">
        <v>4</v>
      </c>
      <c r="C112" s="14">
        <v>8</v>
      </c>
      <c r="D112" s="18">
        <v>12</v>
      </c>
    </row>
    <row r="113" spans="1:4" ht="18" customHeight="1" x14ac:dyDescent="0.15">
      <c r="A113" s="5">
        <v>89</v>
      </c>
      <c r="B113" s="22">
        <v>5</v>
      </c>
      <c r="C113" s="14">
        <v>6</v>
      </c>
      <c r="D113" s="18">
        <v>11</v>
      </c>
    </row>
    <row r="114" spans="1:4" ht="18" customHeight="1" x14ac:dyDescent="0.15">
      <c r="A114" s="5" t="s">
        <v>37</v>
      </c>
      <c r="B114" s="22">
        <v>21</v>
      </c>
      <c r="C114" s="14">
        <v>33</v>
      </c>
      <c r="D114" s="18">
        <v>54</v>
      </c>
    </row>
    <row r="115" spans="1:4" ht="18" customHeight="1" x14ac:dyDescent="0.15">
      <c r="A115" s="5">
        <v>90</v>
      </c>
      <c r="B115" s="22">
        <v>1</v>
      </c>
      <c r="C115" s="14">
        <v>5</v>
      </c>
      <c r="D115" s="18">
        <v>6</v>
      </c>
    </row>
    <row r="116" spans="1:4" ht="18" customHeight="1" x14ac:dyDescent="0.15">
      <c r="A116" s="5">
        <v>91</v>
      </c>
      <c r="B116" s="22">
        <v>6</v>
      </c>
      <c r="C116" s="14">
        <v>8</v>
      </c>
      <c r="D116" s="18">
        <v>14</v>
      </c>
    </row>
    <row r="117" spans="1:4" ht="18" customHeight="1" x14ac:dyDescent="0.15">
      <c r="A117" s="5">
        <v>92</v>
      </c>
      <c r="B117" s="22">
        <v>5</v>
      </c>
      <c r="C117" s="14">
        <v>8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2</v>
      </c>
      <c r="C119" s="14">
        <v>4</v>
      </c>
      <c r="D119" s="18">
        <v>6</v>
      </c>
    </row>
    <row r="120" spans="1:4" ht="18" customHeight="1" x14ac:dyDescent="0.15">
      <c r="A120" s="5" t="s">
        <v>39</v>
      </c>
      <c r="B120" s="22">
        <v>16</v>
      </c>
      <c r="C120" s="14">
        <v>29</v>
      </c>
      <c r="D120" s="18">
        <v>45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0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62</v>
      </c>
      <c r="C130" s="14">
        <v>243</v>
      </c>
      <c r="D130" s="18">
        <v>405</v>
      </c>
    </row>
    <row r="131" spans="1:4" ht="18" customHeight="1" x14ac:dyDescent="0.15">
      <c r="A131" s="7" t="s">
        <v>45</v>
      </c>
      <c r="B131" s="23">
        <v>314</v>
      </c>
      <c r="C131" s="15">
        <v>399</v>
      </c>
      <c r="D131" s="19">
        <v>7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</v>
      </c>
      <c r="C5" s="29">
        <v>2</v>
      </c>
      <c r="D5" s="31">
        <v>7</v>
      </c>
    </row>
    <row r="6" spans="1:4" ht="18" customHeight="1" x14ac:dyDescent="0.15">
      <c r="A6" s="5">
        <v>1</v>
      </c>
      <c r="B6" s="27">
        <v>7</v>
      </c>
      <c r="C6" s="14">
        <v>5</v>
      </c>
      <c r="D6" s="18">
        <v>12</v>
      </c>
    </row>
    <row r="7" spans="1:4" ht="18" customHeight="1" x14ac:dyDescent="0.15">
      <c r="A7" s="5">
        <v>2</v>
      </c>
      <c r="B7" s="27">
        <v>11</v>
      </c>
      <c r="C7" s="14">
        <v>4</v>
      </c>
      <c r="D7" s="18">
        <v>15</v>
      </c>
    </row>
    <row r="8" spans="1:4" ht="18" customHeight="1" x14ac:dyDescent="0.15">
      <c r="A8" s="5">
        <v>3</v>
      </c>
      <c r="B8" s="27">
        <v>5</v>
      </c>
      <c r="C8" s="14">
        <v>5</v>
      </c>
      <c r="D8" s="18">
        <v>10</v>
      </c>
    </row>
    <row r="9" spans="1:4" ht="18" customHeight="1" x14ac:dyDescent="0.15">
      <c r="A9" s="5">
        <v>4</v>
      </c>
      <c r="B9" s="28">
        <v>9</v>
      </c>
      <c r="C9" s="30">
        <v>15</v>
      </c>
      <c r="D9" s="32">
        <v>24</v>
      </c>
    </row>
    <row r="10" spans="1:4" ht="18" customHeight="1" x14ac:dyDescent="0.15">
      <c r="A10" s="5" t="s">
        <v>7</v>
      </c>
      <c r="B10" s="22">
        <v>37</v>
      </c>
      <c r="C10" s="14">
        <v>31</v>
      </c>
      <c r="D10" s="18">
        <v>68</v>
      </c>
    </row>
    <row r="11" spans="1:4" ht="18" customHeight="1" x14ac:dyDescent="0.15">
      <c r="A11" s="5">
        <v>5</v>
      </c>
      <c r="B11" s="27">
        <v>7</v>
      </c>
      <c r="C11" s="14">
        <v>9</v>
      </c>
      <c r="D11" s="18">
        <v>16</v>
      </c>
    </row>
    <row r="12" spans="1:4" ht="18" customHeight="1" x14ac:dyDescent="0.15">
      <c r="A12" s="5">
        <v>6</v>
      </c>
      <c r="B12" s="27">
        <v>9</v>
      </c>
      <c r="C12" s="14">
        <v>12</v>
      </c>
      <c r="D12" s="18">
        <v>21</v>
      </c>
    </row>
    <row r="13" spans="1:4" ht="18" customHeight="1" x14ac:dyDescent="0.15">
      <c r="A13" s="5">
        <v>7</v>
      </c>
      <c r="B13" s="27">
        <v>13</v>
      </c>
      <c r="C13" s="14">
        <v>15</v>
      </c>
      <c r="D13" s="18">
        <v>28</v>
      </c>
    </row>
    <row r="14" spans="1:4" ht="18" customHeight="1" x14ac:dyDescent="0.15">
      <c r="A14" s="5">
        <v>8</v>
      </c>
      <c r="B14" s="27">
        <v>16</v>
      </c>
      <c r="C14" s="14">
        <v>18</v>
      </c>
      <c r="D14" s="18">
        <v>34</v>
      </c>
    </row>
    <row r="15" spans="1:4" ht="18" customHeight="1" x14ac:dyDescent="0.15">
      <c r="A15" s="5">
        <v>9</v>
      </c>
      <c r="B15" s="27">
        <v>22</v>
      </c>
      <c r="C15" s="14">
        <v>11</v>
      </c>
      <c r="D15" s="18">
        <v>33</v>
      </c>
    </row>
    <row r="16" spans="1:4" ht="18" customHeight="1" x14ac:dyDescent="0.15">
      <c r="A16" s="5" t="s">
        <v>11</v>
      </c>
      <c r="B16" s="22">
        <v>67</v>
      </c>
      <c r="C16" s="14">
        <v>65</v>
      </c>
      <c r="D16" s="18">
        <v>132</v>
      </c>
    </row>
    <row r="17" spans="1:4" ht="18" customHeight="1" x14ac:dyDescent="0.15">
      <c r="A17" s="5">
        <v>10</v>
      </c>
      <c r="B17" s="22">
        <v>16</v>
      </c>
      <c r="C17" s="14">
        <v>13</v>
      </c>
      <c r="D17" s="18">
        <v>29</v>
      </c>
    </row>
    <row r="18" spans="1:4" ht="18" customHeight="1" x14ac:dyDescent="0.15">
      <c r="A18" s="5">
        <v>11</v>
      </c>
      <c r="B18" s="22">
        <v>17</v>
      </c>
      <c r="C18" s="14">
        <v>19</v>
      </c>
      <c r="D18" s="18">
        <v>36</v>
      </c>
    </row>
    <row r="19" spans="1:4" ht="18" customHeight="1" x14ac:dyDescent="0.15">
      <c r="A19" s="5">
        <v>12</v>
      </c>
      <c r="B19" s="22">
        <v>15</v>
      </c>
      <c r="C19" s="14">
        <v>18</v>
      </c>
      <c r="D19" s="18">
        <v>33</v>
      </c>
    </row>
    <row r="20" spans="1:4" ht="18" customHeight="1" x14ac:dyDescent="0.15">
      <c r="A20" s="5">
        <v>13</v>
      </c>
      <c r="B20" s="22">
        <v>24</v>
      </c>
      <c r="C20" s="14">
        <v>20</v>
      </c>
      <c r="D20" s="18">
        <v>44</v>
      </c>
    </row>
    <row r="21" spans="1:4" ht="18" customHeight="1" x14ac:dyDescent="0.15">
      <c r="A21" s="5">
        <v>14</v>
      </c>
      <c r="B21" s="22">
        <v>24</v>
      </c>
      <c r="C21" s="14">
        <v>12</v>
      </c>
      <c r="D21" s="18">
        <v>36</v>
      </c>
    </row>
    <row r="22" spans="1:4" ht="18" customHeight="1" x14ac:dyDescent="0.15">
      <c r="A22" s="5" t="s">
        <v>12</v>
      </c>
      <c r="B22" s="22">
        <v>96</v>
      </c>
      <c r="C22" s="14">
        <v>82</v>
      </c>
      <c r="D22" s="18">
        <v>178</v>
      </c>
    </row>
    <row r="23" spans="1:4" ht="18" customHeight="1" x14ac:dyDescent="0.15">
      <c r="A23" s="5" t="s">
        <v>6</v>
      </c>
      <c r="B23" s="22">
        <v>200</v>
      </c>
      <c r="C23" s="14">
        <v>178</v>
      </c>
      <c r="D23" s="18">
        <v>378</v>
      </c>
    </row>
    <row r="24" spans="1:4" ht="18" customHeight="1" x14ac:dyDescent="0.15">
      <c r="A24" s="5">
        <v>15</v>
      </c>
      <c r="B24" s="22">
        <v>19</v>
      </c>
      <c r="C24" s="14">
        <v>16</v>
      </c>
      <c r="D24" s="18">
        <v>35</v>
      </c>
    </row>
    <row r="25" spans="1:4" ht="18" customHeight="1" x14ac:dyDescent="0.15">
      <c r="A25" s="5">
        <v>16</v>
      </c>
      <c r="B25" s="22">
        <v>22</v>
      </c>
      <c r="C25" s="14">
        <v>19</v>
      </c>
      <c r="D25" s="18">
        <v>41</v>
      </c>
    </row>
    <row r="26" spans="1:4" ht="18" customHeight="1" x14ac:dyDescent="0.15">
      <c r="A26" s="5">
        <v>17</v>
      </c>
      <c r="B26" s="22">
        <v>29</v>
      </c>
      <c r="C26" s="14">
        <v>27</v>
      </c>
      <c r="D26" s="18">
        <v>56</v>
      </c>
    </row>
    <row r="27" spans="1:4" ht="18" customHeight="1" x14ac:dyDescent="0.15">
      <c r="A27" s="5">
        <v>18</v>
      </c>
      <c r="B27" s="22">
        <v>29</v>
      </c>
      <c r="C27" s="14">
        <v>24</v>
      </c>
      <c r="D27" s="18">
        <v>53</v>
      </c>
    </row>
    <row r="28" spans="1:4" ht="18" customHeight="1" x14ac:dyDescent="0.15">
      <c r="A28" s="5">
        <v>19</v>
      </c>
      <c r="B28" s="22">
        <v>24</v>
      </c>
      <c r="C28" s="14">
        <v>24</v>
      </c>
      <c r="D28" s="18">
        <v>48</v>
      </c>
    </row>
    <row r="29" spans="1:4" ht="18" customHeight="1" x14ac:dyDescent="0.15">
      <c r="A29" s="5" t="s">
        <v>14</v>
      </c>
      <c r="B29" s="22">
        <v>123</v>
      </c>
      <c r="C29" s="14">
        <v>110</v>
      </c>
      <c r="D29" s="18">
        <v>233</v>
      </c>
    </row>
    <row r="30" spans="1:4" ht="18" customHeight="1" x14ac:dyDescent="0.15">
      <c r="A30" s="5">
        <v>20</v>
      </c>
      <c r="B30" s="22">
        <v>20</v>
      </c>
      <c r="C30" s="14">
        <v>20</v>
      </c>
      <c r="D30" s="18">
        <v>40</v>
      </c>
    </row>
    <row r="31" spans="1:4" ht="18" customHeight="1" x14ac:dyDescent="0.15">
      <c r="A31" s="5">
        <v>21</v>
      </c>
      <c r="B31" s="22">
        <v>36</v>
      </c>
      <c r="C31" s="14">
        <v>30</v>
      </c>
      <c r="D31" s="18">
        <v>66</v>
      </c>
    </row>
    <row r="32" spans="1:4" ht="18" customHeight="1" x14ac:dyDescent="0.15">
      <c r="A32" s="5">
        <v>22</v>
      </c>
      <c r="B32" s="22">
        <v>32</v>
      </c>
      <c r="C32" s="14">
        <v>25</v>
      </c>
      <c r="D32" s="18">
        <v>57</v>
      </c>
    </row>
    <row r="33" spans="1:4" ht="18" customHeight="1" x14ac:dyDescent="0.15">
      <c r="A33" s="5">
        <v>23</v>
      </c>
      <c r="B33" s="22">
        <v>31</v>
      </c>
      <c r="C33" s="14">
        <v>23</v>
      </c>
      <c r="D33" s="18">
        <v>54</v>
      </c>
    </row>
    <row r="34" spans="1:4" ht="18" customHeight="1" x14ac:dyDescent="0.15">
      <c r="A34" s="5">
        <v>24</v>
      </c>
      <c r="B34" s="22">
        <v>17</v>
      </c>
      <c r="C34" s="14">
        <v>27</v>
      </c>
      <c r="D34" s="18">
        <v>44</v>
      </c>
    </row>
    <row r="35" spans="1:4" ht="18" customHeight="1" x14ac:dyDescent="0.15">
      <c r="A35" s="5" t="s">
        <v>9</v>
      </c>
      <c r="B35" s="22">
        <v>136</v>
      </c>
      <c r="C35" s="14">
        <v>125</v>
      </c>
      <c r="D35" s="18">
        <v>261</v>
      </c>
    </row>
    <row r="36" spans="1:4" ht="18" customHeight="1" x14ac:dyDescent="0.15">
      <c r="A36" s="5">
        <v>25</v>
      </c>
      <c r="B36" s="22">
        <v>25</v>
      </c>
      <c r="C36" s="14">
        <v>22</v>
      </c>
      <c r="D36" s="18">
        <v>47</v>
      </c>
    </row>
    <row r="37" spans="1:4" ht="18" customHeight="1" x14ac:dyDescent="0.15">
      <c r="A37" s="5">
        <v>26</v>
      </c>
      <c r="B37" s="22">
        <v>24</v>
      </c>
      <c r="C37" s="14">
        <v>14</v>
      </c>
      <c r="D37" s="18">
        <v>38</v>
      </c>
    </row>
    <row r="38" spans="1:4" ht="18" customHeight="1" x14ac:dyDescent="0.15">
      <c r="A38" s="5">
        <v>27</v>
      </c>
      <c r="B38" s="22">
        <v>22</v>
      </c>
      <c r="C38" s="14">
        <v>18</v>
      </c>
      <c r="D38" s="18">
        <v>40</v>
      </c>
    </row>
    <row r="39" spans="1:4" ht="18" customHeight="1" x14ac:dyDescent="0.15">
      <c r="A39" s="5">
        <v>28</v>
      </c>
      <c r="B39" s="22">
        <v>23</v>
      </c>
      <c r="C39" s="14">
        <v>21</v>
      </c>
      <c r="D39" s="18">
        <v>44</v>
      </c>
    </row>
    <row r="40" spans="1:4" ht="18" customHeight="1" x14ac:dyDescent="0.15">
      <c r="A40" s="5">
        <v>29</v>
      </c>
      <c r="B40" s="22">
        <v>22</v>
      </c>
      <c r="C40" s="14">
        <v>14</v>
      </c>
      <c r="D40" s="18">
        <v>36</v>
      </c>
    </row>
    <row r="41" spans="1:4" ht="18" customHeight="1" x14ac:dyDescent="0.15">
      <c r="A41" s="5" t="s">
        <v>2</v>
      </c>
      <c r="B41" s="22">
        <v>116</v>
      </c>
      <c r="C41" s="14">
        <v>89</v>
      </c>
      <c r="D41" s="18">
        <v>205</v>
      </c>
    </row>
    <row r="42" spans="1:4" ht="18" customHeight="1" x14ac:dyDescent="0.15">
      <c r="A42" s="5">
        <v>30</v>
      </c>
      <c r="B42" s="22">
        <v>22</v>
      </c>
      <c r="C42" s="14">
        <v>12</v>
      </c>
      <c r="D42" s="18">
        <v>34</v>
      </c>
    </row>
    <row r="43" spans="1:4" ht="18" customHeight="1" x14ac:dyDescent="0.15">
      <c r="A43" s="5">
        <v>31</v>
      </c>
      <c r="B43" s="22">
        <v>12</v>
      </c>
      <c r="C43" s="14">
        <v>19</v>
      </c>
      <c r="D43" s="18">
        <v>31</v>
      </c>
    </row>
    <row r="44" spans="1:4" ht="18" customHeight="1" x14ac:dyDescent="0.15">
      <c r="A44" s="5">
        <v>32</v>
      </c>
      <c r="B44" s="22">
        <v>14</v>
      </c>
      <c r="C44" s="14">
        <v>13</v>
      </c>
      <c r="D44" s="18">
        <v>27</v>
      </c>
    </row>
    <row r="45" spans="1:4" ht="18" customHeight="1" x14ac:dyDescent="0.15">
      <c r="A45" s="5">
        <v>33</v>
      </c>
      <c r="B45" s="22">
        <v>16</v>
      </c>
      <c r="C45" s="14">
        <v>17</v>
      </c>
      <c r="D45" s="18">
        <v>33</v>
      </c>
    </row>
    <row r="46" spans="1:4" ht="18" customHeight="1" x14ac:dyDescent="0.15">
      <c r="A46" s="5">
        <v>34</v>
      </c>
      <c r="B46" s="22">
        <v>12</v>
      </c>
      <c r="C46" s="14">
        <v>10</v>
      </c>
      <c r="D46" s="18">
        <v>22</v>
      </c>
    </row>
    <row r="47" spans="1:4" ht="18" customHeight="1" x14ac:dyDescent="0.15">
      <c r="A47" s="5" t="s">
        <v>15</v>
      </c>
      <c r="B47" s="22">
        <v>76</v>
      </c>
      <c r="C47" s="14">
        <v>71</v>
      </c>
      <c r="D47" s="18">
        <v>147</v>
      </c>
    </row>
    <row r="48" spans="1:4" ht="18" customHeight="1" x14ac:dyDescent="0.15">
      <c r="A48" s="5">
        <v>35</v>
      </c>
      <c r="B48" s="22">
        <v>6</v>
      </c>
      <c r="C48" s="14">
        <v>12</v>
      </c>
      <c r="D48" s="18">
        <v>18</v>
      </c>
    </row>
    <row r="49" spans="1:4" ht="18" customHeight="1" x14ac:dyDescent="0.15">
      <c r="A49" s="5">
        <v>36</v>
      </c>
      <c r="B49" s="22">
        <v>21</v>
      </c>
      <c r="C49" s="14">
        <v>17</v>
      </c>
      <c r="D49" s="18">
        <v>38</v>
      </c>
    </row>
    <row r="50" spans="1:4" ht="18" customHeight="1" x14ac:dyDescent="0.15">
      <c r="A50" s="5">
        <v>37</v>
      </c>
      <c r="B50" s="22">
        <v>22</v>
      </c>
      <c r="C50" s="14">
        <v>21</v>
      </c>
      <c r="D50" s="18">
        <v>43</v>
      </c>
    </row>
    <row r="51" spans="1:4" ht="18" customHeight="1" x14ac:dyDescent="0.15">
      <c r="A51" s="5">
        <v>38</v>
      </c>
      <c r="B51" s="22">
        <v>16</v>
      </c>
      <c r="C51" s="14">
        <v>12</v>
      </c>
      <c r="D51" s="18">
        <v>28</v>
      </c>
    </row>
    <row r="52" spans="1:4" ht="18" customHeight="1" x14ac:dyDescent="0.15">
      <c r="A52" s="5">
        <v>39</v>
      </c>
      <c r="B52" s="22">
        <v>20</v>
      </c>
      <c r="C52" s="14">
        <v>13</v>
      </c>
      <c r="D52" s="18">
        <v>33</v>
      </c>
    </row>
    <row r="53" spans="1:4" ht="18" customHeight="1" x14ac:dyDescent="0.15">
      <c r="A53" s="5" t="s">
        <v>18</v>
      </c>
      <c r="B53" s="22">
        <v>85</v>
      </c>
      <c r="C53" s="14">
        <v>75</v>
      </c>
      <c r="D53" s="18">
        <v>160</v>
      </c>
    </row>
    <row r="54" spans="1:4" ht="18" customHeight="1" x14ac:dyDescent="0.15">
      <c r="A54" s="5">
        <v>40</v>
      </c>
      <c r="B54" s="22">
        <v>12</v>
      </c>
      <c r="C54" s="14">
        <v>14</v>
      </c>
      <c r="D54" s="18">
        <v>26</v>
      </c>
    </row>
    <row r="55" spans="1:4" ht="18" customHeight="1" x14ac:dyDescent="0.15">
      <c r="A55" s="5">
        <v>41</v>
      </c>
      <c r="B55" s="22">
        <v>20</v>
      </c>
      <c r="C55" s="14">
        <v>18</v>
      </c>
      <c r="D55" s="18">
        <v>38</v>
      </c>
    </row>
    <row r="56" spans="1:4" ht="18" customHeight="1" x14ac:dyDescent="0.15">
      <c r="A56" s="5">
        <v>42</v>
      </c>
      <c r="B56" s="22">
        <v>22</v>
      </c>
      <c r="C56" s="14">
        <v>23</v>
      </c>
      <c r="D56" s="18">
        <v>45</v>
      </c>
    </row>
    <row r="57" spans="1:4" ht="18" customHeight="1" x14ac:dyDescent="0.15">
      <c r="A57" s="5">
        <v>43</v>
      </c>
      <c r="B57" s="22">
        <v>24</v>
      </c>
      <c r="C57" s="14">
        <v>28</v>
      </c>
      <c r="D57" s="18">
        <v>52</v>
      </c>
    </row>
    <row r="58" spans="1:4" ht="18" customHeight="1" x14ac:dyDescent="0.15">
      <c r="A58" s="5">
        <v>44</v>
      </c>
      <c r="B58" s="22">
        <v>16</v>
      </c>
      <c r="C58" s="14">
        <v>27</v>
      </c>
      <c r="D58" s="18">
        <v>43</v>
      </c>
    </row>
    <row r="59" spans="1:4" ht="18" customHeight="1" x14ac:dyDescent="0.15">
      <c r="A59" s="5" t="s">
        <v>21</v>
      </c>
      <c r="B59" s="22">
        <v>94</v>
      </c>
      <c r="C59" s="14">
        <v>110</v>
      </c>
      <c r="D59" s="18">
        <v>204</v>
      </c>
    </row>
    <row r="60" spans="1:4" ht="18" customHeight="1" x14ac:dyDescent="0.15">
      <c r="A60" s="5">
        <v>45</v>
      </c>
      <c r="B60" s="22">
        <v>24</v>
      </c>
      <c r="C60" s="14">
        <v>26</v>
      </c>
      <c r="D60" s="18">
        <v>50</v>
      </c>
    </row>
    <row r="61" spans="1:4" ht="18" customHeight="1" x14ac:dyDescent="0.15">
      <c r="A61" s="5">
        <v>46</v>
      </c>
      <c r="B61" s="22">
        <v>30</v>
      </c>
      <c r="C61" s="14">
        <v>27</v>
      </c>
      <c r="D61" s="18">
        <v>57</v>
      </c>
    </row>
    <row r="62" spans="1:4" ht="18" customHeight="1" x14ac:dyDescent="0.15">
      <c r="A62" s="5">
        <v>47</v>
      </c>
      <c r="B62" s="22">
        <v>31</v>
      </c>
      <c r="C62" s="14">
        <v>35</v>
      </c>
      <c r="D62" s="18">
        <v>66</v>
      </c>
    </row>
    <row r="63" spans="1:4" ht="18" customHeight="1" x14ac:dyDescent="0.15">
      <c r="A63" s="5">
        <v>48</v>
      </c>
      <c r="B63" s="22">
        <v>33</v>
      </c>
      <c r="C63" s="14">
        <v>30</v>
      </c>
      <c r="D63" s="18">
        <v>63</v>
      </c>
    </row>
    <row r="64" spans="1:4" ht="18" customHeight="1" x14ac:dyDescent="0.15">
      <c r="A64" s="5">
        <v>49</v>
      </c>
      <c r="B64" s="22">
        <v>46</v>
      </c>
      <c r="C64" s="14">
        <v>36</v>
      </c>
      <c r="D64" s="18">
        <v>82</v>
      </c>
    </row>
    <row r="65" spans="1:4" ht="18" customHeight="1" x14ac:dyDescent="0.15">
      <c r="A65" s="5" t="s">
        <v>17</v>
      </c>
      <c r="B65" s="22">
        <v>164</v>
      </c>
      <c r="C65" s="14">
        <v>154</v>
      </c>
      <c r="D65" s="18">
        <v>318</v>
      </c>
    </row>
    <row r="66" spans="1:4" ht="18" customHeight="1" x14ac:dyDescent="0.15">
      <c r="A66" s="5">
        <v>50</v>
      </c>
      <c r="B66" s="22">
        <v>42</v>
      </c>
      <c r="C66" s="14">
        <v>35</v>
      </c>
      <c r="D66" s="18">
        <v>77</v>
      </c>
    </row>
    <row r="67" spans="1:4" ht="18" customHeight="1" x14ac:dyDescent="0.15">
      <c r="A67" s="5">
        <v>51</v>
      </c>
      <c r="B67" s="22">
        <v>46</v>
      </c>
      <c r="C67" s="14">
        <v>45</v>
      </c>
      <c r="D67" s="18">
        <v>91</v>
      </c>
    </row>
    <row r="68" spans="1:4" ht="18" customHeight="1" x14ac:dyDescent="0.15">
      <c r="A68" s="5">
        <v>52</v>
      </c>
      <c r="B68" s="22">
        <v>53</v>
      </c>
      <c r="C68" s="14">
        <v>54</v>
      </c>
      <c r="D68" s="18">
        <v>107</v>
      </c>
    </row>
    <row r="69" spans="1:4" ht="18" customHeight="1" x14ac:dyDescent="0.15">
      <c r="A69" s="5">
        <v>53</v>
      </c>
      <c r="B69" s="22">
        <v>47</v>
      </c>
      <c r="C69" s="14">
        <v>62</v>
      </c>
      <c r="D69" s="18">
        <v>109</v>
      </c>
    </row>
    <row r="70" spans="1:4" ht="18" customHeight="1" x14ac:dyDescent="0.15">
      <c r="A70" s="5">
        <v>54</v>
      </c>
      <c r="B70" s="22">
        <v>50</v>
      </c>
      <c r="C70" s="14">
        <v>58</v>
      </c>
      <c r="D70" s="18">
        <v>108</v>
      </c>
    </row>
    <row r="71" spans="1:4" ht="18" customHeight="1" x14ac:dyDescent="0.15">
      <c r="A71" s="5" t="s">
        <v>22</v>
      </c>
      <c r="B71" s="22">
        <v>238</v>
      </c>
      <c r="C71" s="14">
        <v>254</v>
      </c>
      <c r="D71" s="18">
        <v>492</v>
      </c>
    </row>
    <row r="72" spans="1:4" ht="18" customHeight="1" x14ac:dyDescent="0.15">
      <c r="A72" s="5">
        <v>55</v>
      </c>
      <c r="B72" s="22">
        <v>41</v>
      </c>
      <c r="C72" s="14">
        <v>47</v>
      </c>
      <c r="D72" s="18">
        <v>88</v>
      </c>
    </row>
    <row r="73" spans="1:4" ht="18" customHeight="1" x14ac:dyDescent="0.15">
      <c r="A73" s="5">
        <v>56</v>
      </c>
      <c r="B73" s="22">
        <v>53</v>
      </c>
      <c r="C73" s="14">
        <v>48</v>
      </c>
      <c r="D73" s="18">
        <v>101</v>
      </c>
    </row>
    <row r="74" spans="1:4" ht="18" customHeight="1" x14ac:dyDescent="0.15">
      <c r="A74" s="5">
        <v>57</v>
      </c>
      <c r="B74" s="22">
        <v>41</v>
      </c>
      <c r="C74" s="14">
        <v>34</v>
      </c>
      <c r="D74" s="18">
        <v>75</v>
      </c>
    </row>
    <row r="75" spans="1:4" ht="18" customHeight="1" x14ac:dyDescent="0.15">
      <c r="A75" s="5">
        <v>58</v>
      </c>
      <c r="B75" s="22">
        <v>49</v>
      </c>
      <c r="C75" s="14">
        <v>44</v>
      </c>
      <c r="D75" s="18">
        <v>93</v>
      </c>
    </row>
    <row r="76" spans="1:4" ht="18" customHeight="1" x14ac:dyDescent="0.15">
      <c r="A76" s="5">
        <v>59</v>
      </c>
      <c r="B76" s="22">
        <v>36</v>
      </c>
      <c r="C76" s="14">
        <v>37</v>
      </c>
      <c r="D76" s="18">
        <v>73</v>
      </c>
    </row>
    <row r="77" spans="1:4" ht="18" customHeight="1" x14ac:dyDescent="0.15">
      <c r="A77" s="5" t="s">
        <v>27</v>
      </c>
      <c r="B77" s="22">
        <v>220</v>
      </c>
      <c r="C77" s="14">
        <v>210</v>
      </c>
      <c r="D77" s="18">
        <v>430</v>
      </c>
    </row>
    <row r="78" spans="1:4" ht="18" customHeight="1" x14ac:dyDescent="0.15">
      <c r="A78" s="5">
        <v>60</v>
      </c>
      <c r="B78" s="22">
        <v>30</v>
      </c>
      <c r="C78" s="14">
        <v>22</v>
      </c>
      <c r="D78" s="18">
        <v>52</v>
      </c>
    </row>
    <row r="79" spans="1:4" ht="18" customHeight="1" x14ac:dyDescent="0.15">
      <c r="A79" s="5">
        <v>61</v>
      </c>
      <c r="B79" s="22">
        <v>30</v>
      </c>
      <c r="C79" s="14">
        <v>32</v>
      </c>
      <c r="D79" s="18">
        <v>62</v>
      </c>
    </row>
    <row r="80" spans="1:4" ht="18" customHeight="1" x14ac:dyDescent="0.15">
      <c r="A80" s="5">
        <v>62</v>
      </c>
      <c r="B80" s="22">
        <v>40</v>
      </c>
      <c r="C80" s="14">
        <v>23</v>
      </c>
      <c r="D80" s="18">
        <v>63</v>
      </c>
    </row>
    <row r="81" spans="1:4" ht="18" customHeight="1" x14ac:dyDescent="0.15">
      <c r="A81" s="5">
        <v>63</v>
      </c>
      <c r="B81" s="22">
        <v>33</v>
      </c>
      <c r="C81" s="14">
        <v>45</v>
      </c>
      <c r="D81" s="18">
        <v>78</v>
      </c>
    </row>
    <row r="82" spans="1:4" ht="18" customHeight="1" x14ac:dyDescent="0.15">
      <c r="A82" s="5">
        <v>64</v>
      </c>
      <c r="B82" s="22">
        <v>41</v>
      </c>
      <c r="C82" s="14">
        <v>28</v>
      </c>
      <c r="D82" s="18">
        <v>69</v>
      </c>
    </row>
    <row r="83" spans="1:4" ht="18" customHeight="1" x14ac:dyDescent="0.15">
      <c r="A83" s="5" t="s">
        <v>28</v>
      </c>
      <c r="B83" s="22">
        <v>174</v>
      </c>
      <c r="C83" s="14">
        <v>150</v>
      </c>
      <c r="D83" s="18">
        <v>324</v>
      </c>
    </row>
    <row r="84" spans="1:4" ht="18" customHeight="1" x14ac:dyDescent="0.15">
      <c r="A84" s="5" t="s">
        <v>31</v>
      </c>
      <c r="B84" s="22">
        <v>1426</v>
      </c>
      <c r="C84" s="14">
        <v>1348</v>
      </c>
      <c r="D84" s="18">
        <v>2774</v>
      </c>
    </row>
    <row r="85" spans="1:4" ht="18" customHeight="1" x14ac:dyDescent="0.15">
      <c r="A85" s="5">
        <v>65</v>
      </c>
      <c r="B85" s="22">
        <v>17</v>
      </c>
      <c r="C85" s="14">
        <v>29</v>
      </c>
      <c r="D85" s="18">
        <v>46</v>
      </c>
    </row>
    <row r="86" spans="1:4" ht="18" customHeight="1" x14ac:dyDescent="0.15">
      <c r="A86" s="5">
        <v>66</v>
      </c>
      <c r="B86" s="22">
        <v>28</v>
      </c>
      <c r="C86" s="14">
        <v>35</v>
      </c>
      <c r="D86" s="18">
        <v>63</v>
      </c>
    </row>
    <row r="87" spans="1:4" ht="18" customHeight="1" x14ac:dyDescent="0.15">
      <c r="A87" s="5">
        <v>67</v>
      </c>
      <c r="B87" s="22">
        <v>30</v>
      </c>
      <c r="C87" s="14">
        <v>24</v>
      </c>
      <c r="D87" s="18">
        <v>54</v>
      </c>
    </row>
    <row r="88" spans="1:4" ht="18" customHeight="1" x14ac:dyDescent="0.15">
      <c r="A88" s="5">
        <v>68</v>
      </c>
      <c r="B88" s="22">
        <v>31</v>
      </c>
      <c r="C88" s="14">
        <v>29</v>
      </c>
      <c r="D88" s="18">
        <v>60</v>
      </c>
    </row>
    <row r="89" spans="1:4" ht="18" customHeight="1" x14ac:dyDescent="0.15">
      <c r="A89" s="5">
        <v>69</v>
      </c>
      <c r="B89" s="22">
        <v>32</v>
      </c>
      <c r="C89" s="14">
        <v>27</v>
      </c>
      <c r="D89" s="18">
        <v>59</v>
      </c>
    </row>
    <row r="90" spans="1:4" ht="18" customHeight="1" x14ac:dyDescent="0.15">
      <c r="A90" s="5" t="s">
        <v>20</v>
      </c>
      <c r="B90" s="22">
        <v>138</v>
      </c>
      <c r="C90" s="14">
        <v>144</v>
      </c>
      <c r="D90" s="18">
        <v>282</v>
      </c>
    </row>
    <row r="91" spans="1:4" ht="18" customHeight="1" x14ac:dyDescent="0.15">
      <c r="A91" s="5">
        <v>70</v>
      </c>
      <c r="B91" s="22">
        <v>27</v>
      </c>
      <c r="C91" s="14">
        <v>34</v>
      </c>
      <c r="D91" s="18">
        <v>61</v>
      </c>
    </row>
    <row r="92" spans="1:4" ht="18" customHeight="1" x14ac:dyDescent="0.15">
      <c r="A92" s="5">
        <v>71</v>
      </c>
      <c r="B92" s="22">
        <v>39</v>
      </c>
      <c r="C92" s="14">
        <v>29</v>
      </c>
      <c r="D92" s="18">
        <v>68</v>
      </c>
    </row>
    <row r="93" spans="1:4" ht="18" customHeight="1" x14ac:dyDescent="0.15">
      <c r="A93" s="5">
        <v>72</v>
      </c>
      <c r="B93" s="22">
        <v>33</v>
      </c>
      <c r="C93" s="14">
        <v>31</v>
      </c>
      <c r="D93" s="18">
        <v>64</v>
      </c>
    </row>
    <row r="94" spans="1:4" ht="18" customHeight="1" x14ac:dyDescent="0.15">
      <c r="A94" s="5">
        <v>73</v>
      </c>
      <c r="B94" s="22">
        <v>27</v>
      </c>
      <c r="C94" s="14">
        <v>39</v>
      </c>
      <c r="D94" s="18">
        <v>66</v>
      </c>
    </row>
    <row r="95" spans="1:4" ht="18" customHeight="1" x14ac:dyDescent="0.15">
      <c r="A95" s="5">
        <v>74</v>
      </c>
      <c r="B95" s="22">
        <v>33</v>
      </c>
      <c r="C95" s="14">
        <v>29</v>
      </c>
      <c r="D95" s="18">
        <v>62</v>
      </c>
    </row>
    <row r="96" spans="1:4" ht="18" customHeight="1" x14ac:dyDescent="0.15">
      <c r="A96" s="5" t="s">
        <v>33</v>
      </c>
      <c r="B96" s="22">
        <v>159</v>
      </c>
      <c r="C96" s="14">
        <v>162</v>
      </c>
      <c r="D96" s="18">
        <v>321</v>
      </c>
    </row>
    <row r="97" spans="1:4" ht="18" customHeight="1" x14ac:dyDescent="0.15">
      <c r="A97" s="5">
        <v>75</v>
      </c>
      <c r="B97" s="22">
        <v>26</v>
      </c>
      <c r="C97" s="14">
        <v>26</v>
      </c>
      <c r="D97" s="18">
        <v>52</v>
      </c>
    </row>
    <row r="98" spans="1:4" ht="18" customHeight="1" x14ac:dyDescent="0.15">
      <c r="A98" s="5">
        <v>76</v>
      </c>
      <c r="B98" s="22">
        <v>36</v>
      </c>
      <c r="C98" s="14">
        <v>40</v>
      </c>
      <c r="D98" s="18">
        <v>76</v>
      </c>
    </row>
    <row r="99" spans="1:4" ht="18" customHeight="1" x14ac:dyDescent="0.15">
      <c r="A99" s="5">
        <v>77</v>
      </c>
      <c r="B99" s="22">
        <v>36</v>
      </c>
      <c r="C99" s="14">
        <v>54</v>
      </c>
      <c r="D99" s="18">
        <v>90</v>
      </c>
    </row>
    <row r="100" spans="1:4" ht="18" customHeight="1" x14ac:dyDescent="0.15">
      <c r="A100" s="5">
        <v>78</v>
      </c>
      <c r="B100" s="22">
        <v>32</v>
      </c>
      <c r="C100" s="14">
        <v>45</v>
      </c>
      <c r="D100" s="18">
        <v>77</v>
      </c>
    </row>
    <row r="101" spans="1:4" ht="18" customHeight="1" x14ac:dyDescent="0.15">
      <c r="A101" s="5">
        <v>79</v>
      </c>
      <c r="B101" s="22">
        <v>30</v>
      </c>
      <c r="C101" s="14">
        <v>48</v>
      </c>
      <c r="D101" s="18">
        <v>78</v>
      </c>
    </row>
    <row r="102" spans="1:4" ht="18" customHeight="1" x14ac:dyDescent="0.15">
      <c r="A102" s="5" t="s">
        <v>0</v>
      </c>
      <c r="B102" s="22">
        <v>160</v>
      </c>
      <c r="C102" s="14">
        <v>213</v>
      </c>
      <c r="D102" s="18">
        <v>373</v>
      </c>
    </row>
    <row r="103" spans="1:4" ht="18" customHeight="1" x14ac:dyDescent="0.15">
      <c r="A103" s="5">
        <v>80</v>
      </c>
      <c r="B103" s="22">
        <v>21</v>
      </c>
      <c r="C103" s="14">
        <v>21</v>
      </c>
      <c r="D103" s="18">
        <v>42</v>
      </c>
    </row>
    <row r="104" spans="1:4" ht="18" customHeight="1" x14ac:dyDescent="0.15">
      <c r="A104" s="5">
        <v>81</v>
      </c>
      <c r="B104" s="22">
        <v>18</v>
      </c>
      <c r="C104" s="14">
        <v>27</v>
      </c>
      <c r="D104" s="18">
        <v>45</v>
      </c>
    </row>
    <row r="105" spans="1:4" ht="18" customHeight="1" x14ac:dyDescent="0.15">
      <c r="A105" s="5">
        <v>82</v>
      </c>
      <c r="B105" s="22">
        <v>21</v>
      </c>
      <c r="C105" s="14">
        <v>29</v>
      </c>
      <c r="D105" s="18">
        <v>50</v>
      </c>
    </row>
    <row r="106" spans="1:4" ht="18" customHeight="1" x14ac:dyDescent="0.15">
      <c r="A106" s="5">
        <v>83</v>
      </c>
      <c r="B106" s="22">
        <v>17</v>
      </c>
      <c r="C106" s="14">
        <v>26</v>
      </c>
      <c r="D106" s="18">
        <v>43</v>
      </c>
    </row>
    <row r="107" spans="1:4" ht="18" customHeight="1" x14ac:dyDescent="0.15">
      <c r="A107" s="5">
        <v>84</v>
      </c>
      <c r="B107" s="22">
        <v>17</v>
      </c>
      <c r="C107" s="14">
        <v>21</v>
      </c>
      <c r="D107" s="18">
        <v>38</v>
      </c>
    </row>
    <row r="108" spans="1:4" ht="18" customHeight="1" x14ac:dyDescent="0.15">
      <c r="A108" s="5" t="s">
        <v>35</v>
      </c>
      <c r="B108" s="22">
        <v>94</v>
      </c>
      <c r="C108" s="14">
        <v>124</v>
      </c>
      <c r="D108" s="18">
        <v>218</v>
      </c>
    </row>
    <row r="109" spans="1:4" ht="18" customHeight="1" x14ac:dyDescent="0.15">
      <c r="A109" s="5">
        <v>85</v>
      </c>
      <c r="B109" s="22">
        <v>10</v>
      </c>
      <c r="C109" s="14">
        <v>22</v>
      </c>
      <c r="D109" s="18">
        <v>32</v>
      </c>
    </row>
    <row r="110" spans="1:4" ht="18" customHeight="1" x14ac:dyDescent="0.15">
      <c r="A110" s="5">
        <v>86</v>
      </c>
      <c r="B110" s="22">
        <v>10</v>
      </c>
      <c r="C110" s="14">
        <v>22</v>
      </c>
      <c r="D110" s="18">
        <v>32</v>
      </c>
    </row>
    <row r="111" spans="1:4" ht="18" customHeight="1" x14ac:dyDescent="0.15">
      <c r="A111" s="5">
        <v>87</v>
      </c>
      <c r="B111" s="22">
        <v>4</v>
      </c>
      <c r="C111" s="14">
        <v>16</v>
      </c>
      <c r="D111" s="18">
        <v>20</v>
      </c>
    </row>
    <row r="112" spans="1:4" ht="18" customHeight="1" x14ac:dyDescent="0.15">
      <c r="A112" s="5">
        <v>88</v>
      </c>
      <c r="B112" s="22">
        <v>9</v>
      </c>
      <c r="C112" s="14">
        <v>12</v>
      </c>
      <c r="D112" s="18">
        <v>21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39</v>
      </c>
      <c r="C114" s="14">
        <v>85</v>
      </c>
      <c r="D114" s="18">
        <v>124</v>
      </c>
    </row>
    <row r="115" spans="1:4" ht="18" customHeight="1" x14ac:dyDescent="0.15">
      <c r="A115" s="5">
        <v>90</v>
      </c>
      <c r="B115" s="22">
        <v>6</v>
      </c>
      <c r="C115" s="14">
        <v>20</v>
      </c>
      <c r="D115" s="18">
        <v>26</v>
      </c>
    </row>
    <row r="116" spans="1:4" ht="18" customHeight="1" x14ac:dyDescent="0.15">
      <c r="A116" s="5">
        <v>91</v>
      </c>
      <c r="B116" s="22">
        <v>4</v>
      </c>
      <c r="C116" s="14">
        <v>7</v>
      </c>
      <c r="D116" s="18">
        <v>11</v>
      </c>
    </row>
    <row r="117" spans="1:4" ht="18" customHeight="1" x14ac:dyDescent="0.15">
      <c r="A117" s="5">
        <v>92</v>
      </c>
      <c r="B117" s="22">
        <v>5</v>
      </c>
      <c r="C117" s="14">
        <v>14</v>
      </c>
      <c r="D117" s="18">
        <v>19</v>
      </c>
    </row>
    <row r="118" spans="1:4" ht="18" customHeight="1" x14ac:dyDescent="0.15">
      <c r="A118" s="5">
        <v>93</v>
      </c>
      <c r="B118" s="22">
        <v>0</v>
      </c>
      <c r="C118" s="14">
        <v>11</v>
      </c>
      <c r="D118" s="18">
        <v>11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15</v>
      </c>
      <c r="C120" s="14">
        <v>59</v>
      </c>
      <c r="D120" s="18">
        <v>74</v>
      </c>
    </row>
    <row r="121" spans="1:4" ht="18" customHeight="1" x14ac:dyDescent="0.15">
      <c r="A121" s="5">
        <v>95</v>
      </c>
      <c r="B121" s="22">
        <v>2</v>
      </c>
      <c r="C121" s="14">
        <v>4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6</v>
      </c>
      <c r="C126" s="14">
        <v>16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8</v>
      </c>
      <c r="D129" s="18">
        <v>8</v>
      </c>
    </row>
    <row r="130" spans="1:4" ht="18" customHeight="1" x14ac:dyDescent="0.15">
      <c r="A130" s="5" t="s">
        <v>46</v>
      </c>
      <c r="B130" s="22">
        <v>611</v>
      </c>
      <c r="C130" s="14">
        <v>811</v>
      </c>
      <c r="D130" s="18">
        <v>1422</v>
      </c>
    </row>
    <row r="131" spans="1:4" ht="18" customHeight="1" x14ac:dyDescent="0.15">
      <c r="A131" s="7" t="s">
        <v>45</v>
      </c>
      <c r="B131" s="23">
        <v>2237</v>
      </c>
      <c r="C131" s="15">
        <v>2337</v>
      </c>
      <c r="D131" s="19">
        <v>45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0</v>
      </c>
      <c r="D5" s="31">
        <v>2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1</v>
      </c>
      <c r="C7" s="14">
        <v>0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2</v>
      </c>
      <c r="D9" s="32">
        <v>2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0</v>
      </c>
      <c r="D13" s="18">
        <v>2</v>
      </c>
    </row>
    <row r="14" spans="1:4" ht="18" customHeight="1" x14ac:dyDescent="0.15">
      <c r="A14" s="5">
        <v>8</v>
      </c>
      <c r="B14" s="27">
        <v>2</v>
      </c>
      <c r="C14" s="14">
        <v>3</v>
      </c>
      <c r="D14" s="18">
        <v>5</v>
      </c>
    </row>
    <row r="15" spans="1:4" ht="18" customHeight="1" x14ac:dyDescent="0.15">
      <c r="A15" s="5">
        <v>9</v>
      </c>
      <c r="B15" s="27">
        <v>5</v>
      </c>
      <c r="C15" s="14">
        <v>1</v>
      </c>
      <c r="D15" s="18">
        <v>6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3</v>
      </c>
      <c r="C17" s="14">
        <v>3</v>
      </c>
      <c r="D17" s="18">
        <v>6</v>
      </c>
    </row>
    <row r="18" spans="1:4" ht="18" customHeight="1" x14ac:dyDescent="0.15">
      <c r="A18" s="5">
        <v>11</v>
      </c>
      <c r="B18" s="22">
        <v>2</v>
      </c>
      <c r="C18" s="14">
        <v>3</v>
      </c>
      <c r="D18" s="18">
        <v>5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2</v>
      </c>
      <c r="C20" s="14">
        <v>3</v>
      </c>
      <c r="D20" s="18">
        <v>5</v>
      </c>
    </row>
    <row r="21" spans="1:4" ht="18" customHeight="1" x14ac:dyDescent="0.15">
      <c r="A21" s="5">
        <v>14</v>
      </c>
      <c r="B21" s="22">
        <v>3</v>
      </c>
      <c r="C21" s="14">
        <v>2</v>
      </c>
      <c r="D21" s="18">
        <v>5</v>
      </c>
    </row>
    <row r="22" spans="1:4" ht="18" customHeight="1" x14ac:dyDescent="0.15">
      <c r="A22" s="5" t="s">
        <v>12</v>
      </c>
      <c r="B22" s="22">
        <v>10</v>
      </c>
      <c r="C22" s="14">
        <v>12</v>
      </c>
      <c r="D22" s="18">
        <v>22</v>
      </c>
    </row>
    <row r="23" spans="1:4" ht="18" customHeight="1" x14ac:dyDescent="0.15">
      <c r="A23" s="5" t="s">
        <v>6</v>
      </c>
      <c r="B23" s="22">
        <v>24</v>
      </c>
      <c r="C23" s="14">
        <v>21</v>
      </c>
      <c r="D23" s="18">
        <v>45</v>
      </c>
    </row>
    <row r="24" spans="1:4" ht="18" customHeight="1" x14ac:dyDescent="0.15">
      <c r="A24" s="5">
        <v>15</v>
      </c>
      <c r="B24" s="22">
        <v>4</v>
      </c>
      <c r="C24" s="14">
        <v>2</v>
      </c>
      <c r="D24" s="18">
        <v>6</v>
      </c>
    </row>
    <row r="25" spans="1:4" ht="18" customHeight="1" x14ac:dyDescent="0.15">
      <c r="A25" s="5">
        <v>16</v>
      </c>
      <c r="B25" s="22">
        <v>4</v>
      </c>
      <c r="C25" s="14">
        <v>3</v>
      </c>
      <c r="D25" s="18">
        <v>7</v>
      </c>
    </row>
    <row r="26" spans="1:4" ht="18" customHeight="1" x14ac:dyDescent="0.15">
      <c r="A26" s="5">
        <v>17</v>
      </c>
      <c r="B26" s="22">
        <v>3</v>
      </c>
      <c r="C26" s="14">
        <v>4</v>
      </c>
      <c r="D26" s="18">
        <v>7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3</v>
      </c>
      <c r="C28" s="14">
        <v>3</v>
      </c>
      <c r="D28" s="18">
        <v>6</v>
      </c>
    </row>
    <row r="29" spans="1:4" ht="18" customHeight="1" x14ac:dyDescent="0.15">
      <c r="A29" s="5" t="s">
        <v>14</v>
      </c>
      <c r="B29" s="22">
        <v>15</v>
      </c>
      <c r="C29" s="14">
        <v>13</v>
      </c>
      <c r="D29" s="18">
        <v>28</v>
      </c>
    </row>
    <row r="30" spans="1:4" ht="18" customHeight="1" x14ac:dyDescent="0.15">
      <c r="A30" s="5">
        <v>20</v>
      </c>
      <c r="B30" s="22">
        <v>5</v>
      </c>
      <c r="C30" s="14">
        <v>1</v>
      </c>
      <c r="D30" s="18">
        <v>6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5</v>
      </c>
      <c r="C32" s="14">
        <v>2</v>
      </c>
      <c r="D32" s="18">
        <v>7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0</v>
      </c>
      <c r="C34" s="14">
        <v>3</v>
      </c>
      <c r="D34" s="18">
        <v>3</v>
      </c>
    </row>
    <row r="35" spans="1:4" ht="18" customHeight="1" x14ac:dyDescent="0.15">
      <c r="A35" s="5" t="s">
        <v>9</v>
      </c>
      <c r="B35" s="22">
        <v>17</v>
      </c>
      <c r="C35" s="14">
        <v>12</v>
      </c>
      <c r="D35" s="18">
        <v>29</v>
      </c>
    </row>
    <row r="36" spans="1:4" ht="18" customHeight="1" x14ac:dyDescent="0.15">
      <c r="A36" s="5">
        <v>25</v>
      </c>
      <c r="B36" s="22">
        <v>5</v>
      </c>
      <c r="C36" s="14">
        <v>4</v>
      </c>
      <c r="D36" s="18">
        <v>9</v>
      </c>
    </row>
    <row r="37" spans="1:4" ht="18" customHeight="1" x14ac:dyDescent="0.15">
      <c r="A37" s="5">
        <v>26</v>
      </c>
      <c r="B37" s="22">
        <v>3</v>
      </c>
      <c r="C37" s="14">
        <v>2</v>
      </c>
      <c r="D37" s="18">
        <v>5</v>
      </c>
    </row>
    <row r="38" spans="1:4" ht="18" customHeight="1" x14ac:dyDescent="0.15">
      <c r="A38" s="5">
        <v>27</v>
      </c>
      <c r="B38" s="22">
        <v>5</v>
      </c>
      <c r="C38" s="14">
        <v>3</v>
      </c>
      <c r="D38" s="18">
        <v>8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3</v>
      </c>
      <c r="C40" s="14">
        <v>2</v>
      </c>
      <c r="D40" s="18">
        <v>5</v>
      </c>
    </row>
    <row r="41" spans="1:4" ht="18" customHeight="1" x14ac:dyDescent="0.15">
      <c r="A41" s="5" t="s">
        <v>2</v>
      </c>
      <c r="B41" s="22">
        <v>19</v>
      </c>
      <c r="C41" s="14">
        <v>13</v>
      </c>
      <c r="D41" s="18">
        <v>32</v>
      </c>
    </row>
    <row r="42" spans="1:4" ht="18" customHeight="1" x14ac:dyDescent="0.15">
      <c r="A42" s="5">
        <v>30</v>
      </c>
      <c r="B42" s="22">
        <v>3</v>
      </c>
      <c r="C42" s="14">
        <v>4</v>
      </c>
      <c r="D42" s="18">
        <v>7</v>
      </c>
    </row>
    <row r="43" spans="1:4" ht="18" customHeight="1" x14ac:dyDescent="0.15">
      <c r="A43" s="5">
        <v>31</v>
      </c>
      <c r="B43" s="22">
        <v>2</v>
      </c>
      <c r="C43" s="14">
        <v>3</v>
      </c>
      <c r="D43" s="18">
        <v>5</v>
      </c>
    </row>
    <row r="44" spans="1:4" ht="18" customHeight="1" x14ac:dyDescent="0.15">
      <c r="A44" s="5">
        <v>32</v>
      </c>
      <c r="B44" s="22">
        <v>4</v>
      </c>
      <c r="C44" s="14">
        <v>1</v>
      </c>
      <c r="D44" s="18">
        <v>5</v>
      </c>
    </row>
    <row r="45" spans="1:4" ht="18" customHeight="1" x14ac:dyDescent="0.15">
      <c r="A45" s="5">
        <v>33</v>
      </c>
      <c r="B45" s="22">
        <v>3</v>
      </c>
      <c r="C45" s="14">
        <v>0</v>
      </c>
      <c r="D45" s="18">
        <v>3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14</v>
      </c>
      <c r="C47" s="14">
        <v>8</v>
      </c>
      <c r="D47" s="18">
        <v>22</v>
      </c>
    </row>
    <row r="48" spans="1:4" ht="18" customHeight="1" x14ac:dyDescent="0.15">
      <c r="A48" s="5">
        <v>35</v>
      </c>
      <c r="B48" s="22">
        <v>1</v>
      </c>
      <c r="C48" s="14">
        <v>4</v>
      </c>
      <c r="D48" s="18">
        <v>5</v>
      </c>
    </row>
    <row r="49" spans="1:4" ht="18" customHeight="1" x14ac:dyDescent="0.15">
      <c r="A49" s="5">
        <v>36</v>
      </c>
      <c r="B49" s="22">
        <v>9</v>
      </c>
      <c r="C49" s="14">
        <v>2</v>
      </c>
      <c r="D49" s="18">
        <v>11</v>
      </c>
    </row>
    <row r="50" spans="1:4" ht="18" customHeight="1" x14ac:dyDescent="0.15">
      <c r="A50" s="5">
        <v>37</v>
      </c>
      <c r="B50" s="22">
        <v>4</v>
      </c>
      <c r="C50" s="14">
        <v>2</v>
      </c>
      <c r="D50" s="18">
        <v>6</v>
      </c>
    </row>
    <row r="51" spans="1:4" ht="18" customHeight="1" x14ac:dyDescent="0.15">
      <c r="A51" s="5">
        <v>38</v>
      </c>
      <c r="B51" s="22">
        <v>6</v>
      </c>
      <c r="C51" s="14">
        <v>2</v>
      </c>
      <c r="D51" s="18">
        <v>8</v>
      </c>
    </row>
    <row r="52" spans="1:4" ht="18" customHeight="1" x14ac:dyDescent="0.15">
      <c r="A52" s="5">
        <v>39</v>
      </c>
      <c r="B52" s="22">
        <v>5</v>
      </c>
      <c r="C52" s="14">
        <v>3</v>
      </c>
      <c r="D52" s="18">
        <v>8</v>
      </c>
    </row>
    <row r="53" spans="1:4" ht="18" customHeight="1" x14ac:dyDescent="0.15">
      <c r="A53" s="5" t="s">
        <v>18</v>
      </c>
      <c r="B53" s="22">
        <v>25</v>
      </c>
      <c r="C53" s="14">
        <v>13</v>
      </c>
      <c r="D53" s="18">
        <v>38</v>
      </c>
    </row>
    <row r="54" spans="1:4" ht="18" customHeight="1" x14ac:dyDescent="0.15">
      <c r="A54" s="5">
        <v>40</v>
      </c>
      <c r="B54" s="22">
        <v>6</v>
      </c>
      <c r="C54" s="14">
        <v>2</v>
      </c>
      <c r="D54" s="18">
        <v>8</v>
      </c>
    </row>
    <row r="55" spans="1:4" ht="18" customHeight="1" x14ac:dyDescent="0.15">
      <c r="A55" s="5">
        <v>41</v>
      </c>
      <c r="B55" s="22">
        <v>4</v>
      </c>
      <c r="C55" s="14">
        <v>4</v>
      </c>
      <c r="D55" s="18">
        <v>8</v>
      </c>
    </row>
    <row r="56" spans="1:4" ht="18" customHeight="1" x14ac:dyDescent="0.15">
      <c r="A56" s="5">
        <v>42</v>
      </c>
      <c r="B56" s="22">
        <v>0</v>
      </c>
      <c r="C56" s="14">
        <v>3</v>
      </c>
      <c r="D56" s="18">
        <v>3</v>
      </c>
    </row>
    <row r="57" spans="1:4" ht="18" customHeight="1" x14ac:dyDescent="0.15">
      <c r="A57" s="5">
        <v>43</v>
      </c>
      <c r="B57" s="22">
        <v>4</v>
      </c>
      <c r="C57" s="14">
        <v>5</v>
      </c>
      <c r="D57" s="18">
        <v>9</v>
      </c>
    </row>
    <row r="58" spans="1:4" ht="18" customHeight="1" x14ac:dyDescent="0.15">
      <c r="A58" s="5">
        <v>44</v>
      </c>
      <c r="B58" s="22">
        <v>5</v>
      </c>
      <c r="C58" s="14">
        <v>3</v>
      </c>
      <c r="D58" s="18">
        <v>8</v>
      </c>
    </row>
    <row r="59" spans="1:4" ht="18" customHeight="1" x14ac:dyDescent="0.15">
      <c r="A59" s="5" t="s">
        <v>21</v>
      </c>
      <c r="B59" s="22">
        <v>19</v>
      </c>
      <c r="C59" s="14">
        <v>17</v>
      </c>
      <c r="D59" s="18">
        <v>36</v>
      </c>
    </row>
    <row r="60" spans="1:4" ht="18" customHeight="1" x14ac:dyDescent="0.15">
      <c r="A60" s="5">
        <v>45</v>
      </c>
      <c r="B60" s="22">
        <v>0</v>
      </c>
      <c r="C60" s="14">
        <v>3</v>
      </c>
      <c r="D60" s="18">
        <v>3</v>
      </c>
    </row>
    <row r="61" spans="1:4" ht="18" customHeight="1" x14ac:dyDescent="0.15">
      <c r="A61" s="5">
        <v>46</v>
      </c>
      <c r="B61" s="22">
        <v>3</v>
      </c>
      <c r="C61" s="14">
        <v>7</v>
      </c>
      <c r="D61" s="18">
        <v>10</v>
      </c>
    </row>
    <row r="62" spans="1:4" ht="18" customHeight="1" x14ac:dyDescent="0.15">
      <c r="A62" s="5">
        <v>47</v>
      </c>
      <c r="B62" s="22">
        <v>6</v>
      </c>
      <c r="C62" s="14">
        <v>1</v>
      </c>
      <c r="D62" s="18">
        <v>7</v>
      </c>
    </row>
    <row r="63" spans="1:4" ht="18" customHeight="1" x14ac:dyDescent="0.15">
      <c r="A63" s="5">
        <v>48</v>
      </c>
      <c r="B63" s="22">
        <v>8</v>
      </c>
      <c r="C63" s="14">
        <v>1</v>
      </c>
      <c r="D63" s="18">
        <v>9</v>
      </c>
    </row>
    <row r="64" spans="1:4" ht="18" customHeight="1" x14ac:dyDescent="0.15">
      <c r="A64" s="5">
        <v>49</v>
      </c>
      <c r="B64" s="22">
        <v>3</v>
      </c>
      <c r="C64" s="14">
        <v>2</v>
      </c>
      <c r="D64" s="18">
        <v>5</v>
      </c>
    </row>
    <row r="65" spans="1:4" ht="18" customHeight="1" x14ac:dyDescent="0.15">
      <c r="A65" s="5" t="s">
        <v>17</v>
      </c>
      <c r="B65" s="22">
        <v>20</v>
      </c>
      <c r="C65" s="14">
        <v>14</v>
      </c>
      <c r="D65" s="18">
        <v>34</v>
      </c>
    </row>
    <row r="66" spans="1:4" ht="18" customHeight="1" x14ac:dyDescent="0.15">
      <c r="A66" s="5">
        <v>50</v>
      </c>
      <c r="B66" s="22">
        <v>8</v>
      </c>
      <c r="C66" s="14">
        <v>10</v>
      </c>
      <c r="D66" s="18">
        <v>18</v>
      </c>
    </row>
    <row r="67" spans="1:4" ht="18" customHeight="1" x14ac:dyDescent="0.15">
      <c r="A67" s="5">
        <v>51</v>
      </c>
      <c r="B67" s="22">
        <v>4</v>
      </c>
      <c r="C67" s="14">
        <v>4</v>
      </c>
      <c r="D67" s="18">
        <v>8</v>
      </c>
    </row>
    <row r="68" spans="1:4" ht="18" customHeight="1" x14ac:dyDescent="0.15">
      <c r="A68" s="5">
        <v>52</v>
      </c>
      <c r="B68" s="22">
        <v>7</v>
      </c>
      <c r="C68" s="14">
        <v>5</v>
      </c>
      <c r="D68" s="18">
        <v>12</v>
      </c>
    </row>
    <row r="69" spans="1:4" ht="18" customHeight="1" x14ac:dyDescent="0.15">
      <c r="A69" s="5">
        <v>53</v>
      </c>
      <c r="B69" s="22">
        <v>2</v>
      </c>
      <c r="C69" s="14">
        <v>6</v>
      </c>
      <c r="D69" s="18">
        <v>8</v>
      </c>
    </row>
    <row r="70" spans="1:4" ht="18" customHeight="1" x14ac:dyDescent="0.15">
      <c r="A70" s="5">
        <v>54</v>
      </c>
      <c r="B70" s="22">
        <v>7</v>
      </c>
      <c r="C70" s="14">
        <v>5</v>
      </c>
      <c r="D70" s="18">
        <v>12</v>
      </c>
    </row>
    <row r="71" spans="1:4" ht="18" customHeight="1" x14ac:dyDescent="0.15">
      <c r="A71" s="5" t="s">
        <v>22</v>
      </c>
      <c r="B71" s="22">
        <v>28</v>
      </c>
      <c r="C71" s="14">
        <v>30</v>
      </c>
      <c r="D71" s="18">
        <v>58</v>
      </c>
    </row>
    <row r="72" spans="1:4" ht="18" customHeight="1" x14ac:dyDescent="0.15">
      <c r="A72" s="5">
        <v>55</v>
      </c>
      <c r="B72" s="22">
        <v>2</v>
      </c>
      <c r="C72" s="14">
        <v>2</v>
      </c>
      <c r="D72" s="18">
        <v>4</v>
      </c>
    </row>
    <row r="73" spans="1:4" ht="18" customHeight="1" x14ac:dyDescent="0.15">
      <c r="A73" s="5">
        <v>56</v>
      </c>
      <c r="B73" s="22">
        <v>7</v>
      </c>
      <c r="C73" s="14">
        <v>4</v>
      </c>
      <c r="D73" s="18">
        <v>11</v>
      </c>
    </row>
    <row r="74" spans="1:4" ht="18" customHeight="1" x14ac:dyDescent="0.15">
      <c r="A74" s="5">
        <v>57</v>
      </c>
      <c r="B74" s="22">
        <v>11</v>
      </c>
      <c r="C74" s="14">
        <v>5</v>
      </c>
      <c r="D74" s="18">
        <v>16</v>
      </c>
    </row>
    <row r="75" spans="1:4" ht="18" customHeight="1" x14ac:dyDescent="0.15">
      <c r="A75" s="5">
        <v>58</v>
      </c>
      <c r="B75" s="22">
        <v>5</v>
      </c>
      <c r="C75" s="14">
        <v>12</v>
      </c>
      <c r="D75" s="18">
        <v>17</v>
      </c>
    </row>
    <row r="76" spans="1:4" ht="18" customHeight="1" x14ac:dyDescent="0.15">
      <c r="A76" s="5">
        <v>59</v>
      </c>
      <c r="B76" s="22">
        <v>5</v>
      </c>
      <c r="C76" s="14">
        <v>5</v>
      </c>
      <c r="D76" s="18">
        <v>10</v>
      </c>
    </row>
    <row r="77" spans="1:4" ht="18" customHeight="1" x14ac:dyDescent="0.15">
      <c r="A77" s="5" t="s">
        <v>27</v>
      </c>
      <c r="B77" s="22">
        <v>30</v>
      </c>
      <c r="C77" s="14">
        <v>28</v>
      </c>
      <c r="D77" s="18">
        <v>58</v>
      </c>
    </row>
    <row r="78" spans="1:4" ht="18" customHeight="1" x14ac:dyDescent="0.15">
      <c r="A78" s="5">
        <v>60</v>
      </c>
      <c r="B78" s="22">
        <v>3</v>
      </c>
      <c r="C78" s="14">
        <v>8</v>
      </c>
      <c r="D78" s="18">
        <v>11</v>
      </c>
    </row>
    <row r="79" spans="1:4" ht="18" customHeight="1" x14ac:dyDescent="0.15">
      <c r="A79" s="5">
        <v>61</v>
      </c>
      <c r="B79" s="22">
        <v>7</v>
      </c>
      <c r="C79" s="14">
        <v>2</v>
      </c>
      <c r="D79" s="18">
        <v>9</v>
      </c>
    </row>
    <row r="80" spans="1:4" ht="18" customHeight="1" x14ac:dyDescent="0.15">
      <c r="A80" s="5">
        <v>62</v>
      </c>
      <c r="B80" s="22">
        <v>7</v>
      </c>
      <c r="C80" s="14">
        <v>8</v>
      </c>
      <c r="D80" s="18">
        <v>15</v>
      </c>
    </row>
    <row r="81" spans="1:4" ht="18" customHeight="1" x14ac:dyDescent="0.15">
      <c r="A81" s="5">
        <v>63</v>
      </c>
      <c r="B81" s="22">
        <v>7</v>
      </c>
      <c r="C81" s="14">
        <v>4</v>
      </c>
      <c r="D81" s="18">
        <v>11</v>
      </c>
    </row>
    <row r="82" spans="1:4" ht="18" customHeight="1" x14ac:dyDescent="0.15">
      <c r="A82" s="5">
        <v>64</v>
      </c>
      <c r="B82" s="22">
        <v>9</v>
      </c>
      <c r="C82" s="14">
        <v>7</v>
      </c>
      <c r="D82" s="18">
        <v>16</v>
      </c>
    </row>
    <row r="83" spans="1:4" ht="18" customHeight="1" x14ac:dyDescent="0.15">
      <c r="A83" s="5" t="s">
        <v>28</v>
      </c>
      <c r="B83" s="22">
        <v>33</v>
      </c>
      <c r="C83" s="14">
        <v>29</v>
      </c>
      <c r="D83" s="18">
        <v>62</v>
      </c>
    </row>
    <row r="84" spans="1:4" ht="18" customHeight="1" x14ac:dyDescent="0.15">
      <c r="A84" s="5" t="s">
        <v>31</v>
      </c>
      <c r="B84" s="22">
        <v>220</v>
      </c>
      <c r="C84" s="14">
        <v>177</v>
      </c>
      <c r="D84" s="18">
        <v>397</v>
      </c>
    </row>
    <row r="85" spans="1:4" ht="18" customHeight="1" x14ac:dyDescent="0.15">
      <c r="A85" s="5">
        <v>65</v>
      </c>
      <c r="B85" s="22">
        <v>8</v>
      </c>
      <c r="C85" s="14">
        <v>9</v>
      </c>
      <c r="D85" s="18">
        <v>17</v>
      </c>
    </row>
    <row r="86" spans="1:4" ht="18" customHeight="1" x14ac:dyDescent="0.15">
      <c r="A86" s="5">
        <v>66</v>
      </c>
      <c r="B86" s="22">
        <v>8</v>
      </c>
      <c r="C86" s="14">
        <v>6</v>
      </c>
      <c r="D86" s="18">
        <v>14</v>
      </c>
    </row>
    <row r="87" spans="1:4" ht="18" customHeight="1" x14ac:dyDescent="0.15">
      <c r="A87" s="5">
        <v>67</v>
      </c>
      <c r="B87" s="22">
        <v>10</v>
      </c>
      <c r="C87" s="14">
        <v>7</v>
      </c>
      <c r="D87" s="18">
        <v>17</v>
      </c>
    </row>
    <row r="88" spans="1:4" ht="18" customHeight="1" x14ac:dyDescent="0.15">
      <c r="A88" s="5">
        <v>68</v>
      </c>
      <c r="B88" s="22">
        <v>3</v>
      </c>
      <c r="C88" s="14">
        <v>3</v>
      </c>
      <c r="D88" s="18">
        <v>6</v>
      </c>
    </row>
    <row r="89" spans="1:4" ht="18" customHeight="1" x14ac:dyDescent="0.15">
      <c r="A89" s="5">
        <v>69</v>
      </c>
      <c r="B89" s="22">
        <v>7</v>
      </c>
      <c r="C89" s="14">
        <v>5</v>
      </c>
      <c r="D89" s="18">
        <v>12</v>
      </c>
    </row>
    <row r="90" spans="1:4" ht="18" customHeight="1" x14ac:dyDescent="0.15">
      <c r="A90" s="5" t="s">
        <v>20</v>
      </c>
      <c r="B90" s="22">
        <v>36</v>
      </c>
      <c r="C90" s="14">
        <v>30</v>
      </c>
      <c r="D90" s="18">
        <v>66</v>
      </c>
    </row>
    <row r="91" spans="1:4" ht="18" customHeight="1" x14ac:dyDescent="0.15">
      <c r="A91" s="5">
        <v>70</v>
      </c>
      <c r="B91" s="22">
        <v>6</v>
      </c>
      <c r="C91" s="14">
        <v>4</v>
      </c>
      <c r="D91" s="18">
        <v>10</v>
      </c>
    </row>
    <row r="92" spans="1:4" ht="18" customHeight="1" x14ac:dyDescent="0.15">
      <c r="A92" s="5">
        <v>71</v>
      </c>
      <c r="B92" s="22">
        <v>5</v>
      </c>
      <c r="C92" s="14">
        <v>4</v>
      </c>
      <c r="D92" s="18">
        <v>9</v>
      </c>
    </row>
    <row r="93" spans="1:4" ht="18" customHeight="1" x14ac:dyDescent="0.15">
      <c r="A93" s="5">
        <v>72</v>
      </c>
      <c r="B93" s="22">
        <v>8</v>
      </c>
      <c r="C93" s="14">
        <v>5</v>
      </c>
      <c r="D93" s="18">
        <v>13</v>
      </c>
    </row>
    <row r="94" spans="1:4" ht="18" customHeight="1" x14ac:dyDescent="0.15">
      <c r="A94" s="5">
        <v>73</v>
      </c>
      <c r="B94" s="22">
        <v>8</v>
      </c>
      <c r="C94" s="14">
        <v>9</v>
      </c>
      <c r="D94" s="18">
        <v>17</v>
      </c>
    </row>
    <row r="95" spans="1:4" ht="18" customHeight="1" x14ac:dyDescent="0.15">
      <c r="A95" s="5">
        <v>74</v>
      </c>
      <c r="B95" s="22">
        <v>2</v>
      </c>
      <c r="C95" s="14">
        <v>5</v>
      </c>
      <c r="D95" s="18">
        <v>7</v>
      </c>
    </row>
    <row r="96" spans="1:4" ht="18" customHeight="1" x14ac:dyDescent="0.15">
      <c r="A96" s="5" t="s">
        <v>33</v>
      </c>
      <c r="B96" s="22">
        <v>29</v>
      </c>
      <c r="C96" s="14">
        <v>27</v>
      </c>
      <c r="D96" s="18">
        <v>56</v>
      </c>
    </row>
    <row r="97" spans="1:4" ht="18" customHeight="1" x14ac:dyDescent="0.15">
      <c r="A97" s="5">
        <v>75</v>
      </c>
      <c r="B97" s="22">
        <v>8</v>
      </c>
      <c r="C97" s="14">
        <v>6</v>
      </c>
      <c r="D97" s="18">
        <v>14</v>
      </c>
    </row>
    <row r="98" spans="1:4" ht="18" customHeight="1" x14ac:dyDescent="0.15">
      <c r="A98" s="5">
        <v>76</v>
      </c>
      <c r="B98" s="22">
        <v>11</v>
      </c>
      <c r="C98" s="14">
        <v>13</v>
      </c>
      <c r="D98" s="18">
        <v>24</v>
      </c>
    </row>
    <row r="99" spans="1:4" ht="18" customHeight="1" x14ac:dyDescent="0.15">
      <c r="A99" s="5">
        <v>77</v>
      </c>
      <c r="B99" s="22">
        <v>8</v>
      </c>
      <c r="C99" s="14">
        <v>4</v>
      </c>
      <c r="D99" s="18">
        <v>12</v>
      </c>
    </row>
    <row r="100" spans="1:4" ht="18" customHeight="1" x14ac:dyDescent="0.15">
      <c r="A100" s="5">
        <v>78</v>
      </c>
      <c r="B100" s="22">
        <v>4</v>
      </c>
      <c r="C100" s="14">
        <v>14</v>
      </c>
      <c r="D100" s="18">
        <v>18</v>
      </c>
    </row>
    <row r="101" spans="1:4" ht="18" customHeight="1" x14ac:dyDescent="0.15">
      <c r="A101" s="5">
        <v>79</v>
      </c>
      <c r="B101" s="22">
        <v>6</v>
      </c>
      <c r="C101" s="14">
        <v>7</v>
      </c>
      <c r="D101" s="18">
        <v>13</v>
      </c>
    </row>
    <row r="102" spans="1:4" ht="18" customHeight="1" x14ac:dyDescent="0.15">
      <c r="A102" s="5" t="s">
        <v>0</v>
      </c>
      <c r="B102" s="22">
        <v>37</v>
      </c>
      <c r="C102" s="14">
        <v>44</v>
      </c>
      <c r="D102" s="18">
        <v>81</v>
      </c>
    </row>
    <row r="103" spans="1:4" ht="18" customHeight="1" x14ac:dyDescent="0.15">
      <c r="A103" s="5">
        <v>80</v>
      </c>
      <c r="B103" s="22">
        <v>3</v>
      </c>
      <c r="C103" s="14">
        <v>4</v>
      </c>
      <c r="D103" s="18">
        <v>7</v>
      </c>
    </row>
    <row r="104" spans="1:4" ht="18" customHeight="1" x14ac:dyDescent="0.15">
      <c r="A104" s="5">
        <v>81</v>
      </c>
      <c r="B104" s="22">
        <v>2</v>
      </c>
      <c r="C104" s="14">
        <v>4</v>
      </c>
      <c r="D104" s="18">
        <v>6</v>
      </c>
    </row>
    <row r="105" spans="1:4" ht="18" customHeight="1" x14ac:dyDescent="0.15">
      <c r="A105" s="5">
        <v>82</v>
      </c>
      <c r="B105" s="22">
        <v>5</v>
      </c>
      <c r="C105" s="14">
        <v>10</v>
      </c>
      <c r="D105" s="18">
        <v>15</v>
      </c>
    </row>
    <row r="106" spans="1:4" ht="18" customHeight="1" x14ac:dyDescent="0.15">
      <c r="A106" s="5">
        <v>83</v>
      </c>
      <c r="B106" s="22">
        <v>4</v>
      </c>
      <c r="C106" s="14">
        <v>8</v>
      </c>
      <c r="D106" s="18">
        <v>12</v>
      </c>
    </row>
    <row r="107" spans="1:4" ht="18" customHeight="1" x14ac:dyDescent="0.15">
      <c r="A107" s="5">
        <v>84</v>
      </c>
      <c r="B107" s="22">
        <v>8</v>
      </c>
      <c r="C107" s="14">
        <v>4</v>
      </c>
      <c r="D107" s="18">
        <v>12</v>
      </c>
    </row>
    <row r="108" spans="1:4" ht="18" customHeight="1" x14ac:dyDescent="0.15">
      <c r="A108" s="5" t="s">
        <v>35</v>
      </c>
      <c r="B108" s="22">
        <v>22</v>
      </c>
      <c r="C108" s="14">
        <v>30</v>
      </c>
      <c r="D108" s="18">
        <v>52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2</v>
      </c>
      <c r="C110" s="14">
        <v>3</v>
      </c>
      <c r="D110" s="18">
        <v>5</v>
      </c>
    </row>
    <row r="111" spans="1:4" ht="18" customHeight="1" x14ac:dyDescent="0.15">
      <c r="A111" s="5">
        <v>87</v>
      </c>
      <c r="B111" s="22">
        <v>3</v>
      </c>
      <c r="C111" s="14">
        <v>7</v>
      </c>
      <c r="D111" s="18">
        <v>10</v>
      </c>
    </row>
    <row r="112" spans="1:4" ht="18" customHeight="1" x14ac:dyDescent="0.15">
      <c r="A112" s="5">
        <v>88</v>
      </c>
      <c r="B112" s="22">
        <v>4</v>
      </c>
      <c r="C112" s="14">
        <v>11</v>
      </c>
      <c r="D112" s="18">
        <v>15</v>
      </c>
    </row>
    <row r="113" spans="1:4" ht="18" customHeight="1" x14ac:dyDescent="0.15">
      <c r="A113" s="5">
        <v>89</v>
      </c>
      <c r="B113" s="22">
        <v>2</v>
      </c>
      <c r="C113" s="14">
        <v>5</v>
      </c>
      <c r="D113" s="18">
        <v>7</v>
      </c>
    </row>
    <row r="114" spans="1:4" ht="18" customHeight="1" x14ac:dyDescent="0.15">
      <c r="A114" s="5" t="s">
        <v>37</v>
      </c>
      <c r="B114" s="22">
        <v>16</v>
      </c>
      <c r="C114" s="14">
        <v>35</v>
      </c>
      <c r="D114" s="18">
        <v>51</v>
      </c>
    </row>
    <row r="115" spans="1:4" ht="18" customHeight="1" x14ac:dyDescent="0.15">
      <c r="A115" s="5">
        <v>90</v>
      </c>
      <c r="B115" s="22">
        <v>1</v>
      </c>
      <c r="C115" s="14">
        <v>6</v>
      </c>
      <c r="D115" s="18">
        <v>7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13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5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43</v>
      </c>
      <c r="C130" s="14">
        <v>186</v>
      </c>
      <c r="D130" s="18">
        <v>329</v>
      </c>
    </row>
    <row r="131" spans="1:4" ht="18" customHeight="1" x14ac:dyDescent="0.15">
      <c r="A131" s="7" t="s">
        <v>45</v>
      </c>
      <c r="B131" s="23">
        <v>387</v>
      </c>
      <c r="C131" s="15">
        <v>384</v>
      </c>
      <c r="D131" s="19">
        <v>7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0</v>
      </c>
      <c r="C5" s="29">
        <v>8</v>
      </c>
      <c r="D5" s="31">
        <v>18</v>
      </c>
    </row>
    <row r="6" spans="1:4" ht="18" customHeight="1" x14ac:dyDescent="0.15">
      <c r="A6" s="5">
        <v>1</v>
      </c>
      <c r="B6" s="27">
        <v>13</v>
      </c>
      <c r="C6" s="14">
        <v>7</v>
      </c>
      <c r="D6" s="18">
        <v>20</v>
      </c>
    </row>
    <row r="7" spans="1:4" ht="18" customHeight="1" x14ac:dyDescent="0.15">
      <c r="A7" s="5">
        <v>2</v>
      </c>
      <c r="B7" s="27">
        <v>15</v>
      </c>
      <c r="C7" s="14">
        <v>9</v>
      </c>
      <c r="D7" s="18">
        <v>24</v>
      </c>
    </row>
    <row r="8" spans="1:4" ht="18" customHeight="1" x14ac:dyDescent="0.15">
      <c r="A8" s="5">
        <v>3</v>
      </c>
      <c r="B8" s="27">
        <v>8</v>
      </c>
      <c r="C8" s="14">
        <v>13</v>
      </c>
      <c r="D8" s="18">
        <v>21</v>
      </c>
    </row>
    <row r="9" spans="1:4" ht="18" customHeight="1" x14ac:dyDescent="0.15">
      <c r="A9" s="5">
        <v>4</v>
      </c>
      <c r="B9" s="28">
        <v>14</v>
      </c>
      <c r="C9" s="30">
        <v>19</v>
      </c>
      <c r="D9" s="32">
        <v>33</v>
      </c>
    </row>
    <row r="10" spans="1:4" ht="18" customHeight="1" x14ac:dyDescent="0.15">
      <c r="A10" s="5" t="s">
        <v>7</v>
      </c>
      <c r="B10" s="22">
        <v>60</v>
      </c>
      <c r="C10" s="14">
        <v>56</v>
      </c>
      <c r="D10" s="18">
        <v>116</v>
      </c>
    </row>
    <row r="11" spans="1:4" ht="18" customHeight="1" x14ac:dyDescent="0.15">
      <c r="A11" s="5">
        <v>5</v>
      </c>
      <c r="B11" s="27">
        <v>15</v>
      </c>
      <c r="C11" s="14">
        <v>17</v>
      </c>
      <c r="D11" s="18">
        <v>32</v>
      </c>
    </row>
    <row r="12" spans="1:4" ht="18" customHeight="1" x14ac:dyDescent="0.15">
      <c r="A12" s="5">
        <v>6</v>
      </c>
      <c r="B12" s="27">
        <v>10</v>
      </c>
      <c r="C12" s="14">
        <v>19</v>
      </c>
      <c r="D12" s="18">
        <v>29</v>
      </c>
    </row>
    <row r="13" spans="1:4" ht="18" customHeight="1" x14ac:dyDescent="0.15">
      <c r="A13" s="5">
        <v>7</v>
      </c>
      <c r="B13" s="27">
        <v>20</v>
      </c>
      <c r="C13" s="14">
        <v>20</v>
      </c>
      <c r="D13" s="18">
        <v>40</v>
      </c>
    </row>
    <row r="14" spans="1:4" ht="18" customHeight="1" x14ac:dyDescent="0.15">
      <c r="A14" s="5">
        <v>8</v>
      </c>
      <c r="B14" s="27">
        <v>25</v>
      </c>
      <c r="C14" s="14">
        <v>28</v>
      </c>
      <c r="D14" s="18">
        <v>53</v>
      </c>
    </row>
    <row r="15" spans="1:4" ht="18" customHeight="1" x14ac:dyDescent="0.15">
      <c r="A15" s="5">
        <v>9</v>
      </c>
      <c r="B15" s="27">
        <v>33</v>
      </c>
      <c r="C15" s="14">
        <v>19</v>
      </c>
      <c r="D15" s="18">
        <v>52</v>
      </c>
    </row>
    <row r="16" spans="1:4" ht="18" customHeight="1" x14ac:dyDescent="0.15">
      <c r="A16" s="5" t="s">
        <v>11</v>
      </c>
      <c r="B16" s="22">
        <v>103</v>
      </c>
      <c r="C16" s="14">
        <v>103</v>
      </c>
      <c r="D16" s="18">
        <v>206</v>
      </c>
    </row>
    <row r="17" spans="1:4" ht="18" customHeight="1" x14ac:dyDescent="0.15">
      <c r="A17" s="5">
        <v>10</v>
      </c>
      <c r="B17" s="22">
        <v>32</v>
      </c>
      <c r="C17" s="14">
        <v>27</v>
      </c>
      <c r="D17" s="18">
        <v>59</v>
      </c>
    </row>
    <row r="18" spans="1:4" ht="18" customHeight="1" x14ac:dyDescent="0.15">
      <c r="A18" s="5">
        <v>11</v>
      </c>
      <c r="B18" s="22">
        <v>27</v>
      </c>
      <c r="C18" s="14">
        <v>28</v>
      </c>
      <c r="D18" s="18">
        <v>55</v>
      </c>
    </row>
    <row r="19" spans="1:4" ht="18" customHeight="1" x14ac:dyDescent="0.15">
      <c r="A19" s="5">
        <v>12</v>
      </c>
      <c r="B19" s="22">
        <v>23</v>
      </c>
      <c r="C19" s="14">
        <v>23</v>
      </c>
      <c r="D19" s="18">
        <v>46</v>
      </c>
    </row>
    <row r="20" spans="1:4" ht="18" customHeight="1" x14ac:dyDescent="0.15">
      <c r="A20" s="5">
        <v>13</v>
      </c>
      <c r="B20" s="22">
        <v>35</v>
      </c>
      <c r="C20" s="14">
        <v>30</v>
      </c>
      <c r="D20" s="18">
        <v>65</v>
      </c>
    </row>
    <row r="21" spans="1:4" ht="18" customHeight="1" x14ac:dyDescent="0.15">
      <c r="A21" s="5">
        <v>14</v>
      </c>
      <c r="B21" s="22">
        <v>36</v>
      </c>
      <c r="C21" s="14">
        <v>26</v>
      </c>
      <c r="D21" s="18">
        <v>62</v>
      </c>
    </row>
    <row r="22" spans="1:4" ht="18" customHeight="1" x14ac:dyDescent="0.15">
      <c r="A22" s="5" t="s">
        <v>12</v>
      </c>
      <c r="B22" s="22">
        <v>153</v>
      </c>
      <c r="C22" s="14">
        <v>134</v>
      </c>
      <c r="D22" s="18">
        <v>287</v>
      </c>
    </row>
    <row r="23" spans="1:4" ht="18" customHeight="1" x14ac:dyDescent="0.15">
      <c r="A23" s="5" t="s">
        <v>6</v>
      </c>
      <c r="B23" s="22">
        <v>316</v>
      </c>
      <c r="C23" s="14">
        <v>293</v>
      </c>
      <c r="D23" s="18">
        <v>609</v>
      </c>
    </row>
    <row r="24" spans="1:4" ht="18" customHeight="1" x14ac:dyDescent="0.15">
      <c r="A24" s="5">
        <v>15</v>
      </c>
      <c r="B24" s="22">
        <v>34</v>
      </c>
      <c r="C24" s="14">
        <v>23</v>
      </c>
      <c r="D24" s="18">
        <v>57</v>
      </c>
    </row>
    <row r="25" spans="1:4" ht="18" customHeight="1" x14ac:dyDescent="0.15">
      <c r="A25" s="5">
        <v>16</v>
      </c>
      <c r="B25" s="22">
        <v>33</v>
      </c>
      <c r="C25" s="14">
        <v>28</v>
      </c>
      <c r="D25" s="18">
        <v>61</v>
      </c>
    </row>
    <row r="26" spans="1:4" ht="18" customHeight="1" x14ac:dyDescent="0.15">
      <c r="A26" s="5">
        <v>17</v>
      </c>
      <c r="B26" s="22">
        <v>40</v>
      </c>
      <c r="C26" s="14">
        <v>35</v>
      </c>
      <c r="D26" s="18">
        <v>75</v>
      </c>
    </row>
    <row r="27" spans="1:4" ht="18" customHeight="1" x14ac:dyDescent="0.15">
      <c r="A27" s="5">
        <v>18</v>
      </c>
      <c r="B27" s="22">
        <v>36</v>
      </c>
      <c r="C27" s="14">
        <v>38</v>
      </c>
      <c r="D27" s="18">
        <v>74</v>
      </c>
    </row>
    <row r="28" spans="1:4" ht="18" customHeight="1" x14ac:dyDescent="0.15">
      <c r="A28" s="5">
        <v>19</v>
      </c>
      <c r="B28" s="22">
        <v>42</v>
      </c>
      <c r="C28" s="14">
        <v>35</v>
      </c>
      <c r="D28" s="18">
        <v>77</v>
      </c>
    </row>
    <row r="29" spans="1:4" ht="18" customHeight="1" x14ac:dyDescent="0.15">
      <c r="A29" s="5" t="s">
        <v>14</v>
      </c>
      <c r="B29" s="22">
        <v>185</v>
      </c>
      <c r="C29" s="14">
        <v>159</v>
      </c>
      <c r="D29" s="18">
        <v>344</v>
      </c>
    </row>
    <row r="30" spans="1:4" ht="18" customHeight="1" x14ac:dyDescent="0.15">
      <c r="A30" s="5">
        <v>20</v>
      </c>
      <c r="B30" s="22">
        <v>38</v>
      </c>
      <c r="C30" s="14">
        <v>35</v>
      </c>
      <c r="D30" s="18">
        <v>73</v>
      </c>
    </row>
    <row r="31" spans="1:4" ht="18" customHeight="1" x14ac:dyDescent="0.15">
      <c r="A31" s="5">
        <v>21</v>
      </c>
      <c r="B31" s="22">
        <v>52</v>
      </c>
      <c r="C31" s="14">
        <v>43</v>
      </c>
      <c r="D31" s="18">
        <v>95</v>
      </c>
    </row>
    <row r="32" spans="1:4" ht="18" customHeight="1" x14ac:dyDescent="0.15">
      <c r="A32" s="5">
        <v>22</v>
      </c>
      <c r="B32" s="22">
        <v>45</v>
      </c>
      <c r="C32" s="14">
        <v>34</v>
      </c>
      <c r="D32" s="18">
        <v>79</v>
      </c>
    </row>
    <row r="33" spans="1:4" ht="18" customHeight="1" x14ac:dyDescent="0.15">
      <c r="A33" s="5">
        <v>23</v>
      </c>
      <c r="B33" s="22">
        <v>45</v>
      </c>
      <c r="C33" s="14">
        <v>36</v>
      </c>
      <c r="D33" s="18">
        <v>81</v>
      </c>
    </row>
    <row r="34" spans="1:4" ht="18" customHeight="1" x14ac:dyDescent="0.15">
      <c r="A34" s="5">
        <v>24</v>
      </c>
      <c r="B34" s="22">
        <v>30</v>
      </c>
      <c r="C34" s="14">
        <v>37</v>
      </c>
      <c r="D34" s="18">
        <v>67</v>
      </c>
    </row>
    <row r="35" spans="1:4" ht="18" customHeight="1" x14ac:dyDescent="0.15">
      <c r="A35" s="5" t="s">
        <v>9</v>
      </c>
      <c r="B35" s="22">
        <v>210</v>
      </c>
      <c r="C35" s="14">
        <v>185</v>
      </c>
      <c r="D35" s="18">
        <v>395</v>
      </c>
    </row>
    <row r="36" spans="1:4" ht="18" customHeight="1" x14ac:dyDescent="0.15">
      <c r="A36" s="5">
        <v>25</v>
      </c>
      <c r="B36" s="22">
        <v>40</v>
      </c>
      <c r="C36" s="14">
        <v>34</v>
      </c>
      <c r="D36" s="18">
        <v>74</v>
      </c>
    </row>
    <row r="37" spans="1:4" ht="18" customHeight="1" x14ac:dyDescent="0.15">
      <c r="A37" s="5">
        <v>26</v>
      </c>
      <c r="B37" s="22">
        <v>38</v>
      </c>
      <c r="C37" s="14">
        <v>27</v>
      </c>
      <c r="D37" s="18">
        <v>65</v>
      </c>
    </row>
    <row r="38" spans="1:4" ht="18" customHeight="1" x14ac:dyDescent="0.15">
      <c r="A38" s="5">
        <v>27</v>
      </c>
      <c r="B38" s="22">
        <v>39</v>
      </c>
      <c r="C38" s="14">
        <v>32</v>
      </c>
      <c r="D38" s="18">
        <v>71</v>
      </c>
    </row>
    <row r="39" spans="1:4" ht="18" customHeight="1" x14ac:dyDescent="0.15">
      <c r="A39" s="5">
        <v>28</v>
      </c>
      <c r="B39" s="22">
        <v>32</v>
      </c>
      <c r="C39" s="14">
        <v>30</v>
      </c>
      <c r="D39" s="18">
        <v>62</v>
      </c>
    </row>
    <row r="40" spans="1:4" ht="18" customHeight="1" x14ac:dyDescent="0.15">
      <c r="A40" s="5">
        <v>29</v>
      </c>
      <c r="B40" s="22">
        <v>35</v>
      </c>
      <c r="C40" s="14">
        <v>26</v>
      </c>
      <c r="D40" s="18">
        <v>61</v>
      </c>
    </row>
    <row r="41" spans="1:4" ht="18" customHeight="1" x14ac:dyDescent="0.15">
      <c r="A41" s="5" t="s">
        <v>2</v>
      </c>
      <c r="B41" s="22">
        <v>184</v>
      </c>
      <c r="C41" s="14">
        <v>149</v>
      </c>
      <c r="D41" s="18">
        <v>333</v>
      </c>
    </row>
    <row r="42" spans="1:4" ht="18" customHeight="1" x14ac:dyDescent="0.15">
      <c r="A42" s="5">
        <v>30</v>
      </c>
      <c r="B42" s="22">
        <v>35</v>
      </c>
      <c r="C42" s="14">
        <v>24</v>
      </c>
      <c r="D42" s="18">
        <v>59</v>
      </c>
    </row>
    <row r="43" spans="1:4" ht="18" customHeight="1" x14ac:dyDescent="0.15">
      <c r="A43" s="5">
        <v>31</v>
      </c>
      <c r="B43" s="22">
        <v>25</v>
      </c>
      <c r="C43" s="14">
        <v>30</v>
      </c>
      <c r="D43" s="18">
        <v>55</v>
      </c>
    </row>
    <row r="44" spans="1:4" ht="18" customHeight="1" x14ac:dyDescent="0.15">
      <c r="A44" s="5">
        <v>32</v>
      </c>
      <c r="B44" s="22">
        <v>24</v>
      </c>
      <c r="C44" s="14">
        <v>20</v>
      </c>
      <c r="D44" s="18">
        <v>44</v>
      </c>
    </row>
    <row r="45" spans="1:4" ht="18" customHeight="1" x14ac:dyDescent="0.15">
      <c r="A45" s="5">
        <v>33</v>
      </c>
      <c r="B45" s="22">
        <v>34</v>
      </c>
      <c r="C45" s="14">
        <v>27</v>
      </c>
      <c r="D45" s="18">
        <v>61</v>
      </c>
    </row>
    <row r="46" spans="1:4" ht="18" customHeight="1" x14ac:dyDescent="0.15">
      <c r="A46" s="5">
        <v>34</v>
      </c>
      <c r="B46" s="22">
        <v>20</v>
      </c>
      <c r="C46" s="14">
        <v>26</v>
      </c>
      <c r="D46" s="18">
        <v>46</v>
      </c>
    </row>
    <row r="47" spans="1:4" ht="18" customHeight="1" x14ac:dyDescent="0.15">
      <c r="A47" s="5" t="s">
        <v>15</v>
      </c>
      <c r="B47" s="22">
        <v>138</v>
      </c>
      <c r="C47" s="14">
        <v>127</v>
      </c>
      <c r="D47" s="18">
        <v>265</v>
      </c>
    </row>
    <row r="48" spans="1:4" ht="18" customHeight="1" x14ac:dyDescent="0.15">
      <c r="A48" s="5">
        <v>35</v>
      </c>
      <c r="B48" s="22">
        <v>12</v>
      </c>
      <c r="C48" s="14">
        <v>21</v>
      </c>
      <c r="D48" s="18">
        <v>33</v>
      </c>
    </row>
    <row r="49" spans="1:4" ht="18" customHeight="1" x14ac:dyDescent="0.15">
      <c r="A49" s="5">
        <v>36</v>
      </c>
      <c r="B49" s="22">
        <v>39</v>
      </c>
      <c r="C49" s="14">
        <v>28</v>
      </c>
      <c r="D49" s="18">
        <v>67</v>
      </c>
    </row>
    <row r="50" spans="1:4" ht="18" customHeight="1" x14ac:dyDescent="0.15">
      <c r="A50" s="5">
        <v>37</v>
      </c>
      <c r="B50" s="22">
        <v>33</v>
      </c>
      <c r="C50" s="14">
        <v>30</v>
      </c>
      <c r="D50" s="18">
        <v>63</v>
      </c>
    </row>
    <row r="51" spans="1:4" ht="18" customHeight="1" x14ac:dyDescent="0.15">
      <c r="A51" s="5">
        <v>38</v>
      </c>
      <c r="B51" s="22">
        <v>34</v>
      </c>
      <c r="C51" s="14">
        <v>23</v>
      </c>
      <c r="D51" s="18">
        <v>57</v>
      </c>
    </row>
    <row r="52" spans="1:4" ht="18" customHeight="1" x14ac:dyDescent="0.15">
      <c r="A52" s="5">
        <v>39</v>
      </c>
      <c r="B52" s="22">
        <v>40</v>
      </c>
      <c r="C52" s="14">
        <v>25</v>
      </c>
      <c r="D52" s="18">
        <v>65</v>
      </c>
    </row>
    <row r="53" spans="1:4" ht="18" customHeight="1" x14ac:dyDescent="0.15">
      <c r="A53" s="5" t="s">
        <v>18</v>
      </c>
      <c r="B53" s="22">
        <v>158</v>
      </c>
      <c r="C53" s="14">
        <v>127</v>
      </c>
      <c r="D53" s="18">
        <v>285</v>
      </c>
    </row>
    <row r="54" spans="1:4" ht="18" customHeight="1" x14ac:dyDescent="0.15">
      <c r="A54" s="5">
        <v>40</v>
      </c>
      <c r="B54" s="22">
        <v>28</v>
      </c>
      <c r="C54" s="14">
        <v>26</v>
      </c>
      <c r="D54" s="18">
        <v>54</v>
      </c>
    </row>
    <row r="55" spans="1:4" ht="18" customHeight="1" x14ac:dyDescent="0.15">
      <c r="A55" s="5">
        <v>41</v>
      </c>
      <c r="B55" s="22">
        <v>49</v>
      </c>
      <c r="C55" s="14">
        <v>38</v>
      </c>
      <c r="D55" s="18">
        <v>87</v>
      </c>
    </row>
    <row r="56" spans="1:4" ht="18" customHeight="1" x14ac:dyDescent="0.15">
      <c r="A56" s="5">
        <v>42</v>
      </c>
      <c r="B56" s="22">
        <v>41</v>
      </c>
      <c r="C56" s="14">
        <v>40</v>
      </c>
      <c r="D56" s="18">
        <v>81</v>
      </c>
    </row>
    <row r="57" spans="1:4" ht="18" customHeight="1" x14ac:dyDescent="0.15">
      <c r="A57" s="5">
        <v>43</v>
      </c>
      <c r="B57" s="22">
        <v>48</v>
      </c>
      <c r="C57" s="14">
        <v>49</v>
      </c>
      <c r="D57" s="18">
        <v>97</v>
      </c>
    </row>
    <row r="58" spans="1:4" ht="18" customHeight="1" x14ac:dyDescent="0.15">
      <c r="A58" s="5">
        <v>44</v>
      </c>
      <c r="B58" s="22">
        <v>28</v>
      </c>
      <c r="C58" s="14">
        <v>41</v>
      </c>
      <c r="D58" s="18">
        <v>69</v>
      </c>
    </row>
    <row r="59" spans="1:4" ht="18" customHeight="1" x14ac:dyDescent="0.15">
      <c r="A59" s="5" t="s">
        <v>21</v>
      </c>
      <c r="B59" s="22">
        <v>194</v>
      </c>
      <c r="C59" s="14">
        <v>194</v>
      </c>
      <c r="D59" s="18">
        <v>388</v>
      </c>
    </row>
    <row r="60" spans="1:4" ht="18" customHeight="1" x14ac:dyDescent="0.15">
      <c r="A60" s="5">
        <v>45</v>
      </c>
      <c r="B60" s="22">
        <v>36</v>
      </c>
      <c r="C60" s="14">
        <v>39</v>
      </c>
      <c r="D60" s="18">
        <v>75</v>
      </c>
    </row>
    <row r="61" spans="1:4" ht="18" customHeight="1" x14ac:dyDescent="0.15">
      <c r="A61" s="5">
        <v>46</v>
      </c>
      <c r="B61" s="22">
        <v>44</v>
      </c>
      <c r="C61" s="14">
        <v>45</v>
      </c>
      <c r="D61" s="18">
        <v>89</v>
      </c>
    </row>
    <row r="62" spans="1:4" ht="18" customHeight="1" x14ac:dyDescent="0.15">
      <c r="A62" s="5">
        <v>47</v>
      </c>
      <c r="B62" s="22">
        <v>49</v>
      </c>
      <c r="C62" s="14">
        <v>50</v>
      </c>
      <c r="D62" s="18">
        <v>99</v>
      </c>
    </row>
    <row r="63" spans="1:4" ht="18" customHeight="1" x14ac:dyDescent="0.15">
      <c r="A63" s="5">
        <v>48</v>
      </c>
      <c r="B63" s="22">
        <v>56</v>
      </c>
      <c r="C63" s="14">
        <v>55</v>
      </c>
      <c r="D63" s="18">
        <v>111</v>
      </c>
    </row>
    <row r="64" spans="1:4" ht="18" customHeight="1" x14ac:dyDescent="0.15">
      <c r="A64" s="5">
        <v>49</v>
      </c>
      <c r="B64" s="22">
        <v>68</v>
      </c>
      <c r="C64" s="14">
        <v>47</v>
      </c>
      <c r="D64" s="18">
        <v>115</v>
      </c>
    </row>
    <row r="65" spans="1:4" ht="18" customHeight="1" x14ac:dyDescent="0.15">
      <c r="A65" s="5" t="s">
        <v>17</v>
      </c>
      <c r="B65" s="22">
        <v>253</v>
      </c>
      <c r="C65" s="14">
        <v>236</v>
      </c>
      <c r="D65" s="18">
        <v>489</v>
      </c>
    </row>
    <row r="66" spans="1:4" ht="18" customHeight="1" x14ac:dyDescent="0.15">
      <c r="A66" s="5">
        <v>50</v>
      </c>
      <c r="B66" s="22">
        <v>76</v>
      </c>
      <c r="C66" s="14">
        <v>63</v>
      </c>
      <c r="D66" s="18">
        <v>139</v>
      </c>
    </row>
    <row r="67" spans="1:4" ht="18" customHeight="1" x14ac:dyDescent="0.15">
      <c r="A67" s="5">
        <v>51</v>
      </c>
      <c r="B67" s="22">
        <v>68</v>
      </c>
      <c r="C67" s="14">
        <v>68</v>
      </c>
      <c r="D67" s="18">
        <v>136</v>
      </c>
    </row>
    <row r="68" spans="1:4" ht="18" customHeight="1" x14ac:dyDescent="0.15">
      <c r="A68" s="5">
        <v>52</v>
      </c>
      <c r="B68" s="22">
        <v>78</v>
      </c>
      <c r="C68" s="14">
        <v>81</v>
      </c>
      <c r="D68" s="18">
        <v>159</v>
      </c>
    </row>
    <row r="69" spans="1:4" ht="18" customHeight="1" x14ac:dyDescent="0.15">
      <c r="A69" s="5">
        <v>53</v>
      </c>
      <c r="B69" s="22">
        <v>71</v>
      </c>
      <c r="C69" s="14">
        <v>94</v>
      </c>
      <c r="D69" s="18">
        <v>165</v>
      </c>
    </row>
    <row r="70" spans="1:4" ht="18" customHeight="1" x14ac:dyDescent="0.15">
      <c r="A70" s="5">
        <v>54</v>
      </c>
      <c r="B70" s="22">
        <v>88</v>
      </c>
      <c r="C70" s="14">
        <v>88</v>
      </c>
      <c r="D70" s="18">
        <v>176</v>
      </c>
    </row>
    <row r="71" spans="1:4" ht="18" customHeight="1" x14ac:dyDescent="0.15">
      <c r="A71" s="5" t="s">
        <v>22</v>
      </c>
      <c r="B71" s="22">
        <v>381</v>
      </c>
      <c r="C71" s="14">
        <v>394</v>
      </c>
      <c r="D71" s="18">
        <v>775</v>
      </c>
    </row>
    <row r="72" spans="1:4" ht="18" customHeight="1" x14ac:dyDescent="0.15">
      <c r="A72" s="5">
        <v>55</v>
      </c>
      <c r="B72" s="22">
        <v>77</v>
      </c>
      <c r="C72" s="14">
        <v>72</v>
      </c>
      <c r="D72" s="18">
        <v>149</v>
      </c>
    </row>
    <row r="73" spans="1:4" ht="18" customHeight="1" x14ac:dyDescent="0.15">
      <c r="A73" s="5">
        <v>56</v>
      </c>
      <c r="B73" s="22">
        <v>82</v>
      </c>
      <c r="C73" s="14">
        <v>78</v>
      </c>
      <c r="D73" s="18">
        <v>160</v>
      </c>
    </row>
    <row r="74" spans="1:4" ht="18" customHeight="1" x14ac:dyDescent="0.15">
      <c r="A74" s="5">
        <v>57</v>
      </c>
      <c r="B74" s="22">
        <v>75</v>
      </c>
      <c r="C74" s="14">
        <v>66</v>
      </c>
      <c r="D74" s="18">
        <v>141</v>
      </c>
    </row>
    <row r="75" spans="1:4" ht="18" customHeight="1" x14ac:dyDescent="0.15">
      <c r="A75" s="5">
        <v>58</v>
      </c>
      <c r="B75" s="22">
        <v>69</v>
      </c>
      <c r="C75" s="14">
        <v>76</v>
      </c>
      <c r="D75" s="18">
        <v>145</v>
      </c>
    </row>
    <row r="76" spans="1:4" ht="18" customHeight="1" x14ac:dyDescent="0.15">
      <c r="A76" s="5">
        <v>59</v>
      </c>
      <c r="B76" s="22">
        <v>58</v>
      </c>
      <c r="C76" s="14">
        <v>60</v>
      </c>
      <c r="D76" s="18">
        <v>118</v>
      </c>
    </row>
    <row r="77" spans="1:4" ht="18" customHeight="1" x14ac:dyDescent="0.15">
      <c r="A77" s="5" t="s">
        <v>27</v>
      </c>
      <c r="B77" s="22">
        <v>361</v>
      </c>
      <c r="C77" s="14">
        <v>352</v>
      </c>
      <c r="D77" s="18">
        <v>713</v>
      </c>
    </row>
    <row r="78" spans="1:4" ht="18" customHeight="1" x14ac:dyDescent="0.15">
      <c r="A78" s="5">
        <v>60</v>
      </c>
      <c r="B78" s="22">
        <v>46</v>
      </c>
      <c r="C78" s="14">
        <v>46</v>
      </c>
      <c r="D78" s="18">
        <v>92</v>
      </c>
    </row>
    <row r="79" spans="1:4" ht="18" customHeight="1" x14ac:dyDescent="0.15">
      <c r="A79" s="5">
        <v>61</v>
      </c>
      <c r="B79" s="22">
        <v>54</v>
      </c>
      <c r="C79" s="14">
        <v>56</v>
      </c>
      <c r="D79" s="18">
        <v>110</v>
      </c>
    </row>
    <row r="80" spans="1:4" ht="18" customHeight="1" x14ac:dyDescent="0.15">
      <c r="A80" s="5">
        <v>62</v>
      </c>
      <c r="B80" s="22">
        <v>67</v>
      </c>
      <c r="C80" s="14">
        <v>57</v>
      </c>
      <c r="D80" s="18">
        <v>124</v>
      </c>
    </row>
    <row r="81" spans="1:4" ht="18" customHeight="1" x14ac:dyDescent="0.15">
      <c r="A81" s="5">
        <v>63</v>
      </c>
      <c r="B81" s="22">
        <v>59</v>
      </c>
      <c r="C81" s="14">
        <v>62</v>
      </c>
      <c r="D81" s="18">
        <v>121</v>
      </c>
    </row>
    <row r="82" spans="1:4" ht="18" customHeight="1" x14ac:dyDescent="0.15">
      <c r="A82" s="5">
        <v>64</v>
      </c>
      <c r="B82" s="22">
        <v>76</v>
      </c>
      <c r="C82" s="14">
        <v>52</v>
      </c>
      <c r="D82" s="18">
        <v>128</v>
      </c>
    </row>
    <row r="83" spans="1:4" ht="18" customHeight="1" x14ac:dyDescent="0.15">
      <c r="A83" s="5" t="s">
        <v>28</v>
      </c>
      <c r="B83" s="22">
        <v>302</v>
      </c>
      <c r="C83" s="14">
        <v>273</v>
      </c>
      <c r="D83" s="18">
        <v>575</v>
      </c>
    </row>
    <row r="84" spans="1:4" ht="18" customHeight="1" x14ac:dyDescent="0.15">
      <c r="A84" s="5" t="s">
        <v>31</v>
      </c>
      <c r="B84" s="22">
        <v>2366</v>
      </c>
      <c r="C84" s="14">
        <v>2196</v>
      </c>
      <c r="D84" s="18">
        <v>4562</v>
      </c>
    </row>
    <row r="85" spans="1:4" ht="18" customHeight="1" x14ac:dyDescent="0.15">
      <c r="A85" s="5">
        <v>65</v>
      </c>
      <c r="B85" s="22">
        <v>45</v>
      </c>
      <c r="C85" s="14">
        <v>57</v>
      </c>
      <c r="D85" s="18">
        <v>102</v>
      </c>
    </row>
    <row r="86" spans="1:4" ht="18" customHeight="1" x14ac:dyDescent="0.15">
      <c r="A86" s="5">
        <v>66</v>
      </c>
      <c r="B86" s="22">
        <v>65</v>
      </c>
      <c r="C86" s="14">
        <v>63</v>
      </c>
      <c r="D86" s="18">
        <v>128</v>
      </c>
    </row>
    <row r="87" spans="1:4" ht="18" customHeight="1" x14ac:dyDescent="0.15">
      <c r="A87" s="5">
        <v>67</v>
      </c>
      <c r="B87" s="22">
        <v>59</v>
      </c>
      <c r="C87" s="14">
        <v>69</v>
      </c>
      <c r="D87" s="18">
        <v>128</v>
      </c>
    </row>
    <row r="88" spans="1:4" ht="18" customHeight="1" x14ac:dyDescent="0.15">
      <c r="A88" s="5">
        <v>68</v>
      </c>
      <c r="B88" s="22">
        <v>64</v>
      </c>
      <c r="C88" s="14">
        <v>51</v>
      </c>
      <c r="D88" s="18">
        <v>115</v>
      </c>
    </row>
    <row r="89" spans="1:4" ht="18" customHeight="1" x14ac:dyDescent="0.15">
      <c r="A89" s="5">
        <v>69</v>
      </c>
      <c r="B89" s="22">
        <v>62</v>
      </c>
      <c r="C89" s="14">
        <v>63</v>
      </c>
      <c r="D89" s="18">
        <v>125</v>
      </c>
    </row>
    <row r="90" spans="1:4" ht="18" customHeight="1" x14ac:dyDescent="0.15">
      <c r="A90" s="5" t="s">
        <v>20</v>
      </c>
      <c r="B90" s="22">
        <v>295</v>
      </c>
      <c r="C90" s="14">
        <v>303</v>
      </c>
      <c r="D90" s="18">
        <v>598</v>
      </c>
    </row>
    <row r="91" spans="1:4" ht="18" customHeight="1" x14ac:dyDescent="0.15">
      <c r="A91" s="5">
        <v>70</v>
      </c>
      <c r="B91" s="22">
        <v>48</v>
      </c>
      <c r="C91" s="14">
        <v>61</v>
      </c>
      <c r="D91" s="18">
        <v>109</v>
      </c>
    </row>
    <row r="92" spans="1:4" ht="18" customHeight="1" x14ac:dyDescent="0.15">
      <c r="A92" s="5">
        <v>71</v>
      </c>
      <c r="B92" s="22">
        <v>62</v>
      </c>
      <c r="C92" s="14">
        <v>58</v>
      </c>
      <c r="D92" s="18">
        <v>120</v>
      </c>
    </row>
    <row r="93" spans="1:4" ht="18" customHeight="1" x14ac:dyDescent="0.15">
      <c r="A93" s="5">
        <v>72</v>
      </c>
      <c r="B93" s="22">
        <v>58</v>
      </c>
      <c r="C93" s="14">
        <v>64</v>
      </c>
      <c r="D93" s="18">
        <v>122</v>
      </c>
    </row>
    <row r="94" spans="1:4" ht="18" customHeight="1" x14ac:dyDescent="0.15">
      <c r="A94" s="5">
        <v>73</v>
      </c>
      <c r="B94" s="22">
        <v>55</v>
      </c>
      <c r="C94" s="14">
        <v>80</v>
      </c>
      <c r="D94" s="18">
        <v>135</v>
      </c>
    </row>
    <row r="95" spans="1:4" ht="18" customHeight="1" x14ac:dyDescent="0.15">
      <c r="A95" s="5">
        <v>74</v>
      </c>
      <c r="B95" s="22">
        <v>59</v>
      </c>
      <c r="C95" s="14">
        <v>62</v>
      </c>
      <c r="D95" s="18">
        <v>121</v>
      </c>
    </row>
    <row r="96" spans="1:4" ht="18" customHeight="1" x14ac:dyDescent="0.15">
      <c r="A96" s="5" t="s">
        <v>33</v>
      </c>
      <c r="B96" s="22">
        <v>282</v>
      </c>
      <c r="C96" s="14">
        <v>325</v>
      </c>
      <c r="D96" s="18">
        <v>607</v>
      </c>
    </row>
    <row r="97" spans="1:4" ht="18" customHeight="1" x14ac:dyDescent="0.15">
      <c r="A97" s="5">
        <v>75</v>
      </c>
      <c r="B97" s="22">
        <v>69</v>
      </c>
      <c r="C97" s="14">
        <v>70</v>
      </c>
      <c r="D97" s="18">
        <v>139</v>
      </c>
    </row>
    <row r="98" spans="1:4" ht="18" customHeight="1" x14ac:dyDescent="0.15">
      <c r="A98" s="5">
        <v>76</v>
      </c>
      <c r="B98" s="22">
        <v>80</v>
      </c>
      <c r="C98" s="14">
        <v>97</v>
      </c>
      <c r="D98" s="18">
        <v>177</v>
      </c>
    </row>
    <row r="99" spans="1:4" ht="18" customHeight="1" x14ac:dyDescent="0.15">
      <c r="A99" s="5">
        <v>77</v>
      </c>
      <c r="B99" s="22">
        <v>76</v>
      </c>
      <c r="C99" s="14">
        <v>98</v>
      </c>
      <c r="D99" s="18">
        <v>174</v>
      </c>
    </row>
    <row r="100" spans="1:4" ht="18" customHeight="1" x14ac:dyDescent="0.15">
      <c r="A100" s="5">
        <v>78</v>
      </c>
      <c r="B100" s="22">
        <v>76</v>
      </c>
      <c r="C100" s="14">
        <v>93</v>
      </c>
      <c r="D100" s="18">
        <v>169</v>
      </c>
    </row>
    <row r="101" spans="1:4" ht="18" customHeight="1" x14ac:dyDescent="0.15">
      <c r="A101" s="5">
        <v>79</v>
      </c>
      <c r="B101" s="22">
        <v>73</v>
      </c>
      <c r="C101" s="14">
        <v>95</v>
      </c>
      <c r="D101" s="18">
        <v>168</v>
      </c>
    </row>
    <row r="102" spans="1:4" ht="18" customHeight="1" x14ac:dyDescent="0.15">
      <c r="A102" s="5" t="s">
        <v>0</v>
      </c>
      <c r="B102" s="22">
        <v>374</v>
      </c>
      <c r="C102" s="14">
        <v>453</v>
      </c>
      <c r="D102" s="18">
        <v>827</v>
      </c>
    </row>
    <row r="103" spans="1:4" ht="18" customHeight="1" x14ac:dyDescent="0.15">
      <c r="A103" s="5">
        <v>80</v>
      </c>
      <c r="B103" s="22">
        <v>35</v>
      </c>
      <c r="C103" s="14">
        <v>40</v>
      </c>
      <c r="D103" s="18">
        <v>75</v>
      </c>
    </row>
    <row r="104" spans="1:4" ht="18" customHeight="1" x14ac:dyDescent="0.15">
      <c r="A104" s="5">
        <v>81</v>
      </c>
      <c r="B104" s="22">
        <v>41</v>
      </c>
      <c r="C104" s="14">
        <v>63</v>
      </c>
      <c r="D104" s="18">
        <v>104</v>
      </c>
    </row>
    <row r="105" spans="1:4" ht="18" customHeight="1" x14ac:dyDescent="0.15">
      <c r="A105" s="5">
        <v>82</v>
      </c>
      <c r="B105" s="22">
        <v>44</v>
      </c>
      <c r="C105" s="14">
        <v>69</v>
      </c>
      <c r="D105" s="18">
        <v>113</v>
      </c>
    </row>
    <row r="106" spans="1:4" ht="18" customHeight="1" x14ac:dyDescent="0.15">
      <c r="A106" s="5">
        <v>83</v>
      </c>
      <c r="B106" s="22">
        <v>42</v>
      </c>
      <c r="C106" s="14">
        <v>68</v>
      </c>
      <c r="D106" s="18">
        <v>110</v>
      </c>
    </row>
    <row r="107" spans="1:4" ht="18" customHeight="1" x14ac:dyDescent="0.15">
      <c r="A107" s="5">
        <v>84</v>
      </c>
      <c r="B107" s="22">
        <v>44</v>
      </c>
      <c r="C107" s="14">
        <v>51</v>
      </c>
      <c r="D107" s="18">
        <v>95</v>
      </c>
    </row>
    <row r="108" spans="1:4" ht="18" customHeight="1" x14ac:dyDescent="0.15">
      <c r="A108" s="5" t="s">
        <v>35</v>
      </c>
      <c r="B108" s="22">
        <v>206</v>
      </c>
      <c r="C108" s="14">
        <v>291</v>
      </c>
      <c r="D108" s="18">
        <v>497</v>
      </c>
    </row>
    <row r="109" spans="1:4" ht="18" customHeight="1" x14ac:dyDescent="0.15">
      <c r="A109" s="5">
        <v>85</v>
      </c>
      <c r="B109" s="22">
        <v>30</v>
      </c>
      <c r="C109" s="14">
        <v>62</v>
      </c>
      <c r="D109" s="18">
        <v>92</v>
      </c>
    </row>
    <row r="110" spans="1:4" ht="18" customHeight="1" x14ac:dyDescent="0.15">
      <c r="A110" s="5">
        <v>86</v>
      </c>
      <c r="B110" s="22">
        <v>23</v>
      </c>
      <c r="C110" s="14">
        <v>43</v>
      </c>
      <c r="D110" s="18">
        <v>66</v>
      </c>
    </row>
    <row r="111" spans="1:4" ht="18" customHeight="1" x14ac:dyDescent="0.15">
      <c r="A111" s="5">
        <v>87</v>
      </c>
      <c r="B111" s="22">
        <v>18</v>
      </c>
      <c r="C111" s="14">
        <v>41</v>
      </c>
      <c r="D111" s="18">
        <v>59</v>
      </c>
    </row>
    <row r="112" spans="1:4" ht="18" customHeight="1" x14ac:dyDescent="0.15">
      <c r="A112" s="5">
        <v>88</v>
      </c>
      <c r="B112" s="22">
        <v>21</v>
      </c>
      <c r="C112" s="14">
        <v>51</v>
      </c>
      <c r="D112" s="18">
        <v>72</v>
      </c>
    </row>
    <row r="113" spans="1:4" ht="18" customHeight="1" x14ac:dyDescent="0.15">
      <c r="A113" s="5">
        <v>89</v>
      </c>
      <c r="B113" s="22">
        <v>18</v>
      </c>
      <c r="C113" s="14">
        <v>39</v>
      </c>
      <c r="D113" s="18">
        <v>57</v>
      </c>
    </row>
    <row r="114" spans="1:4" ht="18" customHeight="1" x14ac:dyDescent="0.15">
      <c r="A114" s="5" t="s">
        <v>37</v>
      </c>
      <c r="B114" s="22">
        <v>110</v>
      </c>
      <c r="C114" s="14">
        <v>236</v>
      </c>
      <c r="D114" s="18">
        <v>346</v>
      </c>
    </row>
    <row r="115" spans="1:4" ht="18" customHeight="1" x14ac:dyDescent="0.15">
      <c r="A115" s="5">
        <v>90</v>
      </c>
      <c r="B115" s="22">
        <v>13</v>
      </c>
      <c r="C115" s="14">
        <v>43</v>
      </c>
      <c r="D115" s="18">
        <v>56</v>
      </c>
    </row>
    <row r="116" spans="1:4" ht="18" customHeight="1" x14ac:dyDescent="0.15">
      <c r="A116" s="5">
        <v>91</v>
      </c>
      <c r="B116" s="22">
        <v>16</v>
      </c>
      <c r="C116" s="14">
        <v>31</v>
      </c>
      <c r="D116" s="18">
        <v>47</v>
      </c>
    </row>
    <row r="117" spans="1:4" ht="18" customHeight="1" x14ac:dyDescent="0.15">
      <c r="A117" s="5">
        <v>92</v>
      </c>
      <c r="B117" s="22">
        <v>16</v>
      </c>
      <c r="C117" s="14">
        <v>35</v>
      </c>
      <c r="D117" s="18">
        <v>51</v>
      </c>
    </row>
    <row r="118" spans="1:4" ht="18" customHeight="1" x14ac:dyDescent="0.15">
      <c r="A118" s="5">
        <v>93</v>
      </c>
      <c r="B118" s="22">
        <v>5</v>
      </c>
      <c r="C118" s="14">
        <v>25</v>
      </c>
      <c r="D118" s="18">
        <v>30</v>
      </c>
    </row>
    <row r="119" spans="1:4" ht="18" customHeight="1" x14ac:dyDescent="0.15">
      <c r="A119" s="5">
        <v>94</v>
      </c>
      <c r="B119" s="22">
        <v>2</v>
      </c>
      <c r="C119" s="14">
        <v>18</v>
      </c>
      <c r="D119" s="18">
        <v>20</v>
      </c>
    </row>
    <row r="120" spans="1:4" ht="18" customHeight="1" x14ac:dyDescent="0.15">
      <c r="A120" s="5" t="s">
        <v>39</v>
      </c>
      <c r="B120" s="22">
        <v>52</v>
      </c>
      <c r="C120" s="14">
        <v>152</v>
      </c>
      <c r="D120" s="18">
        <v>204</v>
      </c>
    </row>
    <row r="121" spans="1:4" ht="18" customHeight="1" x14ac:dyDescent="0.15">
      <c r="A121" s="5">
        <v>95</v>
      </c>
      <c r="B121" s="22">
        <v>5</v>
      </c>
      <c r="C121" s="14">
        <v>16</v>
      </c>
      <c r="D121" s="18">
        <v>21</v>
      </c>
    </row>
    <row r="122" spans="1:4" ht="18" customHeight="1" x14ac:dyDescent="0.15">
      <c r="A122" s="5">
        <v>96</v>
      </c>
      <c r="B122" s="22">
        <v>3</v>
      </c>
      <c r="C122" s="14">
        <v>13</v>
      </c>
      <c r="D122" s="18">
        <v>16</v>
      </c>
    </row>
    <row r="123" spans="1:4" ht="18" customHeight="1" x14ac:dyDescent="0.15">
      <c r="A123" s="5">
        <v>97</v>
      </c>
      <c r="B123" s="22">
        <v>3</v>
      </c>
      <c r="C123" s="14">
        <v>9</v>
      </c>
      <c r="D123" s="18">
        <v>12</v>
      </c>
    </row>
    <row r="124" spans="1:4" ht="18" customHeight="1" x14ac:dyDescent="0.15">
      <c r="A124" s="5">
        <v>98</v>
      </c>
      <c r="B124" s="22">
        <v>2</v>
      </c>
      <c r="C124" s="14">
        <v>10</v>
      </c>
      <c r="D124" s="18">
        <v>12</v>
      </c>
    </row>
    <row r="125" spans="1:4" ht="18" customHeight="1" x14ac:dyDescent="0.15">
      <c r="A125" s="5">
        <v>99</v>
      </c>
      <c r="B125" s="22">
        <v>1</v>
      </c>
      <c r="C125" s="14">
        <v>6</v>
      </c>
      <c r="D125" s="18">
        <v>7</v>
      </c>
    </row>
    <row r="126" spans="1:4" ht="18" customHeight="1" x14ac:dyDescent="0.15">
      <c r="A126" s="5" t="s">
        <v>40</v>
      </c>
      <c r="B126" s="22">
        <v>14</v>
      </c>
      <c r="C126" s="14">
        <v>54</v>
      </c>
      <c r="D126" s="18">
        <v>68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0</v>
      </c>
      <c r="C129" s="14">
        <v>14</v>
      </c>
      <c r="D129" s="18">
        <v>14</v>
      </c>
    </row>
    <row r="130" spans="1:4" ht="18" customHeight="1" x14ac:dyDescent="0.15">
      <c r="A130" s="5" t="s">
        <v>46</v>
      </c>
      <c r="B130" s="22">
        <v>1333</v>
      </c>
      <c r="C130" s="14">
        <v>1828</v>
      </c>
      <c r="D130" s="18">
        <v>3161</v>
      </c>
    </row>
    <row r="131" spans="1:4" ht="18" customHeight="1" x14ac:dyDescent="0.15">
      <c r="A131" s="7" t="s">
        <v>45</v>
      </c>
      <c r="B131" s="23">
        <v>4015</v>
      </c>
      <c r="C131" s="15">
        <v>4317</v>
      </c>
      <c r="D131" s="19">
        <v>83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0</v>
      </c>
      <c r="D5" s="31">
        <v>3</v>
      </c>
    </row>
    <row r="6" spans="1:4" ht="18" customHeight="1" x14ac:dyDescent="0.15">
      <c r="A6" s="5">
        <v>1</v>
      </c>
      <c r="B6" s="27">
        <v>2</v>
      </c>
      <c r="C6" s="14">
        <v>3</v>
      </c>
      <c r="D6" s="18">
        <v>5</v>
      </c>
    </row>
    <row r="7" spans="1:4" ht="18" customHeight="1" x14ac:dyDescent="0.15">
      <c r="A7" s="5">
        <v>2</v>
      </c>
      <c r="B7" s="27">
        <v>3</v>
      </c>
      <c r="C7" s="14">
        <v>5</v>
      </c>
      <c r="D7" s="18">
        <v>8</v>
      </c>
    </row>
    <row r="8" spans="1:4" ht="18" customHeight="1" x14ac:dyDescent="0.15">
      <c r="A8" s="5">
        <v>3</v>
      </c>
      <c r="B8" s="27">
        <v>1</v>
      </c>
      <c r="C8" s="14">
        <v>3</v>
      </c>
      <c r="D8" s="18">
        <v>4</v>
      </c>
    </row>
    <row r="9" spans="1:4" ht="18" customHeight="1" x14ac:dyDescent="0.15">
      <c r="A9" s="5">
        <v>4</v>
      </c>
      <c r="B9" s="28">
        <v>3</v>
      </c>
      <c r="C9" s="30">
        <v>4</v>
      </c>
      <c r="D9" s="32">
        <v>7</v>
      </c>
    </row>
    <row r="10" spans="1:4" ht="18" customHeight="1" x14ac:dyDescent="0.15">
      <c r="A10" s="5" t="s">
        <v>7</v>
      </c>
      <c r="B10" s="22">
        <v>12</v>
      </c>
      <c r="C10" s="14">
        <v>15</v>
      </c>
      <c r="D10" s="18">
        <v>27</v>
      </c>
    </row>
    <row r="11" spans="1:4" ht="18" customHeight="1" x14ac:dyDescent="0.15">
      <c r="A11" s="5">
        <v>5</v>
      </c>
      <c r="B11" s="27">
        <v>3</v>
      </c>
      <c r="C11" s="14">
        <v>3</v>
      </c>
      <c r="D11" s="18">
        <v>6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4</v>
      </c>
      <c r="C13" s="14">
        <v>6</v>
      </c>
      <c r="D13" s="18">
        <v>10</v>
      </c>
    </row>
    <row r="14" spans="1:4" ht="18" customHeight="1" x14ac:dyDescent="0.15">
      <c r="A14" s="5">
        <v>8</v>
      </c>
      <c r="B14" s="27">
        <v>2</v>
      </c>
      <c r="C14" s="14">
        <v>4</v>
      </c>
      <c r="D14" s="18">
        <v>6</v>
      </c>
    </row>
    <row r="15" spans="1:4" ht="18" customHeight="1" x14ac:dyDescent="0.15">
      <c r="A15" s="5">
        <v>9</v>
      </c>
      <c r="B15" s="27">
        <v>4</v>
      </c>
      <c r="C15" s="14">
        <v>2</v>
      </c>
      <c r="D15" s="18">
        <v>6</v>
      </c>
    </row>
    <row r="16" spans="1:4" ht="18" customHeight="1" x14ac:dyDescent="0.15">
      <c r="A16" s="5" t="s">
        <v>11</v>
      </c>
      <c r="B16" s="22">
        <v>16</v>
      </c>
      <c r="C16" s="14">
        <v>21</v>
      </c>
      <c r="D16" s="18">
        <v>37</v>
      </c>
    </row>
    <row r="17" spans="1:4" ht="18" customHeight="1" x14ac:dyDescent="0.15">
      <c r="A17" s="5">
        <v>10</v>
      </c>
      <c r="B17" s="22">
        <v>3</v>
      </c>
      <c r="C17" s="14">
        <v>7</v>
      </c>
      <c r="D17" s="18">
        <v>10</v>
      </c>
    </row>
    <row r="18" spans="1:4" ht="18" customHeight="1" x14ac:dyDescent="0.15">
      <c r="A18" s="5">
        <v>11</v>
      </c>
      <c r="B18" s="22">
        <v>5</v>
      </c>
      <c r="C18" s="14">
        <v>4</v>
      </c>
      <c r="D18" s="18">
        <v>9</v>
      </c>
    </row>
    <row r="19" spans="1:4" ht="18" customHeight="1" x14ac:dyDescent="0.15">
      <c r="A19" s="5">
        <v>12</v>
      </c>
      <c r="B19" s="22">
        <v>3</v>
      </c>
      <c r="C19" s="14">
        <v>4</v>
      </c>
      <c r="D19" s="18">
        <v>7</v>
      </c>
    </row>
    <row r="20" spans="1:4" ht="18" customHeight="1" x14ac:dyDescent="0.15">
      <c r="A20" s="5">
        <v>13</v>
      </c>
      <c r="B20" s="22">
        <v>7</v>
      </c>
      <c r="C20" s="14">
        <v>8</v>
      </c>
      <c r="D20" s="18">
        <v>15</v>
      </c>
    </row>
    <row r="21" spans="1:4" ht="18" customHeight="1" x14ac:dyDescent="0.15">
      <c r="A21" s="5">
        <v>14</v>
      </c>
      <c r="B21" s="22">
        <v>2</v>
      </c>
      <c r="C21" s="14">
        <v>10</v>
      </c>
      <c r="D21" s="18">
        <v>12</v>
      </c>
    </row>
    <row r="22" spans="1:4" ht="18" customHeight="1" x14ac:dyDescent="0.15">
      <c r="A22" s="5" t="s">
        <v>12</v>
      </c>
      <c r="B22" s="22">
        <v>20</v>
      </c>
      <c r="C22" s="14">
        <v>33</v>
      </c>
      <c r="D22" s="18">
        <v>53</v>
      </c>
    </row>
    <row r="23" spans="1:4" ht="18" customHeight="1" x14ac:dyDescent="0.15">
      <c r="A23" s="5" t="s">
        <v>6</v>
      </c>
      <c r="B23" s="22">
        <v>48</v>
      </c>
      <c r="C23" s="14">
        <v>69</v>
      </c>
      <c r="D23" s="18">
        <v>117</v>
      </c>
    </row>
    <row r="24" spans="1:4" ht="18" customHeight="1" x14ac:dyDescent="0.15">
      <c r="A24" s="5">
        <v>15</v>
      </c>
      <c r="B24" s="22">
        <v>8</v>
      </c>
      <c r="C24" s="14">
        <v>2</v>
      </c>
      <c r="D24" s="18">
        <v>10</v>
      </c>
    </row>
    <row r="25" spans="1:4" ht="18" customHeight="1" x14ac:dyDescent="0.15">
      <c r="A25" s="5">
        <v>16</v>
      </c>
      <c r="B25" s="22">
        <v>11</v>
      </c>
      <c r="C25" s="14">
        <v>9</v>
      </c>
      <c r="D25" s="18">
        <v>20</v>
      </c>
    </row>
    <row r="26" spans="1:4" ht="18" customHeight="1" x14ac:dyDescent="0.15">
      <c r="A26" s="5">
        <v>17</v>
      </c>
      <c r="B26" s="22">
        <v>10</v>
      </c>
      <c r="C26" s="14">
        <v>6</v>
      </c>
      <c r="D26" s="18">
        <v>16</v>
      </c>
    </row>
    <row r="27" spans="1:4" ht="18" customHeight="1" x14ac:dyDescent="0.15">
      <c r="A27" s="5">
        <v>18</v>
      </c>
      <c r="B27" s="22">
        <v>8</v>
      </c>
      <c r="C27" s="14">
        <v>6</v>
      </c>
      <c r="D27" s="18">
        <v>14</v>
      </c>
    </row>
    <row r="28" spans="1:4" ht="18" customHeight="1" x14ac:dyDescent="0.15">
      <c r="A28" s="5">
        <v>19</v>
      </c>
      <c r="B28" s="22">
        <v>13</v>
      </c>
      <c r="C28" s="14">
        <v>9</v>
      </c>
      <c r="D28" s="18">
        <v>22</v>
      </c>
    </row>
    <row r="29" spans="1:4" ht="18" customHeight="1" x14ac:dyDescent="0.15">
      <c r="A29" s="5" t="s">
        <v>14</v>
      </c>
      <c r="B29" s="22">
        <v>50</v>
      </c>
      <c r="C29" s="14">
        <v>32</v>
      </c>
      <c r="D29" s="18">
        <v>82</v>
      </c>
    </row>
    <row r="30" spans="1:4" ht="18" customHeight="1" x14ac:dyDescent="0.15">
      <c r="A30" s="5">
        <v>20</v>
      </c>
      <c r="B30" s="22">
        <v>4</v>
      </c>
      <c r="C30" s="14">
        <v>6</v>
      </c>
      <c r="D30" s="18">
        <v>10</v>
      </c>
    </row>
    <row r="31" spans="1:4" ht="18" customHeight="1" x14ac:dyDescent="0.15">
      <c r="A31" s="5">
        <v>21</v>
      </c>
      <c r="B31" s="22">
        <v>4</v>
      </c>
      <c r="C31" s="14">
        <v>6</v>
      </c>
      <c r="D31" s="18">
        <v>10</v>
      </c>
    </row>
    <row r="32" spans="1:4" ht="18" customHeight="1" x14ac:dyDescent="0.15">
      <c r="A32" s="5">
        <v>22</v>
      </c>
      <c r="B32" s="22">
        <v>5</v>
      </c>
      <c r="C32" s="14">
        <v>7</v>
      </c>
      <c r="D32" s="18">
        <v>12</v>
      </c>
    </row>
    <row r="33" spans="1:4" ht="18" customHeight="1" x14ac:dyDescent="0.15">
      <c r="A33" s="5">
        <v>23</v>
      </c>
      <c r="B33" s="22">
        <v>13</v>
      </c>
      <c r="C33" s="14">
        <v>7</v>
      </c>
      <c r="D33" s="18">
        <v>20</v>
      </c>
    </row>
    <row r="34" spans="1:4" ht="18" customHeight="1" x14ac:dyDescent="0.15">
      <c r="A34" s="5">
        <v>24</v>
      </c>
      <c r="B34" s="22">
        <v>5</v>
      </c>
      <c r="C34" s="14">
        <v>5</v>
      </c>
      <c r="D34" s="18">
        <v>10</v>
      </c>
    </row>
    <row r="35" spans="1:4" ht="18" customHeight="1" x14ac:dyDescent="0.15">
      <c r="A35" s="5" t="s">
        <v>9</v>
      </c>
      <c r="B35" s="22">
        <v>31</v>
      </c>
      <c r="C35" s="14">
        <v>31</v>
      </c>
      <c r="D35" s="18">
        <v>62</v>
      </c>
    </row>
    <row r="36" spans="1:4" ht="18" customHeight="1" x14ac:dyDescent="0.15">
      <c r="A36" s="5">
        <v>25</v>
      </c>
      <c r="B36" s="22">
        <v>9</v>
      </c>
      <c r="C36" s="14">
        <v>5</v>
      </c>
      <c r="D36" s="18">
        <v>14</v>
      </c>
    </row>
    <row r="37" spans="1:4" ht="18" customHeight="1" x14ac:dyDescent="0.15">
      <c r="A37" s="5">
        <v>26</v>
      </c>
      <c r="B37" s="22">
        <v>12</v>
      </c>
      <c r="C37" s="14">
        <v>3</v>
      </c>
      <c r="D37" s="18">
        <v>15</v>
      </c>
    </row>
    <row r="38" spans="1:4" ht="18" customHeight="1" x14ac:dyDescent="0.15">
      <c r="A38" s="5">
        <v>27</v>
      </c>
      <c r="B38" s="22">
        <v>13</v>
      </c>
      <c r="C38" s="14">
        <v>5</v>
      </c>
      <c r="D38" s="18">
        <v>18</v>
      </c>
    </row>
    <row r="39" spans="1:4" ht="18" customHeight="1" x14ac:dyDescent="0.15">
      <c r="A39" s="5">
        <v>28</v>
      </c>
      <c r="B39" s="22">
        <v>8</v>
      </c>
      <c r="C39" s="14">
        <v>5</v>
      </c>
      <c r="D39" s="18">
        <v>13</v>
      </c>
    </row>
    <row r="40" spans="1:4" ht="18" customHeight="1" x14ac:dyDescent="0.15">
      <c r="A40" s="5">
        <v>29</v>
      </c>
      <c r="B40" s="22">
        <v>11</v>
      </c>
      <c r="C40" s="14">
        <v>5</v>
      </c>
      <c r="D40" s="18">
        <v>16</v>
      </c>
    </row>
    <row r="41" spans="1:4" ht="18" customHeight="1" x14ac:dyDescent="0.15">
      <c r="A41" s="5" t="s">
        <v>2</v>
      </c>
      <c r="B41" s="22">
        <v>53</v>
      </c>
      <c r="C41" s="14">
        <v>23</v>
      </c>
      <c r="D41" s="18">
        <v>76</v>
      </c>
    </row>
    <row r="42" spans="1:4" ht="18" customHeight="1" x14ac:dyDescent="0.15">
      <c r="A42" s="5">
        <v>30</v>
      </c>
      <c r="B42" s="22">
        <v>5</v>
      </c>
      <c r="C42" s="14">
        <v>5</v>
      </c>
      <c r="D42" s="18">
        <v>10</v>
      </c>
    </row>
    <row r="43" spans="1:4" ht="18" customHeight="1" x14ac:dyDescent="0.15">
      <c r="A43" s="5">
        <v>31</v>
      </c>
      <c r="B43" s="22">
        <v>2</v>
      </c>
      <c r="C43" s="14">
        <v>5</v>
      </c>
      <c r="D43" s="18">
        <v>7</v>
      </c>
    </row>
    <row r="44" spans="1:4" ht="18" customHeight="1" x14ac:dyDescent="0.15">
      <c r="A44" s="5">
        <v>32</v>
      </c>
      <c r="B44" s="22">
        <v>6</v>
      </c>
      <c r="C44" s="14">
        <v>1</v>
      </c>
      <c r="D44" s="18">
        <v>7</v>
      </c>
    </row>
    <row r="45" spans="1:4" ht="18" customHeight="1" x14ac:dyDescent="0.15">
      <c r="A45" s="5">
        <v>33</v>
      </c>
      <c r="B45" s="22">
        <v>6</v>
      </c>
      <c r="C45" s="14">
        <v>3</v>
      </c>
      <c r="D45" s="18">
        <v>9</v>
      </c>
    </row>
    <row r="46" spans="1:4" ht="18" customHeight="1" x14ac:dyDescent="0.15">
      <c r="A46" s="5">
        <v>34</v>
      </c>
      <c r="B46" s="22">
        <v>3</v>
      </c>
      <c r="C46" s="14">
        <v>4</v>
      </c>
      <c r="D46" s="18">
        <v>7</v>
      </c>
    </row>
    <row r="47" spans="1:4" ht="18" customHeight="1" x14ac:dyDescent="0.15">
      <c r="A47" s="5" t="s">
        <v>15</v>
      </c>
      <c r="B47" s="22">
        <v>22</v>
      </c>
      <c r="C47" s="14">
        <v>18</v>
      </c>
      <c r="D47" s="18">
        <v>40</v>
      </c>
    </row>
    <row r="48" spans="1:4" ht="18" customHeight="1" x14ac:dyDescent="0.15">
      <c r="A48" s="5">
        <v>35</v>
      </c>
      <c r="B48" s="22">
        <v>5</v>
      </c>
      <c r="C48" s="14">
        <v>5</v>
      </c>
      <c r="D48" s="18">
        <v>10</v>
      </c>
    </row>
    <row r="49" spans="1:4" ht="18" customHeight="1" x14ac:dyDescent="0.15">
      <c r="A49" s="5">
        <v>36</v>
      </c>
      <c r="B49" s="22">
        <v>8</v>
      </c>
      <c r="C49" s="14">
        <v>4</v>
      </c>
      <c r="D49" s="18">
        <v>12</v>
      </c>
    </row>
    <row r="50" spans="1:4" ht="18" customHeight="1" x14ac:dyDescent="0.15">
      <c r="A50" s="5">
        <v>37</v>
      </c>
      <c r="B50" s="22">
        <v>2</v>
      </c>
      <c r="C50" s="14">
        <v>3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3</v>
      </c>
      <c r="D51" s="18">
        <v>5</v>
      </c>
    </row>
    <row r="52" spans="1:4" ht="18" customHeight="1" x14ac:dyDescent="0.15">
      <c r="A52" s="5">
        <v>39</v>
      </c>
      <c r="B52" s="22">
        <v>10</v>
      </c>
      <c r="C52" s="14">
        <v>5</v>
      </c>
      <c r="D52" s="18">
        <v>15</v>
      </c>
    </row>
    <row r="53" spans="1:4" ht="18" customHeight="1" x14ac:dyDescent="0.15">
      <c r="A53" s="5" t="s">
        <v>18</v>
      </c>
      <c r="B53" s="22">
        <v>27</v>
      </c>
      <c r="C53" s="14">
        <v>20</v>
      </c>
      <c r="D53" s="18">
        <v>47</v>
      </c>
    </row>
    <row r="54" spans="1:4" ht="18" customHeight="1" x14ac:dyDescent="0.15">
      <c r="A54" s="5">
        <v>40</v>
      </c>
      <c r="B54" s="22">
        <v>5</v>
      </c>
      <c r="C54" s="14">
        <v>4</v>
      </c>
      <c r="D54" s="18">
        <v>9</v>
      </c>
    </row>
    <row r="55" spans="1:4" ht="18" customHeight="1" x14ac:dyDescent="0.15">
      <c r="A55" s="5">
        <v>41</v>
      </c>
      <c r="B55" s="22">
        <v>15</v>
      </c>
      <c r="C55" s="14">
        <v>9</v>
      </c>
      <c r="D55" s="18">
        <v>24</v>
      </c>
    </row>
    <row r="56" spans="1:4" ht="18" customHeight="1" x14ac:dyDescent="0.15">
      <c r="A56" s="5">
        <v>42</v>
      </c>
      <c r="B56" s="22">
        <v>5</v>
      </c>
      <c r="C56" s="14">
        <v>8</v>
      </c>
      <c r="D56" s="18">
        <v>13</v>
      </c>
    </row>
    <row r="57" spans="1:4" ht="18" customHeight="1" x14ac:dyDescent="0.15">
      <c r="A57" s="5">
        <v>43</v>
      </c>
      <c r="B57" s="22">
        <v>8</v>
      </c>
      <c r="C57" s="14">
        <v>7</v>
      </c>
      <c r="D57" s="18">
        <v>15</v>
      </c>
    </row>
    <row r="58" spans="1:4" ht="18" customHeight="1" x14ac:dyDescent="0.15">
      <c r="A58" s="5">
        <v>44</v>
      </c>
      <c r="B58" s="22">
        <v>10</v>
      </c>
      <c r="C58" s="14">
        <v>10</v>
      </c>
      <c r="D58" s="18">
        <v>20</v>
      </c>
    </row>
    <row r="59" spans="1:4" ht="18" customHeight="1" x14ac:dyDescent="0.15">
      <c r="A59" s="5" t="s">
        <v>21</v>
      </c>
      <c r="B59" s="22">
        <v>43</v>
      </c>
      <c r="C59" s="14">
        <v>38</v>
      </c>
      <c r="D59" s="18">
        <v>81</v>
      </c>
    </row>
    <row r="60" spans="1:4" ht="18" customHeight="1" x14ac:dyDescent="0.15">
      <c r="A60" s="5">
        <v>45</v>
      </c>
      <c r="B60" s="22">
        <v>12</v>
      </c>
      <c r="C60" s="14">
        <v>6</v>
      </c>
      <c r="D60" s="18">
        <v>18</v>
      </c>
    </row>
    <row r="61" spans="1:4" ht="18" customHeight="1" x14ac:dyDescent="0.15">
      <c r="A61" s="5">
        <v>46</v>
      </c>
      <c r="B61" s="22">
        <v>9</v>
      </c>
      <c r="C61" s="14">
        <v>5</v>
      </c>
      <c r="D61" s="18">
        <v>14</v>
      </c>
    </row>
    <row r="62" spans="1:4" ht="18" customHeight="1" x14ac:dyDescent="0.15">
      <c r="A62" s="5">
        <v>47</v>
      </c>
      <c r="B62" s="22">
        <v>10</v>
      </c>
      <c r="C62" s="14">
        <v>10</v>
      </c>
      <c r="D62" s="18">
        <v>20</v>
      </c>
    </row>
    <row r="63" spans="1:4" ht="18" customHeight="1" x14ac:dyDescent="0.15">
      <c r="A63" s="5">
        <v>48</v>
      </c>
      <c r="B63" s="22">
        <v>10</v>
      </c>
      <c r="C63" s="14">
        <v>10</v>
      </c>
      <c r="D63" s="18">
        <v>20</v>
      </c>
    </row>
    <row r="64" spans="1:4" ht="18" customHeight="1" x14ac:dyDescent="0.15">
      <c r="A64" s="5">
        <v>49</v>
      </c>
      <c r="B64" s="22">
        <v>10</v>
      </c>
      <c r="C64" s="14">
        <v>17</v>
      </c>
      <c r="D64" s="18">
        <v>27</v>
      </c>
    </row>
    <row r="65" spans="1:4" ht="18" customHeight="1" x14ac:dyDescent="0.15">
      <c r="A65" s="5" t="s">
        <v>17</v>
      </c>
      <c r="B65" s="22">
        <v>51</v>
      </c>
      <c r="C65" s="14">
        <v>48</v>
      </c>
      <c r="D65" s="18">
        <v>99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13</v>
      </c>
      <c r="C67" s="14">
        <v>8</v>
      </c>
      <c r="D67" s="18">
        <v>21</v>
      </c>
    </row>
    <row r="68" spans="1:4" ht="18" customHeight="1" x14ac:dyDescent="0.15">
      <c r="A68" s="5">
        <v>52</v>
      </c>
      <c r="B68" s="22">
        <v>17</v>
      </c>
      <c r="C68" s="14">
        <v>15</v>
      </c>
      <c r="D68" s="18">
        <v>32</v>
      </c>
    </row>
    <row r="69" spans="1:4" ht="18" customHeight="1" x14ac:dyDescent="0.15">
      <c r="A69" s="5">
        <v>53</v>
      </c>
      <c r="B69" s="22">
        <v>17</v>
      </c>
      <c r="C69" s="14">
        <v>8</v>
      </c>
      <c r="D69" s="18">
        <v>25</v>
      </c>
    </row>
    <row r="70" spans="1:4" ht="18" customHeight="1" x14ac:dyDescent="0.15">
      <c r="A70" s="5">
        <v>54</v>
      </c>
      <c r="B70" s="22">
        <v>13</v>
      </c>
      <c r="C70" s="14">
        <v>15</v>
      </c>
      <c r="D70" s="18">
        <v>28</v>
      </c>
    </row>
    <row r="71" spans="1:4" ht="18" customHeight="1" x14ac:dyDescent="0.15">
      <c r="A71" s="5" t="s">
        <v>22</v>
      </c>
      <c r="B71" s="22">
        <v>66</v>
      </c>
      <c r="C71" s="14">
        <v>51</v>
      </c>
      <c r="D71" s="18">
        <v>117</v>
      </c>
    </row>
    <row r="72" spans="1:4" ht="18" customHeight="1" x14ac:dyDescent="0.15">
      <c r="A72" s="5">
        <v>55</v>
      </c>
      <c r="B72" s="22">
        <v>16</v>
      </c>
      <c r="C72" s="14">
        <v>12</v>
      </c>
      <c r="D72" s="18">
        <v>28</v>
      </c>
    </row>
    <row r="73" spans="1:4" ht="18" customHeight="1" x14ac:dyDescent="0.15">
      <c r="A73" s="5">
        <v>56</v>
      </c>
      <c r="B73" s="22">
        <v>13</v>
      </c>
      <c r="C73" s="14">
        <v>8</v>
      </c>
      <c r="D73" s="18">
        <v>21</v>
      </c>
    </row>
    <row r="74" spans="1:4" ht="18" customHeight="1" x14ac:dyDescent="0.15">
      <c r="A74" s="5">
        <v>57</v>
      </c>
      <c r="B74" s="22">
        <v>14</v>
      </c>
      <c r="C74" s="14">
        <v>9</v>
      </c>
      <c r="D74" s="18">
        <v>23</v>
      </c>
    </row>
    <row r="75" spans="1:4" ht="18" customHeight="1" x14ac:dyDescent="0.15">
      <c r="A75" s="5">
        <v>58</v>
      </c>
      <c r="B75" s="22">
        <v>8</v>
      </c>
      <c r="C75" s="14">
        <v>12</v>
      </c>
      <c r="D75" s="18">
        <v>20</v>
      </c>
    </row>
    <row r="76" spans="1:4" ht="18" customHeight="1" x14ac:dyDescent="0.15">
      <c r="A76" s="5">
        <v>59</v>
      </c>
      <c r="B76" s="22">
        <v>8</v>
      </c>
      <c r="C76" s="14">
        <v>6</v>
      </c>
      <c r="D76" s="18">
        <v>14</v>
      </c>
    </row>
    <row r="77" spans="1:4" ht="18" customHeight="1" x14ac:dyDescent="0.15">
      <c r="A77" s="5" t="s">
        <v>27</v>
      </c>
      <c r="B77" s="22">
        <v>59</v>
      </c>
      <c r="C77" s="14">
        <v>47</v>
      </c>
      <c r="D77" s="18">
        <v>106</v>
      </c>
    </row>
    <row r="78" spans="1:4" ht="18" customHeight="1" x14ac:dyDescent="0.15">
      <c r="A78" s="5">
        <v>60</v>
      </c>
      <c r="B78" s="22">
        <v>8</v>
      </c>
      <c r="C78" s="14">
        <v>9</v>
      </c>
      <c r="D78" s="18">
        <v>17</v>
      </c>
    </row>
    <row r="79" spans="1:4" ht="18" customHeight="1" x14ac:dyDescent="0.15">
      <c r="A79" s="5">
        <v>61</v>
      </c>
      <c r="B79" s="22">
        <v>15</v>
      </c>
      <c r="C79" s="14">
        <v>10</v>
      </c>
      <c r="D79" s="18">
        <v>25</v>
      </c>
    </row>
    <row r="80" spans="1:4" ht="18" customHeight="1" x14ac:dyDescent="0.15">
      <c r="A80" s="5">
        <v>62</v>
      </c>
      <c r="B80" s="22">
        <v>13</v>
      </c>
      <c r="C80" s="14">
        <v>16</v>
      </c>
      <c r="D80" s="18">
        <v>29</v>
      </c>
    </row>
    <row r="81" spans="1:4" ht="18" customHeight="1" x14ac:dyDescent="0.15">
      <c r="A81" s="5">
        <v>63</v>
      </c>
      <c r="B81" s="22">
        <v>3</v>
      </c>
      <c r="C81" s="14">
        <v>3</v>
      </c>
      <c r="D81" s="18">
        <v>6</v>
      </c>
    </row>
    <row r="82" spans="1:4" ht="18" customHeight="1" x14ac:dyDescent="0.15">
      <c r="A82" s="5">
        <v>64</v>
      </c>
      <c r="B82" s="22">
        <v>17</v>
      </c>
      <c r="C82" s="14">
        <v>4</v>
      </c>
      <c r="D82" s="18">
        <v>21</v>
      </c>
    </row>
    <row r="83" spans="1:4" ht="18" customHeight="1" x14ac:dyDescent="0.15">
      <c r="A83" s="5" t="s">
        <v>28</v>
      </c>
      <c r="B83" s="22">
        <v>56</v>
      </c>
      <c r="C83" s="14">
        <v>42</v>
      </c>
      <c r="D83" s="18">
        <v>98</v>
      </c>
    </row>
    <row r="84" spans="1:4" ht="18" customHeight="1" x14ac:dyDescent="0.15">
      <c r="A84" s="5" t="s">
        <v>31</v>
      </c>
      <c r="B84" s="22">
        <v>458</v>
      </c>
      <c r="C84" s="14">
        <v>350</v>
      </c>
      <c r="D84" s="18">
        <v>808</v>
      </c>
    </row>
    <row r="85" spans="1:4" ht="18" customHeight="1" x14ac:dyDescent="0.15">
      <c r="A85" s="5">
        <v>65</v>
      </c>
      <c r="B85" s="22">
        <v>8</v>
      </c>
      <c r="C85" s="14">
        <v>11</v>
      </c>
      <c r="D85" s="18">
        <v>19</v>
      </c>
    </row>
    <row r="86" spans="1:4" ht="18" customHeight="1" x14ac:dyDescent="0.15">
      <c r="A86" s="5">
        <v>66</v>
      </c>
      <c r="B86" s="22">
        <v>14</v>
      </c>
      <c r="C86" s="14">
        <v>10</v>
      </c>
      <c r="D86" s="18">
        <v>24</v>
      </c>
    </row>
    <row r="87" spans="1:4" ht="18" customHeight="1" x14ac:dyDescent="0.15">
      <c r="A87" s="5">
        <v>67</v>
      </c>
      <c r="B87" s="22">
        <v>10</v>
      </c>
      <c r="C87" s="14">
        <v>12</v>
      </c>
      <c r="D87" s="18">
        <v>22</v>
      </c>
    </row>
    <row r="88" spans="1:4" ht="18" customHeight="1" x14ac:dyDescent="0.15">
      <c r="A88" s="5">
        <v>68</v>
      </c>
      <c r="B88" s="22">
        <v>14</v>
      </c>
      <c r="C88" s="14">
        <v>20</v>
      </c>
      <c r="D88" s="18">
        <v>34</v>
      </c>
    </row>
    <row r="89" spans="1:4" ht="18" customHeight="1" x14ac:dyDescent="0.15">
      <c r="A89" s="5">
        <v>69</v>
      </c>
      <c r="B89" s="22">
        <v>13</v>
      </c>
      <c r="C89" s="14">
        <v>10</v>
      </c>
      <c r="D89" s="18">
        <v>23</v>
      </c>
    </row>
    <row r="90" spans="1:4" ht="18" customHeight="1" x14ac:dyDescent="0.15">
      <c r="A90" s="5" t="s">
        <v>20</v>
      </c>
      <c r="B90" s="22">
        <v>59</v>
      </c>
      <c r="C90" s="14">
        <v>63</v>
      </c>
      <c r="D90" s="18">
        <v>122</v>
      </c>
    </row>
    <row r="91" spans="1:4" ht="18" customHeight="1" x14ac:dyDescent="0.15">
      <c r="A91" s="5">
        <v>70</v>
      </c>
      <c r="B91" s="22">
        <v>13</v>
      </c>
      <c r="C91" s="14">
        <v>16</v>
      </c>
      <c r="D91" s="18">
        <v>29</v>
      </c>
    </row>
    <row r="92" spans="1:4" ht="18" customHeight="1" x14ac:dyDescent="0.15">
      <c r="A92" s="5">
        <v>71</v>
      </c>
      <c r="B92" s="22">
        <v>16</v>
      </c>
      <c r="C92" s="14">
        <v>18</v>
      </c>
      <c r="D92" s="18">
        <v>34</v>
      </c>
    </row>
    <row r="93" spans="1:4" ht="18" customHeight="1" x14ac:dyDescent="0.15">
      <c r="A93" s="5">
        <v>72</v>
      </c>
      <c r="B93" s="22">
        <v>15</v>
      </c>
      <c r="C93" s="14">
        <v>17</v>
      </c>
      <c r="D93" s="18">
        <v>32</v>
      </c>
    </row>
    <row r="94" spans="1:4" ht="18" customHeight="1" x14ac:dyDescent="0.15">
      <c r="A94" s="5">
        <v>73</v>
      </c>
      <c r="B94" s="22">
        <v>10</v>
      </c>
      <c r="C94" s="14">
        <v>13</v>
      </c>
      <c r="D94" s="18">
        <v>23</v>
      </c>
    </row>
    <row r="95" spans="1:4" ht="18" customHeight="1" x14ac:dyDescent="0.15">
      <c r="A95" s="5">
        <v>74</v>
      </c>
      <c r="B95" s="22">
        <v>26</v>
      </c>
      <c r="C95" s="14">
        <v>14</v>
      </c>
      <c r="D95" s="18">
        <v>40</v>
      </c>
    </row>
    <row r="96" spans="1:4" ht="18" customHeight="1" x14ac:dyDescent="0.15">
      <c r="A96" s="5" t="s">
        <v>33</v>
      </c>
      <c r="B96" s="22">
        <v>80</v>
      </c>
      <c r="C96" s="14">
        <v>78</v>
      </c>
      <c r="D96" s="18">
        <v>158</v>
      </c>
    </row>
    <row r="97" spans="1:4" ht="18" customHeight="1" x14ac:dyDescent="0.15">
      <c r="A97" s="5">
        <v>75</v>
      </c>
      <c r="B97" s="22">
        <v>17</v>
      </c>
      <c r="C97" s="14">
        <v>16</v>
      </c>
      <c r="D97" s="18">
        <v>33</v>
      </c>
    </row>
    <row r="98" spans="1:4" ht="18" customHeight="1" x14ac:dyDescent="0.15">
      <c r="A98" s="5">
        <v>76</v>
      </c>
      <c r="B98" s="22">
        <v>15</v>
      </c>
      <c r="C98" s="14">
        <v>21</v>
      </c>
      <c r="D98" s="18">
        <v>36</v>
      </c>
    </row>
    <row r="99" spans="1:4" ht="18" customHeight="1" x14ac:dyDescent="0.15">
      <c r="A99" s="5">
        <v>77</v>
      </c>
      <c r="B99" s="22">
        <v>20</v>
      </c>
      <c r="C99" s="14">
        <v>21</v>
      </c>
      <c r="D99" s="18">
        <v>41</v>
      </c>
    </row>
    <row r="100" spans="1:4" ht="18" customHeight="1" x14ac:dyDescent="0.15">
      <c r="A100" s="5">
        <v>78</v>
      </c>
      <c r="B100" s="22">
        <v>27</v>
      </c>
      <c r="C100" s="14">
        <v>33</v>
      </c>
      <c r="D100" s="18">
        <v>60</v>
      </c>
    </row>
    <row r="101" spans="1:4" ht="18" customHeight="1" x14ac:dyDescent="0.15">
      <c r="A101" s="5">
        <v>79</v>
      </c>
      <c r="B101" s="22">
        <v>21</v>
      </c>
      <c r="C101" s="14">
        <v>19</v>
      </c>
      <c r="D101" s="18">
        <v>40</v>
      </c>
    </row>
    <row r="102" spans="1:4" ht="18" customHeight="1" x14ac:dyDescent="0.15">
      <c r="A102" s="5" t="s">
        <v>0</v>
      </c>
      <c r="B102" s="22">
        <v>100</v>
      </c>
      <c r="C102" s="14">
        <v>110</v>
      </c>
      <c r="D102" s="18">
        <v>210</v>
      </c>
    </row>
    <row r="103" spans="1:4" ht="18" customHeight="1" x14ac:dyDescent="0.15">
      <c r="A103" s="5">
        <v>80</v>
      </c>
      <c r="B103" s="22">
        <v>7</v>
      </c>
      <c r="C103" s="14">
        <v>10</v>
      </c>
      <c r="D103" s="18">
        <v>17</v>
      </c>
    </row>
    <row r="104" spans="1:4" ht="18" customHeight="1" x14ac:dyDescent="0.15">
      <c r="A104" s="5">
        <v>81</v>
      </c>
      <c r="B104" s="22">
        <v>8</v>
      </c>
      <c r="C104" s="14">
        <v>21</v>
      </c>
      <c r="D104" s="18">
        <v>29</v>
      </c>
    </row>
    <row r="105" spans="1:4" ht="18" customHeight="1" x14ac:dyDescent="0.15">
      <c r="A105" s="5">
        <v>82</v>
      </c>
      <c r="B105" s="22">
        <v>11</v>
      </c>
      <c r="C105" s="14">
        <v>23</v>
      </c>
      <c r="D105" s="18">
        <v>34</v>
      </c>
    </row>
    <row r="106" spans="1:4" ht="18" customHeight="1" x14ac:dyDescent="0.15">
      <c r="A106" s="5">
        <v>83</v>
      </c>
      <c r="B106" s="22">
        <v>14</v>
      </c>
      <c r="C106" s="14">
        <v>19</v>
      </c>
      <c r="D106" s="18">
        <v>33</v>
      </c>
    </row>
    <row r="107" spans="1:4" ht="18" customHeight="1" x14ac:dyDescent="0.15">
      <c r="A107" s="5">
        <v>84</v>
      </c>
      <c r="B107" s="22">
        <v>16</v>
      </c>
      <c r="C107" s="14">
        <v>20</v>
      </c>
      <c r="D107" s="18">
        <v>36</v>
      </c>
    </row>
    <row r="108" spans="1:4" ht="18" customHeight="1" x14ac:dyDescent="0.15">
      <c r="A108" s="5" t="s">
        <v>35</v>
      </c>
      <c r="B108" s="22">
        <v>56</v>
      </c>
      <c r="C108" s="14">
        <v>93</v>
      </c>
      <c r="D108" s="18">
        <v>149</v>
      </c>
    </row>
    <row r="109" spans="1:4" ht="18" customHeight="1" x14ac:dyDescent="0.15">
      <c r="A109" s="5">
        <v>85</v>
      </c>
      <c r="B109" s="22">
        <v>11</v>
      </c>
      <c r="C109" s="14">
        <v>11</v>
      </c>
      <c r="D109" s="18">
        <v>22</v>
      </c>
    </row>
    <row r="110" spans="1:4" ht="18" customHeight="1" x14ac:dyDescent="0.15">
      <c r="A110" s="5">
        <v>86</v>
      </c>
      <c r="B110" s="22">
        <v>8</v>
      </c>
      <c r="C110" s="14">
        <v>13</v>
      </c>
      <c r="D110" s="18">
        <v>21</v>
      </c>
    </row>
    <row r="111" spans="1:4" ht="18" customHeight="1" x14ac:dyDescent="0.15">
      <c r="A111" s="5">
        <v>87</v>
      </c>
      <c r="B111" s="22">
        <v>4</v>
      </c>
      <c r="C111" s="14">
        <v>13</v>
      </c>
      <c r="D111" s="18">
        <v>17</v>
      </c>
    </row>
    <row r="112" spans="1:4" ht="18" customHeight="1" x14ac:dyDescent="0.15">
      <c r="A112" s="5">
        <v>88</v>
      </c>
      <c r="B112" s="22">
        <v>5</v>
      </c>
      <c r="C112" s="14">
        <v>14</v>
      </c>
      <c r="D112" s="18">
        <v>19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34</v>
      </c>
      <c r="C114" s="14">
        <v>63</v>
      </c>
      <c r="D114" s="18">
        <v>97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10</v>
      </c>
      <c r="D116" s="18">
        <v>14</v>
      </c>
    </row>
    <row r="117" spans="1:4" ht="18" customHeight="1" x14ac:dyDescent="0.15">
      <c r="A117" s="5">
        <v>92</v>
      </c>
      <c r="B117" s="22">
        <v>5</v>
      </c>
      <c r="C117" s="14">
        <v>10</v>
      </c>
      <c r="D117" s="18">
        <v>15</v>
      </c>
    </row>
    <row r="118" spans="1:4" ht="18" customHeight="1" x14ac:dyDescent="0.15">
      <c r="A118" s="5">
        <v>93</v>
      </c>
      <c r="B118" s="22">
        <v>4</v>
      </c>
      <c r="C118" s="14">
        <v>11</v>
      </c>
      <c r="D118" s="18">
        <v>15</v>
      </c>
    </row>
    <row r="119" spans="1:4" ht="18" customHeight="1" x14ac:dyDescent="0.15">
      <c r="A119" s="5">
        <v>94</v>
      </c>
      <c r="B119" s="22">
        <v>2</v>
      </c>
      <c r="C119" s="14">
        <v>13</v>
      </c>
      <c r="D119" s="18">
        <v>15</v>
      </c>
    </row>
    <row r="120" spans="1:4" ht="18" customHeight="1" x14ac:dyDescent="0.15">
      <c r="A120" s="5" t="s">
        <v>39</v>
      </c>
      <c r="B120" s="22">
        <v>17</v>
      </c>
      <c r="C120" s="14">
        <v>56</v>
      </c>
      <c r="D120" s="18">
        <v>73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</v>
      </c>
      <c r="C126" s="14">
        <v>14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47</v>
      </c>
      <c r="C130" s="14">
        <v>480</v>
      </c>
      <c r="D130" s="18">
        <v>827</v>
      </c>
    </row>
    <row r="131" spans="1:4" ht="18" customHeight="1" x14ac:dyDescent="0.15">
      <c r="A131" s="7" t="s">
        <v>45</v>
      </c>
      <c r="B131" s="23">
        <v>853</v>
      </c>
      <c r="C131" s="15">
        <v>899</v>
      </c>
      <c r="D131" s="19">
        <v>17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7</v>
      </c>
      <c r="C5" s="29">
        <v>8</v>
      </c>
      <c r="D5" s="31">
        <v>15</v>
      </c>
    </row>
    <row r="6" spans="1:4" ht="18" customHeight="1" x14ac:dyDescent="0.15">
      <c r="A6" s="5">
        <v>1</v>
      </c>
      <c r="B6" s="27">
        <v>15</v>
      </c>
      <c r="C6" s="14">
        <v>12</v>
      </c>
      <c r="D6" s="18">
        <v>27</v>
      </c>
    </row>
    <row r="7" spans="1:4" ht="18" customHeight="1" x14ac:dyDescent="0.15">
      <c r="A7" s="5">
        <v>2</v>
      </c>
      <c r="B7" s="27">
        <v>15</v>
      </c>
      <c r="C7" s="14">
        <v>8</v>
      </c>
      <c r="D7" s="18">
        <v>23</v>
      </c>
    </row>
    <row r="8" spans="1:4" ht="18" customHeight="1" x14ac:dyDescent="0.15">
      <c r="A8" s="5">
        <v>3</v>
      </c>
      <c r="B8" s="27">
        <v>15</v>
      </c>
      <c r="C8" s="14">
        <v>10</v>
      </c>
      <c r="D8" s="18">
        <v>25</v>
      </c>
    </row>
    <row r="9" spans="1:4" ht="18" customHeight="1" x14ac:dyDescent="0.15">
      <c r="A9" s="5">
        <v>4</v>
      </c>
      <c r="B9" s="28">
        <v>13</v>
      </c>
      <c r="C9" s="30">
        <v>12</v>
      </c>
      <c r="D9" s="32">
        <v>25</v>
      </c>
    </row>
    <row r="10" spans="1:4" ht="18" customHeight="1" x14ac:dyDescent="0.15">
      <c r="A10" s="5" t="s">
        <v>7</v>
      </c>
      <c r="B10" s="22">
        <v>65</v>
      </c>
      <c r="C10" s="14">
        <v>50</v>
      </c>
      <c r="D10" s="18">
        <v>115</v>
      </c>
    </row>
    <row r="11" spans="1:4" ht="18" customHeight="1" x14ac:dyDescent="0.15">
      <c r="A11" s="5">
        <v>5</v>
      </c>
      <c r="B11" s="27">
        <v>13</v>
      </c>
      <c r="C11" s="14">
        <v>17</v>
      </c>
      <c r="D11" s="18">
        <v>30</v>
      </c>
    </row>
    <row r="12" spans="1:4" ht="18" customHeight="1" x14ac:dyDescent="0.15">
      <c r="A12" s="5">
        <v>6</v>
      </c>
      <c r="B12" s="27">
        <v>16</v>
      </c>
      <c r="C12" s="14">
        <v>17</v>
      </c>
      <c r="D12" s="18">
        <v>33</v>
      </c>
    </row>
    <row r="13" spans="1:4" ht="18" customHeight="1" x14ac:dyDescent="0.15">
      <c r="A13" s="5">
        <v>7</v>
      </c>
      <c r="B13" s="27">
        <v>13</v>
      </c>
      <c r="C13" s="14">
        <v>23</v>
      </c>
      <c r="D13" s="18">
        <v>36</v>
      </c>
    </row>
    <row r="14" spans="1:4" ht="18" customHeight="1" x14ac:dyDescent="0.15">
      <c r="A14" s="5">
        <v>8</v>
      </c>
      <c r="B14" s="27">
        <v>14</v>
      </c>
      <c r="C14" s="14">
        <v>20</v>
      </c>
      <c r="D14" s="18">
        <v>34</v>
      </c>
    </row>
    <row r="15" spans="1:4" ht="18" customHeight="1" x14ac:dyDescent="0.15">
      <c r="A15" s="5">
        <v>9</v>
      </c>
      <c r="B15" s="27">
        <v>18</v>
      </c>
      <c r="C15" s="14">
        <v>30</v>
      </c>
      <c r="D15" s="18">
        <v>48</v>
      </c>
    </row>
    <row r="16" spans="1:4" ht="18" customHeight="1" x14ac:dyDescent="0.15">
      <c r="A16" s="5" t="s">
        <v>11</v>
      </c>
      <c r="B16" s="22">
        <v>74</v>
      </c>
      <c r="C16" s="14">
        <v>107</v>
      </c>
      <c r="D16" s="18">
        <v>181</v>
      </c>
    </row>
    <row r="17" spans="1:4" ht="18" customHeight="1" x14ac:dyDescent="0.15">
      <c r="A17" s="5">
        <v>10</v>
      </c>
      <c r="B17" s="22">
        <v>19</v>
      </c>
      <c r="C17" s="14">
        <v>26</v>
      </c>
      <c r="D17" s="18">
        <v>45</v>
      </c>
    </row>
    <row r="18" spans="1:4" ht="18" customHeight="1" x14ac:dyDescent="0.15">
      <c r="A18" s="5">
        <v>11</v>
      </c>
      <c r="B18" s="22">
        <v>24</v>
      </c>
      <c r="C18" s="14">
        <v>25</v>
      </c>
      <c r="D18" s="18">
        <v>49</v>
      </c>
    </row>
    <row r="19" spans="1:4" ht="18" customHeight="1" x14ac:dyDescent="0.15">
      <c r="A19" s="5">
        <v>12</v>
      </c>
      <c r="B19" s="22">
        <v>28</v>
      </c>
      <c r="C19" s="14">
        <v>28</v>
      </c>
      <c r="D19" s="18">
        <v>56</v>
      </c>
    </row>
    <row r="20" spans="1:4" ht="18" customHeight="1" x14ac:dyDescent="0.15">
      <c r="A20" s="5">
        <v>13</v>
      </c>
      <c r="B20" s="22">
        <v>32</v>
      </c>
      <c r="C20" s="14">
        <v>29</v>
      </c>
      <c r="D20" s="18">
        <v>61</v>
      </c>
    </row>
    <row r="21" spans="1:4" ht="18" customHeight="1" x14ac:dyDescent="0.15">
      <c r="A21" s="5">
        <v>14</v>
      </c>
      <c r="B21" s="22">
        <v>23</v>
      </c>
      <c r="C21" s="14">
        <v>19</v>
      </c>
      <c r="D21" s="18">
        <v>42</v>
      </c>
    </row>
    <row r="22" spans="1:4" ht="18" customHeight="1" x14ac:dyDescent="0.15">
      <c r="A22" s="5" t="s">
        <v>12</v>
      </c>
      <c r="B22" s="22">
        <v>126</v>
      </c>
      <c r="C22" s="14">
        <v>127</v>
      </c>
      <c r="D22" s="18">
        <v>253</v>
      </c>
    </row>
    <row r="23" spans="1:4" ht="18" customHeight="1" x14ac:dyDescent="0.15">
      <c r="A23" s="5" t="s">
        <v>6</v>
      </c>
      <c r="B23" s="22">
        <v>265</v>
      </c>
      <c r="C23" s="14">
        <v>284</v>
      </c>
      <c r="D23" s="18">
        <v>549</v>
      </c>
    </row>
    <row r="24" spans="1:4" ht="18" customHeight="1" x14ac:dyDescent="0.15">
      <c r="A24" s="5">
        <v>15</v>
      </c>
      <c r="B24" s="22">
        <v>20</v>
      </c>
      <c r="C24" s="14">
        <v>23</v>
      </c>
      <c r="D24" s="18">
        <v>43</v>
      </c>
    </row>
    <row r="25" spans="1:4" ht="18" customHeight="1" x14ac:dyDescent="0.15">
      <c r="A25" s="5">
        <v>16</v>
      </c>
      <c r="B25" s="22">
        <v>24</v>
      </c>
      <c r="C25" s="14">
        <v>30</v>
      </c>
      <c r="D25" s="18">
        <v>54</v>
      </c>
    </row>
    <row r="26" spans="1:4" ht="18" customHeight="1" x14ac:dyDescent="0.15">
      <c r="A26" s="5">
        <v>17</v>
      </c>
      <c r="B26" s="22">
        <v>30</v>
      </c>
      <c r="C26" s="14">
        <v>21</v>
      </c>
      <c r="D26" s="18">
        <v>51</v>
      </c>
    </row>
    <row r="27" spans="1:4" ht="18" customHeight="1" x14ac:dyDescent="0.15">
      <c r="A27" s="5">
        <v>18</v>
      </c>
      <c r="B27" s="22">
        <v>20</v>
      </c>
      <c r="C27" s="14">
        <v>19</v>
      </c>
      <c r="D27" s="18">
        <v>39</v>
      </c>
    </row>
    <row r="28" spans="1:4" ht="18" customHeight="1" x14ac:dyDescent="0.15">
      <c r="A28" s="5">
        <v>19</v>
      </c>
      <c r="B28" s="22">
        <v>31</v>
      </c>
      <c r="C28" s="14">
        <v>20</v>
      </c>
      <c r="D28" s="18">
        <v>51</v>
      </c>
    </row>
    <row r="29" spans="1:4" ht="18" customHeight="1" x14ac:dyDescent="0.15">
      <c r="A29" s="5" t="s">
        <v>14</v>
      </c>
      <c r="B29" s="22">
        <v>125</v>
      </c>
      <c r="C29" s="14">
        <v>113</v>
      </c>
      <c r="D29" s="18">
        <v>238</v>
      </c>
    </row>
    <row r="30" spans="1:4" ht="18" customHeight="1" x14ac:dyDescent="0.15">
      <c r="A30" s="5">
        <v>20</v>
      </c>
      <c r="B30" s="22">
        <v>31</v>
      </c>
      <c r="C30" s="14">
        <v>22</v>
      </c>
      <c r="D30" s="18">
        <v>53</v>
      </c>
    </row>
    <row r="31" spans="1:4" ht="18" customHeight="1" x14ac:dyDescent="0.15">
      <c r="A31" s="5">
        <v>21</v>
      </c>
      <c r="B31" s="22">
        <v>40</v>
      </c>
      <c r="C31" s="14">
        <v>30</v>
      </c>
      <c r="D31" s="18">
        <v>70</v>
      </c>
    </row>
    <row r="32" spans="1:4" ht="18" customHeight="1" x14ac:dyDescent="0.15">
      <c r="A32" s="5">
        <v>22</v>
      </c>
      <c r="B32" s="22">
        <v>28</v>
      </c>
      <c r="C32" s="14">
        <v>35</v>
      </c>
      <c r="D32" s="18">
        <v>63</v>
      </c>
    </row>
    <row r="33" spans="1:4" ht="18" customHeight="1" x14ac:dyDescent="0.15">
      <c r="A33" s="5">
        <v>23</v>
      </c>
      <c r="B33" s="22">
        <v>39</v>
      </c>
      <c r="C33" s="14">
        <v>34</v>
      </c>
      <c r="D33" s="18">
        <v>73</v>
      </c>
    </row>
    <row r="34" spans="1:4" ht="18" customHeight="1" x14ac:dyDescent="0.15">
      <c r="A34" s="5">
        <v>24</v>
      </c>
      <c r="B34" s="22">
        <v>44</v>
      </c>
      <c r="C34" s="14">
        <v>20</v>
      </c>
      <c r="D34" s="18">
        <v>64</v>
      </c>
    </row>
    <row r="35" spans="1:4" ht="18" customHeight="1" x14ac:dyDescent="0.15">
      <c r="A35" s="5" t="s">
        <v>9</v>
      </c>
      <c r="B35" s="22">
        <v>182</v>
      </c>
      <c r="C35" s="14">
        <v>141</v>
      </c>
      <c r="D35" s="18">
        <v>323</v>
      </c>
    </row>
    <row r="36" spans="1:4" ht="18" customHeight="1" x14ac:dyDescent="0.15">
      <c r="A36" s="5">
        <v>25</v>
      </c>
      <c r="B36" s="22">
        <v>38</v>
      </c>
      <c r="C36" s="14">
        <v>24</v>
      </c>
      <c r="D36" s="18">
        <v>62</v>
      </c>
    </row>
    <row r="37" spans="1:4" ht="18" customHeight="1" x14ac:dyDescent="0.15">
      <c r="A37" s="5">
        <v>26</v>
      </c>
      <c r="B37" s="22">
        <v>47</v>
      </c>
      <c r="C37" s="14">
        <v>37</v>
      </c>
      <c r="D37" s="18">
        <v>84</v>
      </c>
    </row>
    <row r="38" spans="1:4" ht="18" customHeight="1" x14ac:dyDescent="0.15">
      <c r="A38" s="5">
        <v>27</v>
      </c>
      <c r="B38" s="22">
        <v>40</v>
      </c>
      <c r="C38" s="14">
        <v>23</v>
      </c>
      <c r="D38" s="18">
        <v>63</v>
      </c>
    </row>
    <row r="39" spans="1:4" ht="18" customHeight="1" x14ac:dyDescent="0.15">
      <c r="A39" s="5">
        <v>28</v>
      </c>
      <c r="B39" s="22">
        <v>40</v>
      </c>
      <c r="C39" s="14">
        <v>17</v>
      </c>
      <c r="D39" s="18">
        <v>57</v>
      </c>
    </row>
    <row r="40" spans="1:4" ht="18" customHeight="1" x14ac:dyDescent="0.15">
      <c r="A40" s="5">
        <v>29</v>
      </c>
      <c r="B40" s="22">
        <v>32</v>
      </c>
      <c r="C40" s="14">
        <v>26</v>
      </c>
      <c r="D40" s="18">
        <v>58</v>
      </c>
    </row>
    <row r="41" spans="1:4" ht="18" customHeight="1" x14ac:dyDescent="0.15">
      <c r="A41" s="5" t="s">
        <v>2</v>
      </c>
      <c r="B41" s="22">
        <v>197</v>
      </c>
      <c r="C41" s="14">
        <v>127</v>
      </c>
      <c r="D41" s="18">
        <v>324</v>
      </c>
    </row>
    <row r="42" spans="1:4" ht="18" customHeight="1" x14ac:dyDescent="0.15">
      <c r="A42" s="5">
        <v>30</v>
      </c>
      <c r="B42" s="22">
        <v>33</v>
      </c>
      <c r="C42" s="14">
        <v>24</v>
      </c>
      <c r="D42" s="18">
        <v>57</v>
      </c>
    </row>
    <row r="43" spans="1:4" ht="18" customHeight="1" x14ac:dyDescent="0.15">
      <c r="A43" s="5">
        <v>31</v>
      </c>
      <c r="B43" s="22">
        <v>29</v>
      </c>
      <c r="C43" s="14">
        <v>20</v>
      </c>
      <c r="D43" s="18">
        <v>49</v>
      </c>
    </row>
    <row r="44" spans="1:4" ht="18" customHeight="1" x14ac:dyDescent="0.15">
      <c r="A44" s="5">
        <v>32</v>
      </c>
      <c r="B44" s="22">
        <v>30</v>
      </c>
      <c r="C44" s="14">
        <v>24</v>
      </c>
      <c r="D44" s="18">
        <v>54</v>
      </c>
    </row>
    <row r="45" spans="1:4" ht="18" customHeight="1" x14ac:dyDescent="0.15">
      <c r="A45" s="5">
        <v>33</v>
      </c>
      <c r="B45" s="22">
        <v>28</v>
      </c>
      <c r="C45" s="14">
        <v>21</v>
      </c>
      <c r="D45" s="18">
        <v>49</v>
      </c>
    </row>
    <row r="46" spans="1:4" ht="18" customHeight="1" x14ac:dyDescent="0.15">
      <c r="A46" s="5">
        <v>34</v>
      </c>
      <c r="B46" s="22">
        <v>30</v>
      </c>
      <c r="C46" s="14">
        <v>29</v>
      </c>
      <c r="D46" s="18">
        <v>59</v>
      </c>
    </row>
    <row r="47" spans="1:4" ht="18" customHeight="1" x14ac:dyDescent="0.15">
      <c r="A47" s="5" t="s">
        <v>15</v>
      </c>
      <c r="B47" s="22">
        <v>150</v>
      </c>
      <c r="C47" s="14">
        <v>118</v>
      </c>
      <c r="D47" s="18">
        <v>268</v>
      </c>
    </row>
    <row r="48" spans="1:4" ht="18" customHeight="1" x14ac:dyDescent="0.15">
      <c r="A48" s="5">
        <v>35</v>
      </c>
      <c r="B48" s="22">
        <v>25</v>
      </c>
      <c r="C48" s="14">
        <v>16</v>
      </c>
      <c r="D48" s="18">
        <v>41</v>
      </c>
    </row>
    <row r="49" spans="1:4" ht="18" customHeight="1" x14ac:dyDescent="0.15">
      <c r="A49" s="5">
        <v>36</v>
      </c>
      <c r="B49" s="22">
        <v>29</v>
      </c>
      <c r="C49" s="14">
        <v>27</v>
      </c>
      <c r="D49" s="18">
        <v>56</v>
      </c>
    </row>
    <row r="50" spans="1:4" ht="18" customHeight="1" x14ac:dyDescent="0.15">
      <c r="A50" s="5">
        <v>37</v>
      </c>
      <c r="B50" s="22">
        <v>38</v>
      </c>
      <c r="C50" s="14">
        <v>23</v>
      </c>
      <c r="D50" s="18">
        <v>61</v>
      </c>
    </row>
    <row r="51" spans="1:4" ht="18" customHeight="1" x14ac:dyDescent="0.15">
      <c r="A51" s="5">
        <v>38</v>
      </c>
      <c r="B51" s="22">
        <v>30</v>
      </c>
      <c r="C51" s="14">
        <v>23</v>
      </c>
      <c r="D51" s="18">
        <v>53</v>
      </c>
    </row>
    <row r="52" spans="1:4" ht="18" customHeight="1" x14ac:dyDescent="0.15">
      <c r="A52" s="5">
        <v>39</v>
      </c>
      <c r="B52" s="22">
        <v>30</v>
      </c>
      <c r="C52" s="14">
        <v>30</v>
      </c>
      <c r="D52" s="18">
        <v>60</v>
      </c>
    </row>
    <row r="53" spans="1:4" ht="18" customHeight="1" x14ac:dyDescent="0.15">
      <c r="A53" s="5" t="s">
        <v>18</v>
      </c>
      <c r="B53" s="22">
        <v>152</v>
      </c>
      <c r="C53" s="14">
        <v>119</v>
      </c>
      <c r="D53" s="18">
        <v>271</v>
      </c>
    </row>
    <row r="54" spans="1:4" ht="18" customHeight="1" x14ac:dyDescent="0.15">
      <c r="A54" s="5">
        <v>40</v>
      </c>
      <c r="B54" s="22">
        <v>32</v>
      </c>
      <c r="C54" s="14">
        <v>34</v>
      </c>
      <c r="D54" s="18">
        <v>66</v>
      </c>
    </row>
    <row r="55" spans="1:4" ht="18" customHeight="1" x14ac:dyDescent="0.15">
      <c r="A55" s="5">
        <v>41</v>
      </c>
      <c r="B55" s="22">
        <v>23</v>
      </c>
      <c r="C55" s="14">
        <v>34</v>
      </c>
      <c r="D55" s="18">
        <v>57</v>
      </c>
    </row>
    <row r="56" spans="1:4" ht="18" customHeight="1" x14ac:dyDescent="0.15">
      <c r="A56" s="5">
        <v>42</v>
      </c>
      <c r="B56" s="22">
        <v>43</v>
      </c>
      <c r="C56" s="14">
        <v>37</v>
      </c>
      <c r="D56" s="18">
        <v>80</v>
      </c>
    </row>
    <row r="57" spans="1:4" ht="18" customHeight="1" x14ac:dyDescent="0.15">
      <c r="A57" s="5">
        <v>43</v>
      </c>
      <c r="B57" s="22">
        <v>34</v>
      </c>
      <c r="C57" s="14">
        <v>37</v>
      </c>
      <c r="D57" s="18">
        <v>71</v>
      </c>
    </row>
    <row r="58" spans="1:4" ht="18" customHeight="1" x14ac:dyDescent="0.15">
      <c r="A58" s="5">
        <v>44</v>
      </c>
      <c r="B58" s="22">
        <v>42</v>
      </c>
      <c r="C58" s="14">
        <v>32</v>
      </c>
      <c r="D58" s="18">
        <v>74</v>
      </c>
    </row>
    <row r="59" spans="1:4" ht="18" customHeight="1" x14ac:dyDescent="0.15">
      <c r="A59" s="5" t="s">
        <v>21</v>
      </c>
      <c r="B59" s="22">
        <v>174</v>
      </c>
      <c r="C59" s="14">
        <v>174</v>
      </c>
      <c r="D59" s="18">
        <v>348</v>
      </c>
    </row>
    <row r="60" spans="1:4" ht="18" customHeight="1" x14ac:dyDescent="0.15">
      <c r="A60" s="5">
        <v>45</v>
      </c>
      <c r="B60" s="22">
        <v>41</v>
      </c>
      <c r="C60" s="14">
        <v>36</v>
      </c>
      <c r="D60" s="18">
        <v>77</v>
      </c>
    </row>
    <row r="61" spans="1:4" ht="18" customHeight="1" x14ac:dyDescent="0.15">
      <c r="A61" s="5">
        <v>46</v>
      </c>
      <c r="B61" s="22">
        <v>40</v>
      </c>
      <c r="C61" s="14">
        <v>45</v>
      </c>
      <c r="D61" s="18">
        <v>85</v>
      </c>
    </row>
    <row r="62" spans="1:4" ht="18" customHeight="1" x14ac:dyDescent="0.15">
      <c r="A62" s="5">
        <v>47</v>
      </c>
      <c r="B62" s="22">
        <v>42</v>
      </c>
      <c r="C62" s="14">
        <v>38</v>
      </c>
      <c r="D62" s="18">
        <v>80</v>
      </c>
    </row>
    <row r="63" spans="1:4" ht="18" customHeight="1" x14ac:dyDescent="0.15">
      <c r="A63" s="5">
        <v>48</v>
      </c>
      <c r="B63" s="22">
        <v>41</v>
      </c>
      <c r="C63" s="14">
        <v>43</v>
      </c>
      <c r="D63" s="18">
        <v>84</v>
      </c>
    </row>
    <row r="64" spans="1:4" ht="18" customHeight="1" x14ac:dyDescent="0.15">
      <c r="A64" s="5">
        <v>49</v>
      </c>
      <c r="B64" s="22">
        <v>41</v>
      </c>
      <c r="C64" s="14">
        <v>47</v>
      </c>
      <c r="D64" s="18">
        <v>88</v>
      </c>
    </row>
    <row r="65" spans="1:4" ht="18" customHeight="1" x14ac:dyDescent="0.15">
      <c r="A65" s="5" t="s">
        <v>17</v>
      </c>
      <c r="B65" s="22">
        <v>205</v>
      </c>
      <c r="C65" s="14">
        <v>209</v>
      </c>
      <c r="D65" s="18">
        <v>414</v>
      </c>
    </row>
    <row r="66" spans="1:4" ht="18" customHeight="1" x14ac:dyDescent="0.15">
      <c r="A66" s="5">
        <v>50</v>
      </c>
      <c r="B66" s="22">
        <v>44</v>
      </c>
      <c r="C66" s="14">
        <v>39</v>
      </c>
      <c r="D66" s="18">
        <v>83</v>
      </c>
    </row>
    <row r="67" spans="1:4" ht="18" customHeight="1" x14ac:dyDescent="0.15">
      <c r="A67" s="5">
        <v>51</v>
      </c>
      <c r="B67" s="22">
        <v>50</v>
      </c>
      <c r="C67" s="14">
        <v>46</v>
      </c>
      <c r="D67" s="18">
        <v>96</v>
      </c>
    </row>
    <row r="68" spans="1:4" ht="18" customHeight="1" x14ac:dyDescent="0.15">
      <c r="A68" s="5">
        <v>52</v>
      </c>
      <c r="B68" s="22">
        <v>38</v>
      </c>
      <c r="C68" s="14">
        <v>45</v>
      </c>
      <c r="D68" s="18">
        <v>83</v>
      </c>
    </row>
    <row r="69" spans="1:4" ht="18" customHeight="1" x14ac:dyDescent="0.15">
      <c r="A69" s="5">
        <v>53</v>
      </c>
      <c r="B69" s="22">
        <v>55</v>
      </c>
      <c r="C69" s="14">
        <v>56</v>
      </c>
      <c r="D69" s="18">
        <v>111</v>
      </c>
    </row>
    <row r="70" spans="1:4" ht="18" customHeight="1" x14ac:dyDescent="0.15">
      <c r="A70" s="5">
        <v>54</v>
      </c>
      <c r="B70" s="22">
        <v>55</v>
      </c>
      <c r="C70" s="14">
        <v>48</v>
      </c>
      <c r="D70" s="18">
        <v>103</v>
      </c>
    </row>
    <row r="71" spans="1:4" ht="18" customHeight="1" x14ac:dyDescent="0.15">
      <c r="A71" s="5" t="s">
        <v>22</v>
      </c>
      <c r="B71" s="22">
        <v>242</v>
      </c>
      <c r="C71" s="14">
        <v>234</v>
      </c>
      <c r="D71" s="18">
        <v>476</v>
      </c>
    </row>
    <row r="72" spans="1:4" ht="18" customHeight="1" x14ac:dyDescent="0.15">
      <c r="A72" s="5">
        <v>55</v>
      </c>
      <c r="B72" s="22">
        <v>50</v>
      </c>
      <c r="C72" s="14">
        <v>43</v>
      </c>
      <c r="D72" s="18">
        <v>93</v>
      </c>
    </row>
    <row r="73" spans="1:4" ht="18" customHeight="1" x14ac:dyDescent="0.15">
      <c r="A73" s="5">
        <v>56</v>
      </c>
      <c r="B73" s="22">
        <v>63</v>
      </c>
      <c r="C73" s="14">
        <v>45</v>
      </c>
      <c r="D73" s="18">
        <v>108</v>
      </c>
    </row>
    <row r="74" spans="1:4" ht="18" customHeight="1" x14ac:dyDescent="0.15">
      <c r="A74" s="5">
        <v>57</v>
      </c>
      <c r="B74" s="22">
        <v>43</v>
      </c>
      <c r="C74" s="14">
        <v>42</v>
      </c>
      <c r="D74" s="18">
        <v>85</v>
      </c>
    </row>
    <row r="75" spans="1:4" ht="18" customHeight="1" x14ac:dyDescent="0.15">
      <c r="A75" s="5">
        <v>58</v>
      </c>
      <c r="B75" s="22">
        <v>55</v>
      </c>
      <c r="C75" s="14">
        <v>62</v>
      </c>
      <c r="D75" s="18">
        <v>117</v>
      </c>
    </row>
    <row r="76" spans="1:4" ht="18" customHeight="1" x14ac:dyDescent="0.15">
      <c r="A76" s="5">
        <v>59</v>
      </c>
      <c r="B76" s="22">
        <v>38</v>
      </c>
      <c r="C76" s="14">
        <v>37</v>
      </c>
      <c r="D76" s="18">
        <v>75</v>
      </c>
    </row>
    <row r="77" spans="1:4" ht="18" customHeight="1" x14ac:dyDescent="0.15">
      <c r="A77" s="5" t="s">
        <v>27</v>
      </c>
      <c r="B77" s="22">
        <v>249</v>
      </c>
      <c r="C77" s="14">
        <v>229</v>
      </c>
      <c r="D77" s="18">
        <v>478</v>
      </c>
    </row>
    <row r="78" spans="1:4" ht="18" customHeight="1" x14ac:dyDescent="0.15">
      <c r="A78" s="5">
        <v>60</v>
      </c>
      <c r="B78" s="22">
        <v>37</v>
      </c>
      <c r="C78" s="14">
        <v>40</v>
      </c>
      <c r="D78" s="18">
        <v>77</v>
      </c>
    </row>
    <row r="79" spans="1:4" ht="18" customHeight="1" x14ac:dyDescent="0.15">
      <c r="A79" s="5">
        <v>61</v>
      </c>
      <c r="B79" s="22">
        <v>55</v>
      </c>
      <c r="C79" s="14">
        <v>43</v>
      </c>
      <c r="D79" s="18">
        <v>98</v>
      </c>
    </row>
    <row r="80" spans="1:4" ht="18" customHeight="1" x14ac:dyDescent="0.15">
      <c r="A80" s="5">
        <v>62</v>
      </c>
      <c r="B80" s="22">
        <v>44</v>
      </c>
      <c r="C80" s="14">
        <v>43</v>
      </c>
      <c r="D80" s="18">
        <v>87</v>
      </c>
    </row>
    <row r="81" spans="1:4" ht="18" customHeight="1" x14ac:dyDescent="0.15">
      <c r="A81" s="5">
        <v>63</v>
      </c>
      <c r="B81" s="22">
        <v>46</v>
      </c>
      <c r="C81" s="14">
        <v>31</v>
      </c>
      <c r="D81" s="18">
        <v>77</v>
      </c>
    </row>
    <row r="82" spans="1:4" ht="18" customHeight="1" x14ac:dyDescent="0.15">
      <c r="A82" s="5">
        <v>64</v>
      </c>
      <c r="B82" s="22">
        <v>37</v>
      </c>
      <c r="C82" s="14">
        <v>46</v>
      </c>
      <c r="D82" s="18">
        <v>83</v>
      </c>
    </row>
    <row r="83" spans="1:4" ht="18" customHeight="1" x14ac:dyDescent="0.15">
      <c r="A83" s="5" t="s">
        <v>28</v>
      </c>
      <c r="B83" s="22">
        <v>219</v>
      </c>
      <c r="C83" s="14">
        <v>203</v>
      </c>
      <c r="D83" s="18">
        <v>422</v>
      </c>
    </row>
    <row r="84" spans="1:4" ht="18" customHeight="1" x14ac:dyDescent="0.15">
      <c r="A84" s="5" t="s">
        <v>31</v>
      </c>
      <c r="B84" s="22">
        <v>1895</v>
      </c>
      <c r="C84" s="14">
        <v>1667</v>
      </c>
      <c r="D84" s="18">
        <v>3562</v>
      </c>
    </row>
    <row r="85" spans="1:4" ht="18" customHeight="1" x14ac:dyDescent="0.15">
      <c r="A85" s="5">
        <v>65</v>
      </c>
      <c r="B85" s="22">
        <v>52</v>
      </c>
      <c r="C85" s="14">
        <v>62</v>
      </c>
      <c r="D85" s="18">
        <v>114</v>
      </c>
    </row>
    <row r="86" spans="1:4" ht="18" customHeight="1" x14ac:dyDescent="0.15">
      <c r="A86" s="5">
        <v>66</v>
      </c>
      <c r="B86" s="22">
        <v>45</v>
      </c>
      <c r="C86" s="14">
        <v>44</v>
      </c>
      <c r="D86" s="18">
        <v>89</v>
      </c>
    </row>
    <row r="87" spans="1:4" ht="18" customHeight="1" x14ac:dyDescent="0.15">
      <c r="A87" s="5">
        <v>67</v>
      </c>
      <c r="B87" s="22">
        <v>41</v>
      </c>
      <c r="C87" s="14">
        <v>36</v>
      </c>
      <c r="D87" s="18">
        <v>77</v>
      </c>
    </row>
    <row r="88" spans="1:4" ht="18" customHeight="1" x14ac:dyDescent="0.15">
      <c r="A88" s="5">
        <v>68</v>
      </c>
      <c r="B88" s="22">
        <v>48</v>
      </c>
      <c r="C88" s="14">
        <v>42</v>
      </c>
      <c r="D88" s="18">
        <v>90</v>
      </c>
    </row>
    <row r="89" spans="1:4" ht="18" customHeight="1" x14ac:dyDescent="0.15">
      <c r="A89" s="5">
        <v>69</v>
      </c>
      <c r="B89" s="22">
        <v>39</v>
      </c>
      <c r="C89" s="14">
        <v>40</v>
      </c>
      <c r="D89" s="18">
        <v>79</v>
      </c>
    </row>
    <row r="90" spans="1:4" ht="18" customHeight="1" x14ac:dyDescent="0.15">
      <c r="A90" s="5" t="s">
        <v>20</v>
      </c>
      <c r="B90" s="22">
        <v>225</v>
      </c>
      <c r="C90" s="14">
        <v>224</v>
      </c>
      <c r="D90" s="18">
        <v>449</v>
      </c>
    </row>
    <row r="91" spans="1:4" ht="18" customHeight="1" x14ac:dyDescent="0.15">
      <c r="A91" s="5">
        <v>70</v>
      </c>
      <c r="B91" s="22">
        <v>45</v>
      </c>
      <c r="C91" s="14">
        <v>43</v>
      </c>
      <c r="D91" s="18">
        <v>88</v>
      </c>
    </row>
    <row r="92" spans="1:4" ht="18" customHeight="1" x14ac:dyDescent="0.15">
      <c r="A92" s="5">
        <v>71</v>
      </c>
      <c r="B92" s="22">
        <v>53</v>
      </c>
      <c r="C92" s="14">
        <v>53</v>
      </c>
      <c r="D92" s="18">
        <v>106</v>
      </c>
    </row>
    <row r="93" spans="1:4" ht="18" customHeight="1" x14ac:dyDescent="0.15">
      <c r="A93" s="5">
        <v>72</v>
      </c>
      <c r="B93" s="22">
        <v>56</v>
      </c>
      <c r="C93" s="14">
        <v>53</v>
      </c>
      <c r="D93" s="18">
        <v>109</v>
      </c>
    </row>
    <row r="94" spans="1:4" ht="18" customHeight="1" x14ac:dyDescent="0.15">
      <c r="A94" s="5">
        <v>73</v>
      </c>
      <c r="B94" s="22">
        <v>48</v>
      </c>
      <c r="C94" s="14">
        <v>57</v>
      </c>
      <c r="D94" s="18">
        <v>105</v>
      </c>
    </row>
    <row r="95" spans="1:4" ht="18" customHeight="1" x14ac:dyDescent="0.15">
      <c r="A95" s="5">
        <v>74</v>
      </c>
      <c r="B95" s="22">
        <v>58</v>
      </c>
      <c r="C95" s="14">
        <v>52</v>
      </c>
      <c r="D95" s="18">
        <v>110</v>
      </c>
    </row>
    <row r="96" spans="1:4" ht="18" customHeight="1" x14ac:dyDescent="0.15">
      <c r="A96" s="5" t="s">
        <v>33</v>
      </c>
      <c r="B96" s="22">
        <v>260</v>
      </c>
      <c r="C96" s="14">
        <v>258</v>
      </c>
      <c r="D96" s="18">
        <v>518</v>
      </c>
    </row>
    <row r="97" spans="1:4" ht="18" customHeight="1" x14ac:dyDescent="0.15">
      <c r="A97" s="5">
        <v>75</v>
      </c>
      <c r="B97" s="22">
        <v>48</v>
      </c>
      <c r="C97" s="14">
        <v>61</v>
      </c>
      <c r="D97" s="18">
        <v>109</v>
      </c>
    </row>
    <row r="98" spans="1:4" ht="18" customHeight="1" x14ac:dyDescent="0.15">
      <c r="A98" s="5">
        <v>76</v>
      </c>
      <c r="B98" s="22">
        <v>70</v>
      </c>
      <c r="C98" s="14">
        <v>46</v>
      </c>
      <c r="D98" s="18">
        <v>116</v>
      </c>
    </row>
    <row r="99" spans="1:4" ht="18" customHeight="1" x14ac:dyDescent="0.15">
      <c r="A99" s="5">
        <v>77</v>
      </c>
      <c r="B99" s="22">
        <v>51</v>
      </c>
      <c r="C99" s="14">
        <v>54</v>
      </c>
      <c r="D99" s="18">
        <v>105</v>
      </c>
    </row>
    <row r="100" spans="1:4" ht="18" customHeight="1" x14ac:dyDescent="0.15">
      <c r="A100" s="5">
        <v>78</v>
      </c>
      <c r="B100" s="22">
        <v>64</v>
      </c>
      <c r="C100" s="14">
        <v>65</v>
      </c>
      <c r="D100" s="18">
        <v>129</v>
      </c>
    </row>
    <row r="101" spans="1:4" ht="18" customHeight="1" x14ac:dyDescent="0.15">
      <c r="A101" s="5">
        <v>79</v>
      </c>
      <c r="B101" s="22">
        <v>42</v>
      </c>
      <c r="C101" s="14">
        <v>52</v>
      </c>
      <c r="D101" s="18">
        <v>94</v>
      </c>
    </row>
    <row r="102" spans="1:4" ht="18" customHeight="1" x14ac:dyDescent="0.15">
      <c r="A102" s="5" t="s">
        <v>0</v>
      </c>
      <c r="B102" s="22">
        <v>275</v>
      </c>
      <c r="C102" s="14">
        <v>278</v>
      </c>
      <c r="D102" s="18">
        <v>553</v>
      </c>
    </row>
    <row r="103" spans="1:4" ht="18" customHeight="1" x14ac:dyDescent="0.15">
      <c r="A103" s="5">
        <v>80</v>
      </c>
      <c r="B103" s="22">
        <v>25</v>
      </c>
      <c r="C103" s="14">
        <v>27</v>
      </c>
      <c r="D103" s="18">
        <v>52</v>
      </c>
    </row>
    <row r="104" spans="1:4" ht="18" customHeight="1" x14ac:dyDescent="0.15">
      <c r="A104" s="5">
        <v>81</v>
      </c>
      <c r="B104" s="22">
        <v>34</v>
      </c>
      <c r="C104" s="14">
        <v>37</v>
      </c>
      <c r="D104" s="18">
        <v>71</v>
      </c>
    </row>
    <row r="105" spans="1:4" ht="18" customHeight="1" x14ac:dyDescent="0.15">
      <c r="A105" s="5">
        <v>82</v>
      </c>
      <c r="B105" s="22">
        <v>35</v>
      </c>
      <c r="C105" s="14">
        <v>46</v>
      </c>
      <c r="D105" s="18">
        <v>81</v>
      </c>
    </row>
    <row r="106" spans="1:4" ht="18" customHeight="1" x14ac:dyDescent="0.15">
      <c r="A106" s="5">
        <v>83</v>
      </c>
      <c r="B106" s="22">
        <v>26</v>
      </c>
      <c r="C106" s="14">
        <v>37</v>
      </c>
      <c r="D106" s="18">
        <v>63</v>
      </c>
    </row>
    <row r="107" spans="1:4" ht="18" customHeight="1" x14ac:dyDescent="0.15">
      <c r="A107" s="5">
        <v>84</v>
      </c>
      <c r="B107" s="22">
        <v>31</v>
      </c>
      <c r="C107" s="14">
        <v>42</v>
      </c>
      <c r="D107" s="18">
        <v>73</v>
      </c>
    </row>
    <row r="108" spans="1:4" ht="18" customHeight="1" x14ac:dyDescent="0.15">
      <c r="A108" s="5" t="s">
        <v>35</v>
      </c>
      <c r="B108" s="22">
        <v>151</v>
      </c>
      <c r="C108" s="14">
        <v>189</v>
      </c>
      <c r="D108" s="18">
        <v>340</v>
      </c>
    </row>
    <row r="109" spans="1:4" ht="18" customHeight="1" x14ac:dyDescent="0.15">
      <c r="A109" s="5">
        <v>85</v>
      </c>
      <c r="B109" s="22">
        <v>20</v>
      </c>
      <c r="C109" s="14">
        <v>33</v>
      </c>
      <c r="D109" s="18">
        <v>53</v>
      </c>
    </row>
    <row r="110" spans="1:4" ht="18" customHeight="1" x14ac:dyDescent="0.15">
      <c r="A110" s="5">
        <v>86</v>
      </c>
      <c r="B110" s="22">
        <v>14</v>
      </c>
      <c r="C110" s="14">
        <v>26</v>
      </c>
      <c r="D110" s="18">
        <v>40</v>
      </c>
    </row>
    <row r="111" spans="1:4" ht="18" customHeight="1" x14ac:dyDescent="0.15">
      <c r="A111" s="5">
        <v>87</v>
      </c>
      <c r="B111" s="22">
        <v>12</v>
      </c>
      <c r="C111" s="14">
        <v>22</v>
      </c>
      <c r="D111" s="18">
        <v>34</v>
      </c>
    </row>
    <row r="112" spans="1:4" ht="18" customHeight="1" x14ac:dyDescent="0.15">
      <c r="A112" s="5">
        <v>88</v>
      </c>
      <c r="B112" s="22">
        <v>12</v>
      </c>
      <c r="C112" s="14">
        <v>30</v>
      </c>
      <c r="D112" s="18">
        <v>42</v>
      </c>
    </row>
    <row r="113" spans="1:4" ht="18" customHeight="1" x14ac:dyDescent="0.15">
      <c r="A113" s="5">
        <v>89</v>
      </c>
      <c r="B113" s="22">
        <v>11</v>
      </c>
      <c r="C113" s="14">
        <v>28</v>
      </c>
      <c r="D113" s="18">
        <v>39</v>
      </c>
    </row>
    <row r="114" spans="1:4" ht="18" customHeight="1" x14ac:dyDescent="0.15">
      <c r="A114" s="5" t="s">
        <v>37</v>
      </c>
      <c r="B114" s="22">
        <v>69</v>
      </c>
      <c r="C114" s="14">
        <v>139</v>
      </c>
      <c r="D114" s="18">
        <v>208</v>
      </c>
    </row>
    <row r="115" spans="1:4" ht="18" customHeight="1" x14ac:dyDescent="0.15">
      <c r="A115" s="5">
        <v>90</v>
      </c>
      <c r="B115" s="22">
        <v>14</v>
      </c>
      <c r="C115" s="14">
        <v>20</v>
      </c>
      <c r="D115" s="18">
        <v>34</v>
      </c>
    </row>
    <row r="116" spans="1:4" ht="18" customHeight="1" x14ac:dyDescent="0.15">
      <c r="A116" s="5">
        <v>91</v>
      </c>
      <c r="B116" s="22">
        <v>11</v>
      </c>
      <c r="C116" s="14">
        <v>17</v>
      </c>
      <c r="D116" s="18">
        <v>28</v>
      </c>
    </row>
    <row r="117" spans="1:4" ht="18" customHeight="1" x14ac:dyDescent="0.15">
      <c r="A117" s="5">
        <v>92</v>
      </c>
      <c r="B117" s="22">
        <v>5</v>
      </c>
      <c r="C117" s="14">
        <v>25</v>
      </c>
      <c r="D117" s="18">
        <v>30</v>
      </c>
    </row>
    <row r="118" spans="1:4" ht="18" customHeight="1" x14ac:dyDescent="0.15">
      <c r="A118" s="5">
        <v>93</v>
      </c>
      <c r="B118" s="22">
        <v>9</v>
      </c>
      <c r="C118" s="14">
        <v>10</v>
      </c>
      <c r="D118" s="18">
        <v>19</v>
      </c>
    </row>
    <row r="119" spans="1:4" ht="18" customHeight="1" x14ac:dyDescent="0.15">
      <c r="A119" s="5">
        <v>94</v>
      </c>
      <c r="B119" s="22">
        <v>1</v>
      </c>
      <c r="C119" s="14">
        <v>12</v>
      </c>
      <c r="D119" s="18">
        <v>13</v>
      </c>
    </row>
    <row r="120" spans="1:4" ht="18" customHeight="1" x14ac:dyDescent="0.15">
      <c r="A120" s="5" t="s">
        <v>39</v>
      </c>
      <c r="B120" s="22">
        <v>40</v>
      </c>
      <c r="C120" s="14">
        <v>84</v>
      </c>
      <c r="D120" s="18">
        <v>124</v>
      </c>
    </row>
    <row r="121" spans="1:4" ht="18" customHeight="1" x14ac:dyDescent="0.15">
      <c r="A121" s="5">
        <v>95</v>
      </c>
      <c r="B121" s="22">
        <v>2</v>
      </c>
      <c r="C121" s="14">
        <v>14</v>
      </c>
      <c r="D121" s="18">
        <v>16</v>
      </c>
    </row>
    <row r="122" spans="1:4" ht="18" customHeight="1" x14ac:dyDescent="0.15">
      <c r="A122" s="5">
        <v>96</v>
      </c>
      <c r="B122" s="22">
        <v>4</v>
      </c>
      <c r="C122" s="14">
        <v>7</v>
      </c>
      <c r="D122" s="18">
        <v>11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3</v>
      </c>
      <c r="C125" s="14">
        <v>3</v>
      </c>
      <c r="D125" s="18">
        <v>6</v>
      </c>
    </row>
    <row r="126" spans="1:4" ht="18" customHeight="1" x14ac:dyDescent="0.15">
      <c r="A126" s="5" t="s">
        <v>40</v>
      </c>
      <c r="B126" s="22">
        <v>12</v>
      </c>
      <c r="C126" s="14">
        <v>33</v>
      </c>
      <c r="D126" s="18">
        <v>45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32</v>
      </c>
      <c r="C130" s="14">
        <v>1210</v>
      </c>
      <c r="D130" s="18">
        <v>2242</v>
      </c>
    </row>
    <row r="131" spans="1:4" ht="18" customHeight="1" x14ac:dyDescent="0.15">
      <c r="A131" s="7" t="s">
        <v>45</v>
      </c>
      <c r="B131" s="23">
        <v>3192</v>
      </c>
      <c r="C131" s="15">
        <v>3161</v>
      </c>
      <c r="D131" s="19">
        <v>63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4</v>
      </c>
      <c r="C5" s="29">
        <v>8</v>
      </c>
      <c r="D5" s="31">
        <v>22</v>
      </c>
    </row>
    <row r="6" spans="1:4" ht="18" customHeight="1" x14ac:dyDescent="0.15">
      <c r="A6" s="5">
        <v>1</v>
      </c>
      <c r="B6" s="27">
        <v>15</v>
      </c>
      <c r="C6" s="14">
        <v>13</v>
      </c>
      <c r="D6" s="18">
        <v>28</v>
      </c>
    </row>
    <row r="7" spans="1:4" ht="18" customHeight="1" x14ac:dyDescent="0.15">
      <c r="A7" s="5">
        <v>2</v>
      </c>
      <c r="B7" s="27">
        <v>11</v>
      </c>
      <c r="C7" s="14">
        <v>11</v>
      </c>
      <c r="D7" s="18">
        <v>22</v>
      </c>
    </row>
    <row r="8" spans="1:4" ht="18" customHeight="1" x14ac:dyDescent="0.15">
      <c r="A8" s="5">
        <v>3</v>
      </c>
      <c r="B8" s="27">
        <v>15</v>
      </c>
      <c r="C8" s="14">
        <v>10</v>
      </c>
      <c r="D8" s="18">
        <v>25</v>
      </c>
    </row>
    <row r="9" spans="1:4" ht="18" customHeight="1" x14ac:dyDescent="0.15">
      <c r="A9" s="5">
        <v>4</v>
      </c>
      <c r="B9" s="28">
        <v>18</v>
      </c>
      <c r="C9" s="30">
        <v>15</v>
      </c>
      <c r="D9" s="32">
        <v>33</v>
      </c>
    </row>
    <row r="10" spans="1:4" ht="18" customHeight="1" x14ac:dyDescent="0.15">
      <c r="A10" s="5" t="s">
        <v>7</v>
      </c>
      <c r="B10" s="22">
        <v>73</v>
      </c>
      <c r="C10" s="14">
        <v>57</v>
      </c>
      <c r="D10" s="18">
        <v>130</v>
      </c>
    </row>
    <row r="11" spans="1:4" ht="18" customHeight="1" x14ac:dyDescent="0.15">
      <c r="A11" s="5">
        <v>5</v>
      </c>
      <c r="B11" s="27">
        <v>17</v>
      </c>
      <c r="C11" s="14">
        <v>24</v>
      </c>
      <c r="D11" s="18">
        <v>41</v>
      </c>
    </row>
    <row r="12" spans="1:4" ht="18" customHeight="1" x14ac:dyDescent="0.15">
      <c r="A12" s="5">
        <v>6</v>
      </c>
      <c r="B12" s="27">
        <v>16</v>
      </c>
      <c r="C12" s="14">
        <v>18</v>
      </c>
      <c r="D12" s="18">
        <v>34</v>
      </c>
    </row>
    <row r="13" spans="1:4" ht="18" customHeight="1" x14ac:dyDescent="0.15">
      <c r="A13" s="5">
        <v>7</v>
      </c>
      <c r="B13" s="27">
        <v>19</v>
      </c>
      <c r="C13" s="14">
        <v>14</v>
      </c>
      <c r="D13" s="18">
        <v>33</v>
      </c>
    </row>
    <row r="14" spans="1:4" ht="18" customHeight="1" x14ac:dyDescent="0.15">
      <c r="A14" s="5">
        <v>8</v>
      </c>
      <c r="B14" s="27">
        <v>21</v>
      </c>
      <c r="C14" s="14">
        <v>26</v>
      </c>
      <c r="D14" s="18">
        <v>47</v>
      </c>
    </row>
    <row r="15" spans="1:4" ht="18" customHeight="1" x14ac:dyDescent="0.15">
      <c r="A15" s="5">
        <v>9</v>
      </c>
      <c r="B15" s="27">
        <v>27</v>
      </c>
      <c r="C15" s="14">
        <v>33</v>
      </c>
      <c r="D15" s="18">
        <v>60</v>
      </c>
    </row>
    <row r="16" spans="1:4" ht="18" customHeight="1" x14ac:dyDescent="0.15">
      <c r="A16" s="5" t="s">
        <v>11</v>
      </c>
      <c r="B16" s="22">
        <v>100</v>
      </c>
      <c r="C16" s="14">
        <v>115</v>
      </c>
      <c r="D16" s="18">
        <v>215</v>
      </c>
    </row>
    <row r="17" spans="1:4" ht="18" customHeight="1" x14ac:dyDescent="0.15">
      <c r="A17" s="5">
        <v>10</v>
      </c>
      <c r="B17" s="22">
        <v>27</v>
      </c>
      <c r="C17" s="14">
        <v>21</v>
      </c>
      <c r="D17" s="18">
        <v>48</v>
      </c>
    </row>
    <row r="18" spans="1:4" ht="18" customHeight="1" x14ac:dyDescent="0.15">
      <c r="A18" s="5">
        <v>11</v>
      </c>
      <c r="B18" s="22">
        <v>27</v>
      </c>
      <c r="C18" s="14">
        <v>28</v>
      </c>
      <c r="D18" s="18">
        <v>55</v>
      </c>
    </row>
    <row r="19" spans="1:4" ht="18" customHeight="1" x14ac:dyDescent="0.15">
      <c r="A19" s="5">
        <v>12</v>
      </c>
      <c r="B19" s="22">
        <v>19</v>
      </c>
      <c r="C19" s="14">
        <v>11</v>
      </c>
      <c r="D19" s="18">
        <v>30</v>
      </c>
    </row>
    <row r="20" spans="1:4" ht="18" customHeight="1" x14ac:dyDescent="0.15">
      <c r="A20" s="5">
        <v>13</v>
      </c>
      <c r="B20" s="22">
        <v>23</v>
      </c>
      <c r="C20" s="14">
        <v>25</v>
      </c>
      <c r="D20" s="18">
        <v>48</v>
      </c>
    </row>
    <row r="21" spans="1:4" ht="18" customHeight="1" x14ac:dyDescent="0.15">
      <c r="A21" s="5">
        <v>14</v>
      </c>
      <c r="B21" s="22">
        <v>28</v>
      </c>
      <c r="C21" s="14">
        <v>21</v>
      </c>
      <c r="D21" s="18">
        <v>49</v>
      </c>
    </row>
    <row r="22" spans="1:4" ht="18" customHeight="1" x14ac:dyDescent="0.15">
      <c r="A22" s="5" t="s">
        <v>12</v>
      </c>
      <c r="B22" s="22">
        <v>124</v>
      </c>
      <c r="C22" s="14">
        <v>106</v>
      </c>
      <c r="D22" s="18">
        <v>230</v>
      </c>
    </row>
    <row r="23" spans="1:4" ht="18" customHeight="1" x14ac:dyDescent="0.15">
      <c r="A23" s="5" t="s">
        <v>6</v>
      </c>
      <c r="B23" s="22">
        <v>297</v>
      </c>
      <c r="C23" s="14">
        <v>278</v>
      </c>
      <c r="D23" s="18">
        <v>575</v>
      </c>
    </row>
    <row r="24" spans="1:4" ht="18" customHeight="1" x14ac:dyDescent="0.15">
      <c r="A24" s="5">
        <v>15</v>
      </c>
      <c r="B24" s="22">
        <v>33</v>
      </c>
      <c r="C24" s="14">
        <v>30</v>
      </c>
      <c r="D24" s="18">
        <v>63</v>
      </c>
    </row>
    <row r="25" spans="1:4" ht="18" customHeight="1" x14ac:dyDescent="0.15">
      <c r="A25" s="5">
        <v>16</v>
      </c>
      <c r="B25" s="22">
        <v>27</v>
      </c>
      <c r="C25" s="14">
        <v>38</v>
      </c>
      <c r="D25" s="18">
        <v>65</v>
      </c>
    </row>
    <row r="26" spans="1:4" ht="18" customHeight="1" x14ac:dyDescent="0.15">
      <c r="A26" s="5">
        <v>17</v>
      </c>
      <c r="B26" s="22">
        <v>32</v>
      </c>
      <c r="C26" s="14">
        <v>31</v>
      </c>
      <c r="D26" s="18">
        <v>63</v>
      </c>
    </row>
    <row r="27" spans="1:4" ht="18" customHeight="1" x14ac:dyDescent="0.15">
      <c r="A27" s="5">
        <v>18</v>
      </c>
      <c r="B27" s="22">
        <v>30</v>
      </c>
      <c r="C27" s="14">
        <v>38</v>
      </c>
      <c r="D27" s="18">
        <v>68</v>
      </c>
    </row>
    <row r="28" spans="1:4" ht="18" customHeight="1" x14ac:dyDescent="0.15">
      <c r="A28" s="5">
        <v>19</v>
      </c>
      <c r="B28" s="22">
        <v>32</v>
      </c>
      <c r="C28" s="14">
        <v>37</v>
      </c>
      <c r="D28" s="18">
        <v>69</v>
      </c>
    </row>
    <row r="29" spans="1:4" ht="18" customHeight="1" x14ac:dyDescent="0.15">
      <c r="A29" s="5" t="s">
        <v>14</v>
      </c>
      <c r="B29" s="22">
        <v>154</v>
      </c>
      <c r="C29" s="14">
        <v>174</v>
      </c>
      <c r="D29" s="18">
        <v>328</v>
      </c>
    </row>
    <row r="30" spans="1:4" ht="18" customHeight="1" x14ac:dyDescent="0.15">
      <c r="A30" s="5">
        <v>20</v>
      </c>
      <c r="B30" s="22">
        <v>30</v>
      </c>
      <c r="C30" s="14">
        <v>33</v>
      </c>
      <c r="D30" s="18">
        <v>63</v>
      </c>
    </row>
    <row r="31" spans="1:4" ht="18" customHeight="1" x14ac:dyDescent="0.15">
      <c r="A31" s="5">
        <v>21</v>
      </c>
      <c r="B31" s="22">
        <v>36</v>
      </c>
      <c r="C31" s="14">
        <v>43</v>
      </c>
      <c r="D31" s="18">
        <v>79</v>
      </c>
    </row>
    <row r="32" spans="1:4" ht="18" customHeight="1" x14ac:dyDescent="0.15">
      <c r="A32" s="5">
        <v>22</v>
      </c>
      <c r="B32" s="22">
        <v>33</v>
      </c>
      <c r="C32" s="14">
        <v>36</v>
      </c>
      <c r="D32" s="18">
        <v>69</v>
      </c>
    </row>
    <row r="33" spans="1:4" ht="18" customHeight="1" x14ac:dyDescent="0.15">
      <c r="A33" s="5">
        <v>23</v>
      </c>
      <c r="B33" s="22">
        <v>39</v>
      </c>
      <c r="C33" s="14">
        <v>27</v>
      </c>
      <c r="D33" s="18">
        <v>66</v>
      </c>
    </row>
    <row r="34" spans="1:4" ht="18" customHeight="1" x14ac:dyDescent="0.15">
      <c r="A34" s="5">
        <v>24</v>
      </c>
      <c r="B34" s="22">
        <v>32</v>
      </c>
      <c r="C34" s="14">
        <v>31</v>
      </c>
      <c r="D34" s="18">
        <v>63</v>
      </c>
    </row>
    <row r="35" spans="1:4" ht="18" customHeight="1" x14ac:dyDescent="0.15">
      <c r="A35" s="5" t="s">
        <v>9</v>
      </c>
      <c r="B35" s="22">
        <v>170</v>
      </c>
      <c r="C35" s="14">
        <v>170</v>
      </c>
      <c r="D35" s="18">
        <v>340</v>
      </c>
    </row>
    <row r="36" spans="1:4" ht="18" customHeight="1" x14ac:dyDescent="0.15">
      <c r="A36" s="5">
        <v>25</v>
      </c>
      <c r="B36" s="22">
        <v>32</v>
      </c>
      <c r="C36" s="14">
        <v>28</v>
      </c>
      <c r="D36" s="18">
        <v>60</v>
      </c>
    </row>
    <row r="37" spans="1:4" ht="18" customHeight="1" x14ac:dyDescent="0.15">
      <c r="A37" s="5">
        <v>26</v>
      </c>
      <c r="B37" s="22">
        <v>33</v>
      </c>
      <c r="C37" s="14">
        <v>32</v>
      </c>
      <c r="D37" s="18">
        <v>65</v>
      </c>
    </row>
    <row r="38" spans="1:4" ht="18" customHeight="1" x14ac:dyDescent="0.15">
      <c r="A38" s="5">
        <v>27</v>
      </c>
      <c r="B38" s="22">
        <v>29</v>
      </c>
      <c r="C38" s="14">
        <v>29</v>
      </c>
      <c r="D38" s="18">
        <v>58</v>
      </c>
    </row>
    <row r="39" spans="1:4" ht="18" customHeight="1" x14ac:dyDescent="0.15">
      <c r="A39" s="5">
        <v>28</v>
      </c>
      <c r="B39" s="22">
        <v>34</v>
      </c>
      <c r="C39" s="14">
        <v>23</v>
      </c>
      <c r="D39" s="18">
        <v>57</v>
      </c>
    </row>
    <row r="40" spans="1:4" ht="18" customHeight="1" x14ac:dyDescent="0.15">
      <c r="A40" s="5">
        <v>29</v>
      </c>
      <c r="B40" s="22">
        <v>28</v>
      </c>
      <c r="C40" s="14">
        <v>24</v>
      </c>
      <c r="D40" s="18">
        <v>52</v>
      </c>
    </row>
    <row r="41" spans="1:4" ht="18" customHeight="1" x14ac:dyDescent="0.15">
      <c r="A41" s="5" t="s">
        <v>2</v>
      </c>
      <c r="B41" s="22">
        <v>156</v>
      </c>
      <c r="C41" s="14">
        <v>136</v>
      </c>
      <c r="D41" s="18">
        <v>292</v>
      </c>
    </row>
    <row r="42" spans="1:4" ht="18" customHeight="1" x14ac:dyDescent="0.15">
      <c r="A42" s="5">
        <v>30</v>
      </c>
      <c r="B42" s="22">
        <v>23</v>
      </c>
      <c r="C42" s="14">
        <v>21</v>
      </c>
      <c r="D42" s="18">
        <v>44</v>
      </c>
    </row>
    <row r="43" spans="1:4" ht="18" customHeight="1" x14ac:dyDescent="0.15">
      <c r="A43" s="5">
        <v>31</v>
      </c>
      <c r="B43" s="22">
        <v>19</v>
      </c>
      <c r="C43" s="14">
        <v>22</v>
      </c>
      <c r="D43" s="18">
        <v>41</v>
      </c>
    </row>
    <row r="44" spans="1:4" ht="18" customHeight="1" x14ac:dyDescent="0.15">
      <c r="A44" s="5">
        <v>32</v>
      </c>
      <c r="B44" s="22">
        <v>30</v>
      </c>
      <c r="C44" s="14">
        <v>9</v>
      </c>
      <c r="D44" s="18">
        <v>39</v>
      </c>
    </row>
    <row r="45" spans="1:4" ht="18" customHeight="1" x14ac:dyDescent="0.15">
      <c r="A45" s="5">
        <v>33</v>
      </c>
      <c r="B45" s="22">
        <v>24</v>
      </c>
      <c r="C45" s="14">
        <v>16</v>
      </c>
      <c r="D45" s="18">
        <v>40</v>
      </c>
    </row>
    <row r="46" spans="1:4" ht="18" customHeight="1" x14ac:dyDescent="0.15">
      <c r="A46" s="5">
        <v>34</v>
      </c>
      <c r="B46" s="22">
        <v>25</v>
      </c>
      <c r="C46" s="14">
        <v>21</v>
      </c>
      <c r="D46" s="18">
        <v>46</v>
      </c>
    </row>
    <row r="47" spans="1:4" ht="18" customHeight="1" x14ac:dyDescent="0.15">
      <c r="A47" s="5" t="s">
        <v>15</v>
      </c>
      <c r="B47" s="22">
        <v>121</v>
      </c>
      <c r="C47" s="14">
        <v>89</v>
      </c>
      <c r="D47" s="18">
        <v>210</v>
      </c>
    </row>
    <row r="48" spans="1:4" ht="18" customHeight="1" x14ac:dyDescent="0.15">
      <c r="A48" s="5">
        <v>35</v>
      </c>
      <c r="B48" s="22">
        <v>17</v>
      </c>
      <c r="C48" s="14">
        <v>18</v>
      </c>
      <c r="D48" s="18">
        <v>35</v>
      </c>
    </row>
    <row r="49" spans="1:4" ht="18" customHeight="1" x14ac:dyDescent="0.15">
      <c r="A49" s="5">
        <v>36</v>
      </c>
      <c r="B49" s="22">
        <v>22</v>
      </c>
      <c r="C49" s="14">
        <v>31</v>
      </c>
      <c r="D49" s="18">
        <v>53</v>
      </c>
    </row>
    <row r="50" spans="1:4" ht="18" customHeight="1" x14ac:dyDescent="0.15">
      <c r="A50" s="5">
        <v>37</v>
      </c>
      <c r="B50" s="22">
        <v>35</v>
      </c>
      <c r="C50" s="14">
        <v>30</v>
      </c>
      <c r="D50" s="18">
        <v>65</v>
      </c>
    </row>
    <row r="51" spans="1:4" ht="18" customHeight="1" x14ac:dyDescent="0.15">
      <c r="A51" s="5">
        <v>38</v>
      </c>
      <c r="B51" s="22">
        <v>23</v>
      </c>
      <c r="C51" s="14">
        <v>24</v>
      </c>
      <c r="D51" s="18">
        <v>47</v>
      </c>
    </row>
    <row r="52" spans="1:4" ht="18" customHeight="1" x14ac:dyDescent="0.15">
      <c r="A52" s="5">
        <v>39</v>
      </c>
      <c r="B52" s="22">
        <v>28</v>
      </c>
      <c r="C52" s="14">
        <v>20</v>
      </c>
      <c r="D52" s="18">
        <v>48</v>
      </c>
    </row>
    <row r="53" spans="1:4" ht="18" customHeight="1" x14ac:dyDescent="0.15">
      <c r="A53" s="5" t="s">
        <v>18</v>
      </c>
      <c r="B53" s="22">
        <v>125</v>
      </c>
      <c r="C53" s="14">
        <v>123</v>
      </c>
      <c r="D53" s="18">
        <v>248</v>
      </c>
    </row>
    <row r="54" spans="1:4" ht="18" customHeight="1" x14ac:dyDescent="0.15">
      <c r="A54" s="5">
        <v>40</v>
      </c>
      <c r="B54" s="22">
        <v>26</v>
      </c>
      <c r="C54" s="14">
        <v>31</v>
      </c>
      <c r="D54" s="18">
        <v>57</v>
      </c>
    </row>
    <row r="55" spans="1:4" ht="18" customHeight="1" x14ac:dyDescent="0.15">
      <c r="A55" s="5">
        <v>41</v>
      </c>
      <c r="B55" s="22">
        <v>33</v>
      </c>
      <c r="C55" s="14">
        <v>31</v>
      </c>
      <c r="D55" s="18">
        <v>64</v>
      </c>
    </row>
    <row r="56" spans="1:4" ht="18" customHeight="1" x14ac:dyDescent="0.15">
      <c r="A56" s="5">
        <v>42</v>
      </c>
      <c r="B56" s="22">
        <v>25</v>
      </c>
      <c r="C56" s="14">
        <v>31</v>
      </c>
      <c r="D56" s="18">
        <v>56</v>
      </c>
    </row>
    <row r="57" spans="1:4" ht="18" customHeight="1" x14ac:dyDescent="0.15">
      <c r="A57" s="5">
        <v>43</v>
      </c>
      <c r="B57" s="22">
        <v>33</v>
      </c>
      <c r="C57" s="14">
        <v>39</v>
      </c>
      <c r="D57" s="18">
        <v>72</v>
      </c>
    </row>
    <row r="58" spans="1:4" ht="18" customHeight="1" x14ac:dyDescent="0.15">
      <c r="A58" s="5">
        <v>44</v>
      </c>
      <c r="B58" s="22">
        <v>52</v>
      </c>
      <c r="C58" s="14">
        <v>42</v>
      </c>
      <c r="D58" s="18">
        <v>94</v>
      </c>
    </row>
    <row r="59" spans="1:4" ht="18" customHeight="1" x14ac:dyDescent="0.15">
      <c r="A59" s="5" t="s">
        <v>21</v>
      </c>
      <c r="B59" s="22">
        <v>169</v>
      </c>
      <c r="C59" s="14">
        <v>174</v>
      </c>
      <c r="D59" s="18">
        <v>343</v>
      </c>
    </row>
    <row r="60" spans="1:4" ht="18" customHeight="1" x14ac:dyDescent="0.15">
      <c r="A60" s="5">
        <v>45</v>
      </c>
      <c r="B60" s="22">
        <v>44</v>
      </c>
      <c r="C60" s="14">
        <v>31</v>
      </c>
      <c r="D60" s="18">
        <v>75</v>
      </c>
    </row>
    <row r="61" spans="1:4" ht="18" customHeight="1" x14ac:dyDescent="0.15">
      <c r="A61" s="5">
        <v>46</v>
      </c>
      <c r="B61" s="22">
        <v>36</v>
      </c>
      <c r="C61" s="14">
        <v>40</v>
      </c>
      <c r="D61" s="18">
        <v>76</v>
      </c>
    </row>
    <row r="62" spans="1:4" ht="18" customHeight="1" x14ac:dyDescent="0.15">
      <c r="A62" s="5">
        <v>47</v>
      </c>
      <c r="B62" s="22">
        <v>48</v>
      </c>
      <c r="C62" s="14">
        <v>48</v>
      </c>
      <c r="D62" s="18">
        <v>96</v>
      </c>
    </row>
    <row r="63" spans="1:4" ht="18" customHeight="1" x14ac:dyDescent="0.15">
      <c r="A63" s="5">
        <v>48</v>
      </c>
      <c r="B63" s="22">
        <v>59</v>
      </c>
      <c r="C63" s="14">
        <v>36</v>
      </c>
      <c r="D63" s="18">
        <v>95</v>
      </c>
    </row>
    <row r="64" spans="1:4" ht="18" customHeight="1" x14ac:dyDescent="0.15">
      <c r="A64" s="5">
        <v>49</v>
      </c>
      <c r="B64" s="22">
        <v>48</v>
      </c>
      <c r="C64" s="14">
        <v>44</v>
      </c>
      <c r="D64" s="18">
        <v>92</v>
      </c>
    </row>
    <row r="65" spans="1:4" ht="18" customHeight="1" x14ac:dyDescent="0.15">
      <c r="A65" s="5" t="s">
        <v>17</v>
      </c>
      <c r="B65" s="22">
        <v>235</v>
      </c>
      <c r="C65" s="14">
        <v>199</v>
      </c>
      <c r="D65" s="18">
        <v>434</v>
      </c>
    </row>
    <row r="66" spans="1:4" ht="18" customHeight="1" x14ac:dyDescent="0.15">
      <c r="A66" s="5">
        <v>50</v>
      </c>
      <c r="B66" s="22">
        <v>53</v>
      </c>
      <c r="C66" s="14">
        <v>57</v>
      </c>
      <c r="D66" s="18">
        <v>110</v>
      </c>
    </row>
    <row r="67" spans="1:4" ht="18" customHeight="1" x14ac:dyDescent="0.15">
      <c r="A67" s="5">
        <v>51</v>
      </c>
      <c r="B67" s="22">
        <v>60</v>
      </c>
      <c r="C67" s="14">
        <v>65</v>
      </c>
      <c r="D67" s="18">
        <v>125</v>
      </c>
    </row>
    <row r="68" spans="1:4" ht="18" customHeight="1" x14ac:dyDescent="0.15">
      <c r="A68" s="5">
        <v>52</v>
      </c>
      <c r="B68" s="22">
        <v>56</v>
      </c>
      <c r="C68" s="14">
        <v>54</v>
      </c>
      <c r="D68" s="18">
        <v>110</v>
      </c>
    </row>
    <row r="69" spans="1:4" ht="18" customHeight="1" x14ac:dyDescent="0.15">
      <c r="A69" s="5">
        <v>53</v>
      </c>
      <c r="B69" s="22">
        <v>61</v>
      </c>
      <c r="C69" s="14">
        <v>54</v>
      </c>
      <c r="D69" s="18">
        <v>115</v>
      </c>
    </row>
    <row r="70" spans="1:4" ht="18" customHeight="1" x14ac:dyDescent="0.15">
      <c r="A70" s="5">
        <v>54</v>
      </c>
      <c r="B70" s="22">
        <v>52</v>
      </c>
      <c r="C70" s="14">
        <v>47</v>
      </c>
      <c r="D70" s="18">
        <v>99</v>
      </c>
    </row>
    <row r="71" spans="1:4" ht="18" customHeight="1" x14ac:dyDescent="0.15">
      <c r="A71" s="5" t="s">
        <v>22</v>
      </c>
      <c r="B71" s="22">
        <v>282</v>
      </c>
      <c r="C71" s="14">
        <v>277</v>
      </c>
      <c r="D71" s="18">
        <v>559</v>
      </c>
    </row>
    <row r="72" spans="1:4" ht="18" customHeight="1" x14ac:dyDescent="0.15">
      <c r="A72" s="5">
        <v>55</v>
      </c>
      <c r="B72" s="22">
        <v>57</v>
      </c>
      <c r="C72" s="14">
        <v>59</v>
      </c>
      <c r="D72" s="18">
        <v>116</v>
      </c>
    </row>
    <row r="73" spans="1:4" ht="18" customHeight="1" x14ac:dyDescent="0.15">
      <c r="A73" s="5">
        <v>56</v>
      </c>
      <c r="B73" s="22">
        <v>37</v>
      </c>
      <c r="C73" s="14">
        <v>43</v>
      </c>
      <c r="D73" s="18">
        <v>80</v>
      </c>
    </row>
    <row r="74" spans="1:4" ht="18" customHeight="1" x14ac:dyDescent="0.15">
      <c r="A74" s="5">
        <v>57</v>
      </c>
      <c r="B74" s="22">
        <v>45</v>
      </c>
      <c r="C74" s="14">
        <v>43</v>
      </c>
      <c r="D74" s="18">
        <v>88</v>
      </c>
    </row>
    <row r="75" spans="1:4" ht="18" customHeight="1" x14ac:dyDescent="0.15">
      <c r="A75" s="5">
        <v>58</v>
      </c>
      <c r="B75" s="22">
        <v>30</v>
      </c>
      <c r="C75" s="14">
        <v>38</v>
      </c>
      <c r="D75" s="18">
        <v>68</v>
      </c>
    </row>
    <row r="76" spans="1:4" ht="18" customHeight="1" x14ac:dyDescent="0.15">
      <c r="A76" s="5">
        <v>59</v>
      </c>
      <c r="B76" s="22">
        <v>44</v>
      </c>
      <c r="C76" s="14">
        <v>40</v>
      </c>
      <c r="D76" s="18">
        <v>84</v>
      </c>
    </row>
    <row r="77" spans="1:4" ht="18" customHeight="1" x14ac:dyDescent="0.15">
      <c r="A77" s="5" t="s">
        <v>27</v>
      </c>
      <c r="B77" s="22">
        <v>213</v>
      </c>
      <c r="C77" s="14">
        <v>223</v>
      </c>
      <c r="D77" s="18">
        <v>436</v>
      </c>
    </row>
    <row r="78" spans="1:4" ht="18" customHeight="1" x14ac:dyDescent="0.15">
      <c r="A78" s="5">
        <v>60</v>
      </c>
      <c r="B78" s="22">
        <v>33</v>
      </c>
      <c r="C78" s="14">
        <v>29</v>
      </c>
      <c r="D78" s="18">
        <v>62</v>
      </c>
    </row>
    <row r="79" spans="1:4" ht="18" customHeight="1" x14ac:dyDescent="0.15">
      <c r="A79" s="5">
        <v>61</v>
      </c>
      <c r="B79" s="22">
        <v>55</v>
      </c>
      <c r="C79" s="14">
        <v>35</v>
      </c>
      <c r="D79" s="18">
        <v>90</v>
      </c>
    </row>
    <row r="80" spans="1:4" ht="18" customHeight="1" x14ac:dyDescent="0.15">
      <c r="A80" s="5">
        <v>62</v>
      </c>
      <c r="B80" s="22">
        <v>35</v>
      </c>
      <c r="C80" s="14">
        <v>50</v>
      </c>
      <c r="D80" s="18">
        <v>85</v>
      </c>
    </row>
    <row r="81" spans="1:4" ht="18" customHeight="1" x14ac:dyDescent="0.15">
      <c r="A81" s="5">
        <v>63</v>
      </c>
      <c r="B81" s="22">
        <v>40</v>
      </c>
      <c r="C81" s="14">
        <v>41</v>
      </c>
      <c r="D81" s="18">
        <v>81</v>
      </c>
    </row>
    <row r="82" spans="1:4" ht="18" customHeight="1" x14ac:dyDescent="0.15">
      <c r="A82" s="5">
        <v>64</v>
      </c>
      <c r="B82" s="22">
        <v>41</v>
      </c>
      <c r="C82" s="14">
        <v>35</v>
      </c>
      <c r="D82" s="18">
        <v>76</v>
      </c>
    </row>
    <row r="83" spans="1:4" ht="18" customHeight="1" x14ac:dyDescent="0.15">
      <c r="A83" s="5" t="s">
        <v>28</v>
      </c>
      <c r="B83" s="22">
        <v>204</v>
      </c>
      <c r="C83" s="14">
        <v>190</v>
      </c>
      <c r="D83" s="18">
        <v>394</v>
      </c>
    </row>
    <row r="84" spans="1:4" ht="18" customHeight="1" x14ac:dyDescent="0.15">
      <c r="A84" s="5" t="s">
        <v>31</v>
      </c>
      <c r="B84" s="22">
        <v>1829</v>
      </c>
      <c r="C84" s="14">
        <v>1755</v>
      </c>
      <c r="D84" s="18">
        <v>3584</v>
      </c>
    </row>
    <row r="85" spans="1:4" ht="18" customHeight="1" x14ac:dyDescent="0.15">
      <c r="A85" s="5">
        <v>65</v>
      </c>
      <c r="B85" s="22">
        <v>46</v>
      </c>
      <c r="C85" s="14">
        <v>27</v>
      </c>
      <c r="D85" s="18">
        <v>73</v>
      </c>
    </row>
    <row r="86" spans="1:4" ht="18" customHeight="1" x14ac:dyDescent="0.15">
      <c r="A86" s="5">
        <v>66</v>
      </c>
      <c r="B86" s="22">
        <v>36</v>
      </c>
      <c r="C86" s="14">
        <v>42</v>
      </c>
      <c r="D86" s="18">
        <v>78</v>
      </c>
    </row>
    <row r="87" spans="1:4" ht="18" customHeight="1" x14ac:dyDescent="0.15">
      <c r="A87" s="5">
        <v>67</v>
      </c>
      <c r="B87" s="22">
        <v>37</v>
      </c>
      <c r="C87" s="14">
        <v>37</v>
      </c>
      <c r="D87" s="18">
        <v>74</v>
      </c>
    </row>
    <row r="88" spans="1:4" ht="18" customHeight="1" x14ac:dyDescent="0.15">
      <c r="A88" s="5">
        <v>68</v>
      </c>
      <c r="B88" s="22">
        <v>44</v>
      </c>
      <c r="C88" s="14">
        <v>44</v>
      </c>
      <c r="D88" s="18">
        <v>88</v>
      </c>
    </row>
    <row r="89" spans="1:4" ht="18" customHeight="1" x14ac:dyDescent="0.15">
      <c r="A89" s="5">
        <v>69</v>
      </c>
      <c r="B89" s="22">
        <v>34</v>
      </c>
      <c r="C89" s="14">
        <v>38</v>
      </c>
      <c r="D89" s="18">
        <v>72</v>
      </c>
    </row>
    <row r="90" spans="1:4" ht="18" customHeight="1" x14ac:dyDescent="0.15">
      <c r="A90" s="5" t="s">
        <v>20</v>
      </c>
      <c r="B90" s="22">
        <v>197</v>
      </c>
      <c r="C90" s="14">
        <v>188</v>
      </c>
      <c r="D90" s="18">
        <v>385</v>
      </c>
    </row>
    <row r="91" spans="1:4" ht="18" customHeight="1" x14ac:dyDescent="0.15">
      <c r="A91" s="5">
        <v>70</v>
      </c>
      <c r="B91" s="22">
        <v>41</v>
      </c>
      <c r="C91" s="14">
        <v>47</v>
      </c>
      <c r="D91" s="18">
        <v>88</v>
      </c>
    </row>
    <row r="92" spans="1:4" ht="18" customHeight="1" x14ac:dyDescent="0.15">
      <c r="A92" s="5">
        <v>71</v>
      </c>
      <c r="B92" s="22">
        <v>54</v>
      </c>
      <c r="C92" s="14">
        <v>57</v>
      </c>
      <c r="D92" s="18">
        <v>111</v>
      </c>
    </row>
    <row r="93" spans="1:4" ht="18" customHeight="1" x14ac:dyDescent="0.15">
      <c r="A93" s="5">
        <v>72</v>
      </c>
      <c r="B93" s="22">
        <v>44</v>
      </c>
      <c r="C93" s="14">
        <v>37</v>
      </c>
      <c r="D93" s="18">
        <v>81</v>
      </c>
    </row>
    <row r="94" spans="1:4" ht="18" customHeight="1" x14ac:dyDescent="0.15">
      <c r="A94" s="5">
        <v>73</v>
      </c>
      <c r="B94" s="22">
        <v>48</v>
      </c>
      <c r="C94" s="14">
        <v>46</v>
      </c>
      <c r="D94" s="18">
        <v>94</v>
      </c>
    </row>
    <row r="95" spans="1:4" ht="18" customHeight="1" x14ac:dyDescent="0.15">
      <c r="A95" s="5">
        <v>74</v>
      </c>
      <c r="B95" s="22">
        <v>41</v>
      </c>
      <c r="C95" s="14">
        <v>75</v>
      </c>
      <c r="D95" s="18">
        <v>116</v>
      </c>
    </row>
    <row r="96" spans="1:4" ht="18" customHeight="1" x14ac:dyDescent="0.15">
      <c r="A96" s="5" t="s">
        <v>33</v>
      </c>
      <c r="B96" s="22">
        <v>228</v>
      </c>
      <c r="C96" s="14">
        <v>262</v>
      </c>
      <c r="D96" s="18">
        <v>490</v>
      </c>
    </row>
    <row r="97" spans="1:4" ht="18" customHeight="1" x14ac:dyDescent="0.15">
      <c r="A97" s="5">
        <v>75</v>
      </c>
      <c r="B97" s="22">
        <v>55</v>
      </c>
      <c r="C97" s="14">
        <v>67</v>
      </c>
      <c r="D97" s="18">
        <v>122</v>
      </c>
    </row>
    <row r="98" spans="1:4" ht="18" customHeight="1" x14ac:dyDescent="0.15">
      <c r="A98" s="5">
        <v>76</v>
      </c>
      <c r="B98" s="22">
        <v>69</v>
      </c>
      <c r="C98" s="14">
        <v>78</v>
      </c>
      <c r="D98" s="18">
        <v>147</v>
      </c>
    </row>
    <row r="99" spans="1:4" ht="18" customHeight="1" x14ac:dyDescent="0.15">
      <c r="A99" s="5">
        <v>77</v>
      </c>
      <c r="B99" s="22">
        <v>59</v>
      </c>
      <c r="C99" s="14">
        <v>63</v>
      </c>
      <c r="D99" s="18">
        <v>122</v>
      </c>
    </row>
    <row r="100" spans="1:4" ht="18" customHeight="1" x14ac:dyDescent="0.15">
      <c r="A100" s="5">
        <v>78</v>
      </c>
      <c r="B100" s="22">
        <v>69</v>
      </c>
      <c r="C100" s="14">
        <v>54</v>
      </c>
      <c r="D100" s="18">
        <v>123</v>
      </c>
    </row>
    <row r="101" spans="1:4" ht="18" customHeight="1" x14ac:dyDescent="0.15">
      <c r="A101" s="5">
        <v>79</v>
      </c>
      <c r="B101" s="22">
        <v>40</v>
      </c>
      <c r="C101" s="14">
        <v>65</v>
      </c>
      <c r="D101" s="18">
        <v>105</v>
      </c>
    </row>
    <row r="102" spans="1:4" ht="18" customHeight="1" x14ac:dyDescent="0.15">
      <c r="A102" s="5" t="s">
        <v>0</v>
      </c>
      <c r="B102" s="22">
        <v>292</v>
      </c>
      <c r="C102" s="14">
        <v>327</v>
      </c>
      <c r="D102" s="18">
        <v>619</v>
      </c>
    </row>
    <row r="103" spans="1:4" ht="18" customHeight="1" x14ac:dyDescent="0.15">
      <c r="A103" s="5">
        <v>80</v>
      </c>
      <c r="B103" s="22">
        <v>24</v>
      </c>
      <c r="C103" s="14">
        <v>23</v>
      </c>
      <c r="D103" s="18">
        <v>47</v>
      </c>
    </row>
    <row r="104" spans="1:4" ht="18" customHeight="1" x14ac:dyDescent="0.15">
      <c r="A104" s="5">
        <v>81</v>
      </c>
      <c r="B104" s="22">
        <v>23</v>
      </c>
      <c r="C104" s="14">
        <v>39</v>
      </c>
      <c r="D104" s="18">
        <v>62</v>
      </c>
    </row>
    <row r="105" spans="1:4" ht="18" customHeight="1" x14ac:dyDescent="0.15">
      <c r="A105" s="5">
        <v>82</v>
      </c>
      <c r="B105" s="22">
        <v>42</v>
      </c>
      <c r="C105" s="14">
        <v>25</v>
      </c>
      <c r="D105" s="18">
        <v>67</v>
      </c>
    </row>
    <row r="106" spans="1:4" ht="18" customHeight="1" x14ac:dyDescent="0.15">
      <c r="A106" s="5">
        <v>83</v>
      </c>
      <c r="B106" s="22">
        <v>28</v>
      </c>
      <c r="C106" s="14">
        <v>28</v>
      </c>
      <c r="D106" s="18">
        <v>56</v>
      </c>
    </row>
    <row r="107" spans="1:4" ht="18" customHeight="1" x14ac:dyDescent="0.15">
      <c r="A107" s="5">
        <v>84</v>
      </c>
      <c r="B107" s="22">
        <v>30</v>
      </c>
      <c r="C107" s="14">
        <v>36</v>
      </c>
      <c r="D107" s="18">
        <v>66</v>
      </c>
    </row>
    <row r="108" spans="1:4" ht="18" customHeight="1" x14ac:dyDescent="0.15">
      <c r="A108" s="5" t="s">
        <v>35</v>
      </c>
      <c r="B108" s="22">
        <v>147</v>
      </c>
      <c r="C108" s="14">
        <v>151</v>
      </c>
      <c r="D108" s="18">
        <v>298</v>
      </c>
    </row>
    <row r="109" spans="1:4" ht="18" customHeight="1" x14ac:dyDescent="0.15">
      <c r="A109" s="5">
        <v>85</v>
      </c>
      <c r="B109" s="22">
        <v>19</v>
      </c>
      <c r="C109" s="14">
        <v>24</v>
      </c>
      <c r="D109" s="18">
        <v>43</v>
      </c>
    </row>
    <row r="110" spans="1:4" ht="18" customHeight="1" x14ac:dyDescent="0.15">
      <c r="A110" s="5">
        <v>86</v>
      </c>
      <c r="B110" s="22">
        <v>18</v>
      </c>
      <c r="C110" s="14">
        <v>26</v>
      </c>
      <c r="D110" s="18">
        <v>44</v>
      </c>
    </row>
    <row r="111" spans="1:4" ht="18" customHeight="1" x14ac:dyDescent="0.15">
      <c r="A111" s="5">
        <v>87</v>
      </c>
      <c r="B111" s="22">
        <v>15</v>
      </c>
      <c r="C111" s="14">
        <v>27</v>
      </c>
      <c r="D111" s="18">
        <v>42</v>
      </c>
    </row>
    <row r="112" spans="1:4" ht="18" customHeight="1" x14ac:dyDescent="0.15">
      <c r="A112" s="5">
        <v>88</v>
      </c>
      <c r="B112" s="22">
        <v>13</v>
      </c>
      <c r="C112" s="14">
        <v>30</v>
      </c>
      <c r="D112" s="18">
        <v>43</v>
      </c>
    </row>
    <row r="113" spans="1:4" ht="18" customHeight="1" x14ac:dyDescent="0.15">
      <c r="A113" s="5">
        <v>89</v>
      </c>
      <c r="B113" s="22">
        <v>13</v>
      </c>
      <c r="C113" s="14">
        <v>26</v>
      </c>
      <c r="D113" s="18">
        <v>39</v>
      </c>
    </row>
    <row r="114" spans="1:4" ht="18" customHeight="1" x14ac:dyDescent="0.15">
      <c r="A114" s="5" t="s">
        <v>37</v>
      </c>
      <c r="B114" s="22">
        <v>78</v>
      </c>
      <c r="C114" s="14">
        <v>133</v>
      </c>
      <c r="D114" s="18">
        <v>211</v>
      </c>
    </row>
    <row r="115" spans="1:4" ht="18" customHeight="1" x14ac:dyDescent="0.15">
      <c r="A115" s="5">
        <v>90</v>
      </c>
      <c r="B115" s="22">
        <v>21</v>
      </c>
      <c r="C115" s="14">
        <v>28</v>
      </c>
      <c r="D115" s="18">
        <v>49</v>
      </c>
    </row>
    <row r="116" spans="1:4" ht="18" customHeight="1" x14ac:dyDescent="0.15">
      <c r="A116" s="5">
        <v>91</v>
      </c>
      <c r="B116" s="22">
        <v>4</v>
      </c>
      <c r="C116" s="14">
        <v>22</v>
      </c>
      <c r="D116" s="18">
        <v>26</v>
      </c>
    </row>
    <row r="117" spans="1:4" ht="18" customHeight="1" x14ac:dyDescent="0.15">
      <c r="A117" s="5">
        <v>92</v>
      </c>
      <c r="B117" s="22">
        <v>7</v>
      </c>
      <c r="C117" s="14">
        <v>17</v>
      </c>
      <c r="D117" s="18">
        <v>24</v>
      </c>
    </row>
    <row r="118" spans="1:4" ht="18" customHeight="1" x14ac:dyDescent="0.15">
      <c r="A118" s="5">
        <v>93</v>
      </c>
      <c r="B118" s="22">
        <v>4</v>
      </c>
      <c r="C118" s="14">
        <v>22</v>
      </c>
      <c r="D118" s="18">
        <v>26</v>
      </c>
    </row>
    <row r="119" spans="1:4" ht="18" customHeight="1" x14ac:dyDescent="0.15">
      <c r="A119" s="5">
        <v>94</v>
      </c>
      <c r="B119" s="22">
        <v>5</v>
      </c>
      <c r="C119" s="14">
        <v>15</v>
      </c>
      <c r="D119" s="18">
        <v>20</v>
      </c>
    </row>
    <row r="120" spans="1:4" ht="18" customHeight="1" x14ac:dyDescent="0.15">
      <c r="A120" s="5" t="s">
        <v>39</v>
      </c>
      <c r="B120" s="22">
        <v>41</v>
      </c>
      <c r="C120" s="14">
        <v>104</v>
      </c>
      <c r="D120" s="18">
        <v>145</v>
      </c>
    </row>
    <row r="121" spans="1:4" ht="18" customHeight="1" x14ac:dyDescent="0.15">
      <c r="A121" s="5">
        <v>95</v>
      </c>
      <c r="B121" s="22">
        <v>5</v>
      </c>
      <c r="C121" s="14">
        <v>11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12</v>
      </c>
      <c r="D122" s="18">
        <v>14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2</v>
      </c>
      <c r="C126" s="14">
        <v>34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995</v>
      </c>
      <c r="C130" s="14">
        <v>1203</v>
      </c>
      <c r="D130" s="18">
        <v>2198</v>
      </c>
    </row>
    <row r="131" spans="1:4" ht="18" customHeight="1" x14ac:dyDescent="0.15">
      <c r="A131" s="7" t="s">
        <v>45</v>
      </c>
      <c r="B131" s="23">
        <v>3121</v>
      </c>
      <c r="C131" s="15">
        <v>3236</v>
      </c>
      <c r="D131" s="19">
        <v>63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0</v>
      </c>
      <c r="D5" s="31">
        <v>2</v>
      </c>
    </row>
    <row r="6" spans="1:4" ht="18" customHeight="1" x14ac:dyDescent="0.15">
      <c r="A6" s="5">
        <v>1</v>
      </c>
      <c r="B6" s="27">
        <v>1</v>
      </c>
      <c r="C6" s="14">
        <v>1</v>
      </c>
      <c r="D6" s="18">
        <v>2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3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3</v>
      </c>
      <c r="D14" s="18">
        <v>4</v>
      </c>
    </row>
    <row r="15" spans="1:4" ht="18" customHeight="1" x14ac:dyDescent="0.15">
      <c r="A15" s="5">
        <v>9</v>
      </c>
      <c r="B15" s="27">
        <v>2</v>
      </c>
      <c r="C15" s="14">
        <v>3</v>
      </c>
      <c r="D15" s="18">
        <v>5</v>
      </c>
    </row>
    <row r="16" spans="1:4" ht="18" customHeight="1" x14ac:dyDescent="0.15">
      <c r="A16" s="5" t="s">
        <v>11</v>
      </c>
      <c r="B16" s="22">
        <v>7</v>
      </c>
      <c r="C16" s="14">
        <v>10</v>
      </c>
      <c r="D16" s="18">
        <v>17</v>
      </c>
    </row>
    <row r="17" spans="1:4" ht="18" customHeight="1" x14ac:dyDescent="0.15">
      <c r="A17" s="5">
        <v>10</v>
      </c>
      <c r="B17" s="22">
        <v>2</v>
      </c>
      <c r="C17" s="14">
        <v>2</v>
      </c>
      <c r="D17" s="18">
        <v>4</v>
      </c>
    </row>
    <row r="18" spans="1:4" ht="18" customHeight="1" x14ac:dyDescent="0.15">
      <c r="A18" s="5">
        <v>11</v>
      </c>
      <c r="B18" s="22">
        <v>1</v>
      </c>
      <c r="C18" s="14">
        <v>4</v>
      </c>
      <c r="D18" s="18">
        <v>5</v>
      </c>
    </row>
    <row r="19" spans="1:4" ht="18" customHeight="1" x14ac:dyDescent="0.15">
      <c r="A19" s="5">
        <v>12</v>
      </c>
      <c r="B19" s="22">
        <v>3</v>
      </c>
      <c r="C19" s="14">
        <v>4</v>
      </c>
      <c r="D19" s="18">
        <v>7</v>
      </c>
    </row>
    <row r="20" spans="1:4" ht="18" customHeight="1" x14ac:dyDescent="0.15">
      <c r="A20" s="5">
        <v>13</v>
      </c>
      <c r="B20" s="22">
        <v>2</v>
      </c>
      <c r="C20" s="14">
        <v>3</v>
      </c>
      <c r="D20" s="18">
        <v>5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8</v>
      </c>
      <c r="C22" s="14">
        <v>15</v>
      </c>
      <c r="D22" s="18">
        <v>23</v>
      </c>
    </row>
    <row r="23" spans="1:4" ht="18" customHeight="1" x14ac:dyDescent="0.15">
      <c r="A23" s="5" t="s">
        <v>6</v>
      </c>
      <c r="B23" s="22">
        <v>19</v>
      </c>
      <c r="C23" s="14">
        <v>27</v>
      </c>
      <c r="D23" s="18">
        <v>46</v>
      </c>
    </row>
    <row r="24" spans="1:4" ht="18" customHeight="1" x14ac:dyDescent="0.15">
      <c r="A24" s="5">
        <v>15</v>
      </c>
      <c r="B24" s="22">
        <v>0</v>
      </c>
      <c r="C24" s="14">
        <v>7</v>
      </c>
      <c r="D24" s="18">
        <v>7</v>
      </c>
    </row>
    <row r="25" spans="1:4" ht="18" customHeight="1" x14ac:dyDescent="0.15">
      <c r="A25" s="5">
        <v>16</v>
      </c>
      <c r="B25" s="22">
        <v>2</v>
      </c>
      <c r="C25" s="14">
        <v>0</v>
      </c>
      <c r="D25" s="18">
        <v>2</v>
      </c>
    </row>
    <row r="26" spans="1:4" ht="18" customHeight="1" x14ac:dyDescent="0.15">
      <c r="A26" s="5">
        <v>17</v>
      </c>
      <c r="B26" s="22">
        <v>5</v>
      </c>
      <c r="C26" s="14">
        <v>1</v>
      </c>
      <c r="D26" s="18">
        <v>6</v>
      </c>
    </row>
    <row r="27" spans="1:4" ht="18" customHeight="1" x14ac:dyDescent="0.15">
      <c r="A27" s="5">
        <v>18</v>
      </c>
      <c r="B27" s="22">
        <v>3</v>
      </c>
      <c r="C27" s="14">
        <v>5</v>
      </c>
      <c r="D27" s="18">
        <v>8</v>
      </c>
    </row>
    <row r="28" spans="1:4" ht="18" customHeight="1" x14ac:dyDescent="0.15">
      <c r="A28" s="5">
        <v>19</v>
      </c>
      <c r="B28" s="22">
        <v>1</v>
      </c>
      <c r="C28" s="14">
        <v>0</v>
      </c>
      <c r="D28" s="18">
        <v>1</v>
      </c>
    </row>
    <row r="29" spans="1:4" ht="18" customHeight="1" x14ac:dyDescent="0.15">
      <c r="A29" s="5" t="s">
        <v>14</v>
      </c>
      <c r="B29" s="22">
        <v>11</v>
      </c>
      <c r="C29" s="14">
        <v>13</v>
      </c>
      <c r="D29" s="18">
        <v>24</v>
      </c>
    </row>
    <row r="30" spans="1:4" ht="18" customHeight="1" x14ac:dyDescent="0.15">
      <c r="A30" s="5">
        <v>20</v>
      </c>
      <c r="B30" s="22">
        <v>3</v>
      </c>
      <c r="C30" s="14">
        <v>2</v>
      </c>
      <c r="D30" s="18">
        <v>5</v>
      </c>
    </row>
    <row r="31" spans="1:4" ht="18" customHeight="1" x14ac:dyDescent="0.15">
      <c r="A31" s="5">
        <v>21</v>
      </c>
      <c r="B31" s="22">
        <v>6</v>
      </c>
      <c r="C31" s="14">
        <v>3</v>
      </c>
      <c r="D31" s="18">
        <v>9</v>
      </c>
    </row>
    <row r="32" spans="1:4" ht="18" customHeight="1" x14ac:dyDescent="0.15">
      <c r="A32" s="5">
        <v>22</v>
      </c>
      <c r="B32" s="22">
        <v>4</v>
      </c>
      <c r="C32" s="14">
        <v>2</v>
      </c>
      <c r="D32" s="18">
        <v>6</v>
      </c>
    </row>
    <row r="33" spans="1:4" ht="18" customHeight="1" x14ac:dyDescent="0.15">
      <c r="A33" s="5">
        <v>23</v>
      </c>
      <c r="B33" s="22">
        <v>2</v>
      </c>
      <c r="C33" s="14">
        <v>6</v>
      </c>
      <c r="D33" s="18">
        <v>8</v>
      </c>
    </row>
    <row r="34" spans="1:4" ht="18" customHeight="1" x14ac:dyDescent="0.15">
      <c r="A34" s="5">
        <v>24</v>
      </c>
      <c r="B34" s="22">
        <v>2</v>
      </c>
      <c r="C34" s="14">
        <v>2</v>
      </c>
      <c r="D34" s="18">
        <v>4</v>
      </c>
    </row>
    <row r="35" spans="1:4" ht="18" customHeight="1" x14ac:dyDescent="0.15">
      <c r="A35" s="5" t="s">
        <v>9</v>
      </c>
      <c r="B35" s="22">
        <v>17</v>
      </c>
      <c r="C35" s="14">
        <v>15</v>
      </c>
      <c r="D35" s="18">
        <v>32</v>
      </c>
    </row>
    <row r="36" spans="1:4" ht="18" customHeight="1" x14ac:dyDescent="0.15">
      <c r="A36" s="5">
        <v>25</v>
      </c>
      <c r="B36" s="22">
        <v>6</v>
      </c>
      <c r="C36" s="14">
        <v>1</v>
      </c>
      <c r="D36" s="18">
        <v>7</v>
      </c>
    </row>
    <row r="37" spans="1:4" ht="18" customHeight="1" x14ac:dyDescent="0.15">
      <c r="A37" s="5">
        <v>26</v>
      </c>
      <c r="B37" s="22">
        <v>4</v>
      </c>
      <c r="C37" s="14">
        <v>2</v>
      </c>
      <c r="D37" s="18">
        <v>6</v>
      </c>
    </row>
    <row r="38" spans="1:4" ht="18" customHeight="1" x14ac:dyDescent="0.15">
      <c r="A38" s="5">
        <v>27</v>
      </c>
      <c r="B38" s="22">
        <v>1</v>
      </c>
      <c r="C38" s="14">
        <v>2</v>
      </c>
      <c r="D38" s="18">
        <v>3</v>
      </c>
    </row>
    <row r="39" spans="1:4" ht="18" customHeight="1" x14ac:dyDescent="0.15">
      <c r="A39" s="5">
        <v>28</v>
      </c>
      <c r="B39" s="22">
        <v>1</v>
      </c>
      <c r="C39" s="14">
        <v>0</v>
      </c>
      <c r="D39" s="18">
        <v>1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3</v>
      </c>
      <c r="C41" s="14">
        <v>6</v>
      </c>
      <c r="D41" s="18">
        <v>19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2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9</v>
      </c>
      <c r="C47" s="14">
        <v>8</v>
      </c>
      <c r="D47" s="18">
        <v>17</v>
      </c>
    </row>
    <row r="48" spans="1:4" ht="18" customHeight="1" x14ac:dyDescent="0.15">
      <c r="A48" s="5">
        <v>35</v>
      </c>
      <c r="B48" s="22">
        <v>3</v>
      </c>
      <c r="C48" s="14">
        <v>0</v>
      </c>
      <c r="D48" s="18">
        <v>3</v>
      </c>
    </row>
    <row r="49" spans="1:4" ht="18" customHeight="1" x14ac:dyDescent="0.15">
      <c r="A49" s="5">
        <v>36</v>
      </c>
      <c r="B49" s="22">
        <v>1</v>
      </c>
      <c r="C49" s="14">
        <v>3</v>
      </c>
      <c r="D49" s="18">
        <v>4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3</v>
      </c>
      <c r="D51" s="18">
        <v>4</v>
      </c>
    </row>
    <row r="52" spans="1:4" ht="18" customHeight="1" x14ac:dyDescent="0.15">
      <c r="A52" s="5">
        <v>39</v>
      </c>
      <c r="B52" s="22">
        <v>2</v>
      </c>
      <c r="C52" s="14">
        <v>3</v>
      </c>
      <c r="D52" s="18">
        <v>5</v>
      </c>
    </row>
    <row r="53" spans="1:4" ht="18" customHeight="1" x14ac:dyDescent="0.15">
      <c r="A53" s="5" t="s">
        <v>18</v>
      </c>
      <c r="B53" s="22">
        <v>10</v>
      </c>
      <c r="C53" s="14">
        <v>12</v>
      </c>
      <c r="D53" s="18">
        <v>22</v>
      </c>
    </row>
    <row r="54" spans="1:4" ht="18" customHeight="1" x14ac:dyDescent="0.15">
      <c r="A54" s="5">
        <v>40</v>
      </c>
      <c r="B54" s="22">
        <v>4</v>
      </c>
      <c r="C54" s="14">
        <v>4</v>
      </c>
      <c r="D54" s="18">
        <v>8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2</v>
      </c>
      <c r="C56" s="14">
        <v>2</v>
      </c>
      <c r="D56" s="18">
        <v>4</v>
      </c>
    </row>
    <row r="57" spans="1:4" ht="18" customHeight="1" x14ac:dyDescent="0.15">
      <c r="A57" s="5">
        <v>43</v>
      </c>
      <c r="B57" s="22">
        <v>2</v>
      </c>
      <c r="C57" s="14">
        <v>2</v>
      </c>
      <c r="D57" s="18">
        <v>4</v>
      </c>
    </row>
    <row r="58" spans="1:4" ht="18" customHeight="1" x14ac:dyDescent="0.15">
      <c r="A58" s="5">
        <v>44</v>
      </c>
      <c r="B58" s="22">
        <v>2</v>
      </c>
      <c r="C58" s="14">
        <v>2</v>
      </c>
      <c r="D58" s="18">
        <v>4</v>
      </c>
    </row>
    <row r="59" spans="1:4" ht="18" customHeight="1" x14ac:dyDescent="0.15">
      <c r="A59" s="5" t="s">
        <v>21</v>
      </c>
      <c r="B59" s="22">
        <v>13</v>
      </c>
      <c r="C59" s="14">
        <v>10</v>
      </c>
      <c r="D59" s="18">
        <v>23</v>
      </c>
    </row>
    <row r="60" spans="1:4" ht="18" customHeight="1" x14ac:dyDescent="0.15">
      <c r="A60" s="5">
        <v>45</v>
      </c>
      <c r="B60" s="22">
        <v>2</v>
      </c>
      <c r="C60" s="14">
        <v>4</v>
      </c>
      <c r="D60" s="18">
        <v>6</v>
      </c>
    </row>
    <row r="61" spans="1:4" ht="18" customHeight="1" x14ac:dyDescent="0.15">
      <c r="A61" s="5">
        <v>46</v>
      </c>
      <c r="B61" s="22">
        <v>2</v>
      </c>
      <c r="C61" s="14">
        <v>4</v>
      </c>
      <c r="D61" s="18">
        <v>6</v>
      </c>
    </row>
    <row r="62" spans="1:4" ht="18" customHeight="1" x14ac:dyDescent="0.15">
      <c r="A62" s="5">
        <v>47</v>
      </c>
      <c r="B62" s="22">
        <v>6</v>
      </c>
      <c r="C62" s="14">
        <v>4</v>
      </c>
      <c r="D62" s="18">
        <v>10</v>
      </c>
    </row>
    <row r="63" spans="1:4" ht="18" customHeight="1" x14ac:dyDescent="0.15">
      <c r="A63" s="5">
        <v>48</v>
      </c>
      <c r="B63" s="22">
        <v>6</v>
      </c>
      <c r="C63" s="14">
        <v>1</v>
      </c>
      <c r="D63" s="18">
        <v>7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20</v>
      </c>
      <c r="C65" s="14">
        <v>15</v>
      </c>
      <c r="D65" s="18">
        <v>35</v>
      </c>
    </row>
    <row r="66" spans="1:4" ht="18" customHeight="1" x14ac:dyDescent="0.15">
      <c r="A66" s="5">
        <v>50</v>
      </c>
      <c r="B66" s="22">
        <v>4</v>
      </c>
      <c r="C66" s="14">
        <v>5</v>
      </c>
      <c r="D66" s="18">
        <v>9</v>
      </c>
    </row>
    <row r="67" spans="1:4" ht="18" customHeight="1" x14ac:dyDescent="0.15">
      <c r="A67" s="5">
        <v>51</v>
      </c>
      <c r="B67" s="22">
        <v>3</v>
      </c>
      <c r="C67" s="14">
        <v>1</v>
      </c>
      <c r="D67" s="18">
        <v>4</v>
      </c>
    </row>
    <row r="68" spans="1:4" ht="18" customHeight="1" x14ac:dyDescent="0.15">
      <c r="A68" s="5">
        <v>52</v>
      </c>
      <c r="B68" s="22">
        <v>3</v>
      </c>
      <c r="C68" s="14">
        <v>4</v>
      </c>
      <c r="D68" s="18">
        <v>7</v>
      </c>
    </row>
    <row r="69" spans="1:4" ht="18" customHeight="1" x14ac:dyDescent="0.15">
      <c r="A69" s="5">
        <v>53</v>
      </c>
      <c r="B69" s="22">
        <v>9</v>
      </c>
      <c r="C69" s="14">
        <v>4</v>
      </c>
      <c r="D69" s="18">
        <v>13</v>
      </c>
    </row>
    <row r="70" spans="1:4" ht="18" customHeight="1" x14ac:dyDescent="0.15">
      <c r="A70" s="5">
        <v>54</v>
      </c>
      <c r="B70" s="22">
        <v>4</v>
      </c>
      <c r="C70" s="14">
        <v>8</v>
      </c>
      <c r="D70" s="18">
        <v>12</v>
      </c>
    </row>
    <row r="71" spans="1:4" ht="18" customHeight="1" x14ac:dyDescent="0.15">
      <c r="A71" s="5" t="s">
        <v>22</v>
      </c>
      <c r="B71" s="22">
        <v>23</v>
      </c>
      <c r="C71" s="14">
        <v>22</v>
      </c>
      <c r="D71" s="18">
        <v>45</v>
      </c>
    </row>
    <row r="72" spans="1:4" ht="18" customHeight="1" x14ac:dyDescent="0.15">
      <c r="A72" s="5">
        <v>55</v>
      </c>
      <c r="B72" s="22">
        <v>8</v>
      </c>
      <c r="C72" s="14">
        <v>6</v>
      </c>
      <c r="D72" s="18">
        <v>14</v>
      </c>
    </row>
    <row r="73" spans="1:4" ht="18" customHeight="1" x14ac:dyDescent="0.15">
      <c r="A73" s="5">
        <v>56</v>
      </c>
      <c r="B73" s="22">
        <v>4</v>
      </c>
      <c r="C73" s="14">
        <v>4</v>
      </c>
      <c r="D73" s="18">
        <v>8</v>
      </c>
    </row>
    <row r="74" spans="1:4" ht="18" customHeight="1" x14ac:dyDescent="0.15">
      <c r="A74" s="5">
        <v>57</v>
      </c>
      <c r="B74" s="22">
        <v>4</v>
      </c>
      <c r="C74" s="14">
        <v>8</v>
      </c>
      <c r="D74" s="18">
        <v>12</v>
      </c>
    </row>
    <row r="75" spans="1:4" ht="18" customHeight="1" x14ac:dyDescent="0.15">
      <c r="A75" s="5">
        <v>58</v>
      </c>
      <c r="B75" s="22">
        <v>1</v>
      </c>
      <c r="C75" s="14">
        <v>5</v>
      </c>
      <c r="D75" s="18">
        <v>6</v>
      </c>
    </row>
    <row r="76" spans="1:4" ht="18" customHeight="1" x14ac:dyDescent="0.15">
      <c r="A76" s="5">
        <v>59</v>
      </c>
      <c r="B76" s="22">
        <v>5</v>
      </c>
      <c r="C76" s="14">
        <v>4</v>
      </c>
      <c r="D76" s="18">
        <v>9</v>
      </c>
    </row>
    <row r="77" spans="1:4" ht="18" customHeight="1" x14ac:dyDescent="0.15">
      <c r="A77" s="5" t="s">
        <v>27</v>
      </c>
      <c r="B77" s="22">
        <v>22</v>
      </c>
      <c r="C77" s="14">
        <v>27</v>
      </c>
      <c r="D77" s="18">
        <v>49</v>
      </c>
    </row>
    <row r="78" spans="1:4" ht="18" customHeight="1" x14ac:dyDescent="0.15">
      <c r="A78" s="5">
        <v>60</v>
      </c>
      <c r="B78" s="22">
        <v>2</v>
      </c>
      <c r="C78" s="14">
        <v>5</v>
      </c>
      <c r="D78" s="18">
        <v>7</v>
      </c>
    </row>
    <row r="79" spans="1:4" ht="18" customHeight="1" x14ac:dyDescent="0.15">
      <c r="A79" s="5">
        <v>61</v>
      </c>
      <c r="B79" s="22">
        <v>3</v>
      </c>
      <c r="C79" s="14">
        <v>2</v>
      </c>
      <c r="D79" s="18">
        <v>5</v>
      </c>
    </row>
    <row r="80" spans="1:4" ht="18" customHeight="1" x14ac:dyDescent="0.15">
      <c r="A80" s="5">
        <v>62</v>
      </c>
      <c r="B80" s="22">
        <v>1</v>
      </c>
      <c r="C80" s="14">
        <v>9</v>
      </c>
      <c r="D80" s="18">
        <v>10</v>
      </c>
    </row>
    <row r="81" spans="1:4" ht="18" customHeight="1" x14ac:dyDescent="0.15">
      <c r="A81" s="5">
        <v>63</v>
      </c>
      <c r="B81" s="22">
        <v>5</v>
      </c>
      <c r="C81" s="14">
        <v>2</v>
      </c>
      <c r="D81" s="18">
        <v>7</v>
      </c>
    </row>
    <row r="82" spans="1:4" ht="18" customHeight="1" x14ac:dyDescent="0.15">
      <c r="A82" s="5">
        <v>64</v>
      </c>
      <c r="B82" s="22">
        <v>7</v>
      </c>
      <c r="C82" s="14">
        <v>7</v>
      </c>
      <c r="D82" s="18">
        <v>14</v>
      </c>
    </row>
    <row r="83" spans="1:4" ht="18" customHeight="1" x14ac:dyDescent="0.15">
      <c r="A83" s="5" t="s">
        <v>28</v>
      </c>
      <c r="B83" s="22">
        <v>18</v>
      </c>
      <c r="C83" s="14">
        <v>25</v>
      </c>
      <c r="D83" s="18">
        <v>43</v>
      </c>
    </row>
    <row r="84" spans="1:4" ht="18" customHeight="1" x14ac:dyDescent="0.15">
      <c r="A84" s="5" t="s">
        <v>31</v>
      </c>
      <c r="B84" s="22">
        <v>156</v>
      </c>
      <c r="C84" s="14">
        <v>153</v>
      </c>
      <c r="D84" s="18">
        <v>309</v>
      </c>
    </row>
    <row r="85" spans="1:4" ht="18" customHeight="1" x14ac:dyDescent="0.15">
      <c r="A85" s="5">
        <v>65</v>
      </c>
      <c r="B85" s="22">
        <v>2</v>
      </c>
      <c r="C85" s="14">
        <v>3</v>
      </c>
      <c r="D85" s="18">
        <v>5</v>
      </c>
    </row>
    <row r="86" spans="1:4" ht="18" customHeight="1" x14ac:dyDescent="0.15">
      <c r="A86" s="5">
        <v>66</v>
      </c>
      <c r="B86" s="22">
        <v>6</v>
      </c>
      <c r="C86" s="14">
        <v>7</v>
      </c>
      <c r="D86" s="18">
        <v>13</v>
      </c>
    </row>
    <row r="87" spans="1:4" ht="18" customHeight="1" x14ac:dyDescent="0.15">
      <c r="A87" s="5">
        <v>67</v>
      </c>
      <c r="B87" s="22">
        <v>5</v>
      </c>
      <c r="C87" s="14">
        <v>7</v>
      </c>
      <c r="D87" s="18">
        <v>12</v>
      </c>
    </row>
    <row r="88" spans="1:4" ht="18" customHeight="1" x14ac:dyDescent="0.15">
      <c r="A88" s="5">
        <v>68</v>
      </c>
      <c r="B88" s="22">
        <v>5</v>
      </c>
      <c r="C88" s="14">
        <v>5</v>
      </c>
      <c r="D88" s="18">
        <v>10</v>
      </c>
    </row>
    <row r="89" spans="1:4" ht="18" customHeight="1" x14ac:dyDescent="0.15">
      <c r="A89" s="5">
        <v>69</v>
      </c>
      <c r="B89" s="22">
        <v>9</v>
      </c>
      <c r="C89" s="14">
        <v>6</v>
      </c>
      <c r="D89" s="18">
        <v>15</v>
      </c>
    </row>
    <row r="90" spans="1:4" ht="18" customHeight="1" x14ac:dyDescent="0.15">
      <c r="A90" s="5" t="s">
        <v>20</v>
      </c>
      <c r="B90" s="22">
        <v>27</v>
      </c>
      <c r="C90" s="14">
        <v>28</v>
      </c>
      <c r="D90" s="18">
        <v>55</v>
      </c>
    </row>
    <row r="91" spans="1:4" ht="18" customHeight="1" x14ac:dyDescent="0.15">
      <c r="A91" s="5">
        <v>70</v>
      </c>
      <c r="B91" s="22">
        <v>10</v>
      </c>
      <c r="C91" s="14">
        <v>10</v>
      </c>
      <c r="D91" s="18">
        <v>20</v>
      </c>
    </row>
    <row r="92" spans="1:4" ht="18" customHeight="1" x14ac:dyDescent="0.15">
      <c r="A92" s="5">
        <v>71</v>
      </c>
      <c r="B92" s="22">
        <v>8</v>
      </c>
      <c r="C92" s="14">
        <v>6</v>
      </c>
      <c r="D92" s="18">
        <v>14</v>
      </c>
    </row>
    <row r="93" spans="1:4" ht="18" customHeight="1" x14ac:dyDescent="0.15">
      <c r="A93" s="5">
        <v>72</v>
      </c>
      <c r="B93" s="22">
        <v>9</v>
      </c>
      <c r="C93" s="14">
        <v>13</v>
      </c>
      <c r="D93" s="18">
        <v>22</v>
      </c>
    </row>
    <row r="94" spans="1:4" ht="18" customHeight="1" x14ac:dyDescent="0.15">
      <c r="A94" s="5">
        <v>73</v>
      </c>
      <c r="B94" s="22">
        <v>10</v>
      </c>
      <c r="C94" s="14">
        <v>6</v>
      </c>
      <c r="D94" s="18">
        <v>16</v>
      </c>
    </row>
    <row r="95" spans="1:4" ht="18" customHeight="1" x14ac:dyDescent="0.15">
      <c r="A95" s="5">
        <v>74</v>
      </c>
      <c r="B95" s="22">
        <v>5</v>
      </c>
      <c r="C95" s="14">
        <v>4</v>
      </c>
      <c r="D95" s="18">
        <v>9</v>
      </c>
    </row>
    <row r="96" spans="1:4" ht="18" customHeight="1" x14ac:dyDescent="0.15">
      <c r="A96" s="5" t="s">
        <v>33</v>
      </c>
      <c r="B96" s="22">
        <v>42</v>
      </c>
      <c r="C96" s="14">
        <v>39</v>
      </c>
      <c r="D96" s="18">
        <v>81</v>
      </c>
    </row>
    <row r="97" spans="1:4" ht="18" customHeight="1" x14ac:dyDescent="0.15">
      <c r="A97" s="5">
        <v>75</v>
      </c>
      <c r="B97" s="22">
        <v>3</v>
      </c>
      <c r="C97" s="14">
        <v>9</v>
      </c>
      <c r="D97" s="18">
        <v>12</v>
      </c>
    </row>
    <row r="98" spans="1:4" ht="18" customHeight="1" x14ac:dyDescent="0.15">
      <c r="A98" s="5">
        <v>76</v>
      </c>
      <c r="B98" s="22">
        <v>9</v>
      </c>
      <c r="C98" s="14">
        <v>8</v>
      </c>
      <c r="D98" s="18">
        <v>17</v>
      </c>
    </row>
    <row r="99" spans="1:4" ht="18" customHeight="1" x14ac:dyDescent="0.15">
      <c r="A99" s="5">
        <v>77</v>
      </c>
      <c r="B99" s="22">
        <v>6</v>
      </c>
      <c r="C99" s="14">
        <v>8</v>
      </c>
      <c r="D99" s="18">
        <v>14</v>
      </c>
    </row>
    <row r="100" spans="1:4" ht="18" customHeight="1" x14ac:dyDescent="0.15">
      <c r="A100" s="5">
        <v>78</v>
      </c>
      <c r="B100" s="22">
        <v>8</v>
      </c>
      <c r="C100" s="14">
        <v>12</v>
      </c>
      <c r="D100" s="18">
        <v>20</v>
      </c>
    </row>
    <row r="101" spans="1:4" ht="18" customHeight="1" x14ac:dyDescent="0.15">
      <c r="A101" s="5">
        <v>79</v>
      </c>
      <c r="B101" s="22">
        <v>9</v>
      </c>
      <c r="C101" s="14">
        <v>4</v>
      </c>
      <c r="D101" s="18">
        <v>13</v>
      </c>
    </row>
    <row r="102" spans="1:4" ht="18" customHeight="1" x14ac:dyDescent="0.15">
      <c r="A102" s="5" t="s">
        <v>0</v>
      </c>
      <c r="B102" s="22">
        <v>35</v>
      </c>
      <c r="C102" s="14">
        <v>41</v>
      </c>
      <c r="D102" s="18">
        <v>76</v>
      </c>
    </row>
    <row r="103" spans="1:4" ht="18" customHeight="1" x14ac:dyDescent="0.15">
      <c r="A103" s="5">
        <v>80</v>
      </c>
      <c r="B103" s="22">
        <v>3</v>
      </c>
      <c r="C103" s="14">
        <v>5</v>
      </c>
      <c r="D103" s="18">
        <v>8</v>
      </c>
    </row>
    <row r="104" spans="1:4" ht="18" customHeight="1" x14ac:dyDescent="0.15">
      <c r="A104" s="5">
        <v>81</v>
      </c>
      <c r="B104" s="22">
        <v>5</v>
      </c>
      <c r="C104" s="14">
        <v>7</v>
      </c>
      <c r="D104" s="18">
        <v>12</v>
      </c>
    </row>
    <row r="105" spans="1:4" ht="18" customHeight="1" x14ac:dyDescent="0.15">
      <c r="A105" s="5">
        <v>82</v>
      </c>
      <c r="B105" s="22">
        <v>7</v>
      </c>
      <c r="C105" s="14">
        <v>3</v>
      </c>
      <c r="D105" s="18">
        <v>10</v>
      </c>
    </row>
    <row r="106" spans="1:4" ht="18" customHeight="1" x14ac:dyDescent="0.15">
      <c r="A106" s="5">
        <v>83</v>
      </c>
      <c r="B106" s="22">
        <v>6</v>
      </c>
      <c r="C106" s="14">
        <v>2</v>
      </c>
      <c r="D106" s="18">
        <v>8</v>
      </c>
    </row>
    <row r="107" spans="1:4" ht="18" customHeight="1" x14ac:dyDescent="0.15">
      <c r="A107" s="5">
        <v>84</v>
      </c>
      <c r="B107" s="22">
        <v>2</v>
      </c>
      <c r="C107" s="14">
        <v>8</v>
      </c>
      <c r="D107" s="18">
        <v>10</v>
      </c>
    </row>
    <row r="108" spans="1:4" ht="18" customHeight="1" x14ac:dyDescent="0.15">
      <c r="A108" s="5" t="s">
        <v>35</v>
      </c>
      <c r="B108" s="22">
        <v>23</v>
      </c>
      <c r="C108" s="14">
        <v>25</v>
      </c>
      <c r="D108" s="18">
        <v>48</v>
      </c>
    </row>
    <row r="109" spans="1:4" ht="18" customHeight="1" x14ac:dyDescent="0.15">
      <c r="A109" s="5">
        <v>85</v>
      </c>
      <c r="B109" s="22">
        <v>4</v>
      </c>
      <c r="C109" s="14">
        <v>1</v>
      </c>
      <c r="D109" s="18">
        <v>5</v>
      </c>
    </row>
    <row r="110" spans="1:4" ht="18" customHeight="1" x14ac:dyDescent="0.15">
      <c r="A110" s="5">
        <v>86</v>
      </c>
      <c r="B110" s="22">
        <v>0</v>
      </c>
      <c r="C110" s="14">
        <v>5</v>
      </c>
      <c r="D110" s="18">
        <v>5</v>
      </c>
    </row>
    <row r="111" spans="1:4" ht="18" customHeight="1" x14ac:dyDescent="0.15">
      <c r="A111" s="5">
        <v>87</v>
      </c>
      <c r="B111" s="22">
        <v>2</v>
      </c>
      <c r="C111" s="14">
        <v>6</v>
      </c>
      <c r="D111" s="18">
        <v>8</v>
      </c>
    </row>
    <row r="112" spans="1:4" ht="18" customHeight="1" x14ac:dyDescent="0.15">
      <c r="A112" s="5">
        <v>88</v>
      </c>
      <c r="B112" s="22">
        <v>1</v>
      </c>
      <c r="C112" s="14">
        <v>4</v>
      </c>
      <c r="D112" s="18">
        <v>5</v>
      </c>
    </row>
    <row r="113" spans="1:4" ht="18" customHeight="1" x14ac:dyDescent="0.15">
      <c r="A113" s="5">
        <v>89</v>
      </c>
      <c r="B113" s="22">
        <v>1</v>
      </c>
      <c r="C113" s="14">
        <v>9</v>
      </c>
      <c r="D113" s="18">
        <v>10</v>
      </c>
    </row>
    <row r="114" spans="1:4" ht="18" customHeight="1" x14ac:dyDescent="0.15">
      <c r="A114" s="5" t="s">
        <v>37</v>
      </c>
      <c r="B114" s="22">
        <v>8</v>
      </c>
      <c r="C114" s="14">
        <v>25</v>
      </c>
      <c r="D114" s="18">
        <v>33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4</v>
      </c>
      <c r="C116" s="14">
        <v>3</v>
      </c>
      <c r="D116" s="18">
        <v>7</v>
      </c>
    </row>
    <row r="117" spans="1:4" ht="18" customHeight="1" x14ac:dyDescent="0.15">
      <c r="A117" s="5">
        <v>92</v>
      </c>
      <c r="B117" s="22">
        <v>1</v>
      </c>
      <c r="C117" s="14">
        <v>3</v>
      </c>
      <c r="D117" s="18">
        <v>4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5</v>
      </c>
      <c r="D119" s="18">
        <v>7</v>
      </c>
    </row>
    <row r="120" spans="1:4" ht="18" customHeight="1" x14ac:dyDescent="0.15">
      <c r="A120" s="5" t="s">
        <v>39</v>
      </c>
      <c r="B120" s="22">
        <v>9</v>
      </c>
      <c r="C120" s="14">
        <v>17</v>
      </c>
      <c r="D120" s="18">
        <v>26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2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44</v>
      </c>
      <c r="C130" s="14">
        <v>191</v>
      </c>
      <c r="D130" s="18">
        <v>335</v>
      </c>
    </row>
    <row r="131" spans="1:4" ht="18" customHeight="1" x14ac:dyDescent="0.15">
      <c r="A131" s="7" t="s">
        <v>45</v>
      </c>
      <c r="B131" s="23">
        <v>319</v>
      </c>
      <c r="C131" s="15">
        <v>371</v>
      </c>
      <c r="D131" s="19">
        <v>6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1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2</v>
      </c>
      <c r="D16" s="18">
        <v>2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2</v>
      </c>
      <c r="D23" s="18">
        <v>5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3</v>
      </c>
      <c r="C26" s="14">
        <v>1</v>
      </c>
      <c r="D26" s="18">
        <v>4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4</v>
      </c>
      <c r="D29" s="18">
        <v>7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1</v>
      </c>
      <c r="C33" s="14">
        <v>0</v>
      </c>
      <c r="D33" s="18">
        <v>1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6</v>
      </c>
      <c r="C35" s="14">
        <v>4</v>
      </c>
      <c r="D35" s="18">
        <v>10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4</v>
      </c>
      <c r="C39" s="14">
        <v>0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3</v>
      </c>
      <c r="C41" s="14">
        <v>5</v>
      </c>
      <c r="D41" s="18">
        <v>18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1</v>
      </c>
      <c r="D46" s="18">
        <v>3</v>
      </c>
    </row>
    <row r="47" spans="1:4" ht="18" customHeight="1" x14ac:dyDescent="0.15">
      <c r="A47" s="5" t="s">
        <v>15</v>
      </c>
      <c r="B47" s="22">
        <v>11</v>
      </c>
      <c r="C47" s="14">
        <v>4</v>
      </c>
      <c r="D47" s="18">
        <v>15</v>
      </c>
    </row>
    <row r="48" spans="1:4" ht="18" customHeight="1" x14ac:dyDescent="0.15">
      <c r="A48" s="5">
        <v>35</v>
      </c>
      <c r="B48" s="22">
        <v>3</v>
      </c>
      <c r="C48" s="14">
        <v>0</v>
      </c>
      <c r="D48" s="18">
        <v>3</v>
      </c>
    </row>
    <row r="49" spans="1:4" ht="18" customHeight="1" x14ac:dyDescent="0.15">
      <c r="A49" s="5">
        <v>36</v>
      </c>
      <c r="B49" s="22">
        <v>2</v>
      </c>
      <c r="C49" s="14">
        <v>3</v>
      </c>
      <c r="D49" s="18">
        <v>5</v>
      </c>
    </row>
    <row r="50" spans="1:4" ht="18" customHeight="1" x14ac:dyDescent="0.15">
      <c r="A50" s="5">
        <v>37</v>
      </c>
      <c r="B50" s="22">
        <v>1</v>
      </c>
      <c r="C50" s="14">
        <v>4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3</v>
      </c>
      <c r="C52" s="14">
        <v>1</v>
      </c>
      <c r="D52" s="18">
        <v>4</v>
      </c>
    </row>
    <row r="53" spans="1:4" ht="18" customHeight="1" x14ac:dyDescent="0.15">
      <c r="A53" s="5" t="s">
        <v>18</v>
      </c>
      <c r="B53" s="22">
        <v>11</v>
      </c>
      <c r="C53" s="14">
        <v>8</v>
      </c>
      <c r="D53" s="18">
        <v>19</v>
      </c>
    </row>
    <row r="54" spans="1:4" ht="18" customHeight="1" x14ac:dyDescent="0.15">
      <c r="A54" s="5">
        <v>40</v>
      </c>
      <c r="B54" s="22">
        <v>2</v>
      </c>
      <c r="C54" s="14">
        <v>1</v>
      </c>
      <c r="D54" s="18">
        <v>3</v>
      </c>
    </row>
    <row r="55" spans="1:4" ht="18" customHeight="1" x14ac:dyDescent="0.15">
      <c r="A55" s="5">
        <v>41</v>
      </c>
      <c r="B55" s="22">
        <v>1</v>
      </c>
      <c r="C55" s="14">
        <v>1</v>
      </c>
      <c r="D55" s="18">
        <v>2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0</v>
      </c>
      <c r="C57" s="14">
        <v>1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5</v>
      </c>
      <c r="C59" s="14">
        <v>3</v>
      </c>
      <c r="D59" s="18">
        <v>8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2</v>
      </c>
      <c r="C61" s="14">
        <v>2</v>
      </c>
      <c r="D61" s="18">
        <v>4</v>
      </c>
    </row>
    <row r="62" spans="1:4" ht="18" customHeight="1" x14ac:dyDescent="0.15">
      <c r="A62" s="5">
        <v>47</v>
      </c>
      <c r="B62" s="22">
        <v>1</v>
      </c>
      <c r="C62" s="14">
        <v>3</v>
      </c>
      <c r="D62" s="18">
        <v>4</v>
      </c>
    </row>
    <row r="63" spans="1:4" ht="18" customHeight="1" x14ac:dyDescent="0.15">
      <c r="A63" s="5">
        <v>48</v>
      </c>
      <c r="B63" s="22">
        <v>1</v>
      </c>
      <c r="C63" s="14">
        <v>0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1</v>
      </c>
      <c r="D64" s="18">
        <v>2</v>
      </c>
    </row>
    <row r="65" spans="1:4" ht="18" customHeight="1" x14ac:dyDescent="0.15">
      <c r="A65" s="5" t="s">
        <v>17</v>
      </c>
      <c r="B65" s="22">
        <v>6</v>
      </c>
      <c r="C65" s="14">
        <v>7</v>
      </c>
      <c r="D65" s="18">
        <v>13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4</v>
      </c>
      <c r="C67" s="14">
        <v>2</v>
      </c>
      <c r="D67" s="18">
        <v>6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3</v>
      </c>
      <c r="C69" s="14">
        <v>2</v>
      </c>
      <c r="D69" s="18">
        <v>5</v>
      </c>
    </row>
    <row r="70" spans="1:4" ht="18" customHeight="1" x14ac:dyDescent="0.15">
      <c r="A70" s="5">
        <v>54</v>
      </c>
      <c r="B70" s="22">
        <v>0</v>
      </c>
      <c r="C70" s="14">
        <v>3</v>
      </c>
      <c r="D70" s="18">
        <v>3</v>
      </c>
    </row>
    <row r="71" spans="1:4" ht="18" customHeight="1" x14ac:dyDescent="0.15">
      <c r="A71" s="5" t="s">
        <v>22</v>
      </c>
      <c r="B71" s="22">
        <v>9</v>
      </c>
      <c r="C71" s="14">
        <v>9</v>
      </c>
      <c r="D71" s="18">
        <v>18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4</v>
      </c>
      <c r="C73" s="14">
        <v>0</v>
      </c>
      <c r="D73" s="18">
        <v>4</v>
      </c>
    </row>
    <row r="74" spans="1:4" ht="18" customHeight="1" x14ac:dyDescent="0.15">
      <c r="A74" s="5">
        <v>57</v>
      </c>
      <c r="B74" s="22">
        <v>2</v>
      </c>
      <c r="C74" s="14">
        <v>2</v>
      </c>
      <c r="D74" s="18">
        <v>4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4</v>
      </c>
      <c r="C76" s="14">
        <v>6</v>
      </c>
      <c r="D76" s="18">
        <v>10</v>
      </c>
    </row>
    <row r="77" spans="1:4" ht="18" customHeight="1" x14ac:dyDescent="0.15">
      <c r="A77" s="5" t="s">
        <v>27</v>
      </c>
      <c r="B77" s="22">
        <v>15</v>
      </c>
      <c r="C77" s="14">
        <v>12</v>
      </c>
      <c r="D77" s="18">
        <v>27</v>
      </c>
    </row>
    <row r="78" spans="1:4" ht="18" customHeight="1" x14ac:dyDescent="0.15">
      <c r="A78" s="5">
        <v>60</v>
      </c>
      <c r="B78" s="22">
        <v>0</v>
      </c>
      <c r="C78" s="14">
        <v>3</v>
      </c>
      <c r="D78" s="18">
        <v>3</v>
      </c>
    </row>
    <row r="79" spans="1:4" ht="18" customHeight="1" x14ac:dyDescent="0.15">
      <c r="A79" s="5">
        <v>61</v>
      </c>
      <c r="B79" s="22">
        <v>7</v>
      </c>
      <c r="C79" s="14">
        <v>4</v>
      </c>
      <c r="D79" s="18">
        <v>11</v>
      </c>
    </row>
    <row r="80" spans="1:4" ht="18" customHeight="1" x14ac:dyDescent="0.15">
      <c r="A80" s="5">
        <v>62</v>
      </c>
      <c r="B80" s="22">
        <v>3</v>
      </c>
      <c r="C80" s="14">
        <v>0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5</v>
      </c>
      <c r="D81" s="18">
        <v>5</v>
      </c>
    </row>
    <row r="82" spans="1:4" ht="18" customHeight="1" x14ac:dyDescent="0.15">
      <c r="A82" s="5">
        <v>64</v>
      </c>
      <c r="B82" s="22">
        <v>0</v>
      </c>
      <c r="C82" s="14">
        <v>3</v>
      </c>
      <c r="D82" s="18">
        <v>3</v>
      </c>
    </row>
    <row r="83" spans="1:4" ht="18" customHeight="1" x14ac:dyDescent="0.15">
      <c r="A83" s="5" t="s">
        <v>28</v>
      </c>
      <c r="B83" s="22">
        <v>10</v>
      </c>
      <c r="C83" s="14">
        <v>15</v>
      </c>
      <c r="D83" s="18">
        <v>25</v>
      </c>
    </row>
    <row r="84" spans="1:4" ht="18" customHeight="1" x14ac:dyDescent="0.15">
      <c r="A84" s="5" t="s">
        <v>31</v>
      </c>
      <c r="B84" s="22">
        <v>89</v>
      </c>
      <c r="C84" s="14">
        <v>71</v>
      </c>
      <c r="D84" s="18">
        <v>160</v>
      </c>
    </row>
    <row r="85" spans="1:4" ht="18" customHeight="1" x14ac:dyDescent="0.15">
      <c r="A85" s="5">
        <v>65</v>
      </c>
      <c r="B85" s="22">
        <v>1</v>
      </c>
      <c r="C85" s="14">
        <v>4</v>
      </c>
      <c r="D85" s="18">
        <v>5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5</v>
      </c>
      <c r="C88" s="14">
        <v>1</v>
      </c>
      <c r="D88" s="18">
        <v>6</v>
      </c>
    </row>
    <row r="89" spans="1:4" ht="18" customHeight="1" x14ac:dyDescent="0.15">
      <c r="A89" s="5">
        <v>69</v>
      </c>
      <c r="B89" s="22">
        <v>2</v>
      </c>
      <c r="C89" s="14">
        <v>2</v>
      </c>
      <c r="D89" s="18">
        <v>4</v>
      </c>
    </row>
    <row r="90" spans="1:4" ht="18" customHeight="1" x14ac:dyDescent="0.15">
      <c r="A90" s="5" t="s">
        <v>20</v>
      </c>
      <c r="B90" s="22">
        <v>15</v>
      </c>
      <c r="C90" s="14">
        <v>12</v>
      </c>
      <c r="D90" s="18">
        <v>27</v>
      </c>
    </row>
    <row r="91" spans="1:4" ht="18" customHeight="1" x14ac:dyDescent="0.15">
      <c r="A91" s="5">
        <v>70</v>
      </c>
      <c r="B91" s="22">
        <v>5</v>
      </c>
      <c r="C91" s="14">
        <v>5</v>
      </c>
      <c r="D91" s="18">
        <v>10</v>
      </c>
    </row>
    <row r="92" spans="1:4" ht="18" customHeight="1" x14ac:dyDescent="0.15">
      <c r="A92" s="5">
        <v>71</v>
      </c>
      <c r="B92" s="22">
        <v>4</v>
      </c>
      <c r="C92" s="14">
        <v>1</v>
      </c>
      <c r="D92" s="18">
        <v>5</v>
      </c>
    </row>
    <row r="93" spans="1:4" ht="18" customHeight="1" x14ac:dyDescent="0.15">
      <c r="A93" s="5">
        <v>72</v>
      </c>
      <c r="B93" s="22">
        <v>4</v>
      </c>
      <c r="C93" s="14">
        <v>5</v>
      </c>
      <c r="D93" s="18">
        <v>9</v>
      </c>
    </row>
    <row r="94" spans="1:4" ht="18" customHeight="1" x14ac:dyDescent="0.15">
      <c r="A94" s="5">
        <v>73</v>
      </c>
      <c r="B94" s="22">
        <v>2</v>
      </c>
      <c r="C94" s="14">
        <v>4</v>
      </c>
      <c r="D94" s="18">
        <v>6</v>
      </c>
    </row>
    <row r="95" spans="1:4" ht="18" customHeight="1" x14ac:dyDescent="0.15">
      <c r="A95" s="5">
        <v>74</v>
      </c>
      <c r="B95" s="22">
        <v>6</v>
      </c>
      <c r="C95" s="14">
        <v>1</v>
      </c>
      <c r="D95" s="18">
        <v>7</v>
      </c>
    </row>
    <row r="96" spans="1:4" ht="18" customHeight="1" x14ac:dyDescent="0.15">
      <c r="A96" s="5" t="s">
        <v>33</v>
      </c>
      <c r="B96" s="22">
        <v>21</v>
      </c>
      <c r="C96" s="14">
        <v>16</v>
      </c>
      <c r="D96" s="18">
        <v>37</v>
      </c>
    </row>
    <row r="97" spans="1:4" ht="18" customHeight="1" x14ac:dyDescent="0.15">
      <c r="A97" s="5">
        <v>75</v>
      </c>
      <c r="B97" s="22">
        <v>4</v>
      </c>
      <c r="C97" s="14">
        <v>7</v>
      </c>
      <c r="D97" s="18">
        <v>11</v>
      </c>
    </row>
    <row r="98" spans="1:4" ht="18" customHeight="1" x14ac:dyDescent="0.15">
      <c r="A98" s="5">
        <v>76</v>
      </c>
      <c r="B98" s="22">
        <v>6</v>
      </c>
      <c r="C98" s="14">
        <v>6</v>
      </c>
      <c r="D98" s="18">
        <v>12</v>
      </c>
    </row>
    <row r="99" spans="1:4" ht="18" customHeight="1" x14ac:dyDescent="0.15">
      <c r="A99" s="5">
        <v>77</v>
      </c>
      <c r="B99" s="22">
        <v>6</v>
      </c>
      <c r="C99" s="14">
        <v>2</v>
      </c>
      <c r="D99" s="18">
        <v>8</v>
      </c>
    </row>
    <row r="100" spans="1:4" ht="18" customHeight="1" x14ac:dyDescent="0.15">
      <c r="A100" s="5">
        <v>78</v>
      </c>
      <c r="B100" s="22">
        <v>6</v>
      </c>
      <c r="C100" s="14">
        <v>3</v>
      </c>
      <c r="D100" s="18">
        <v>9</v>
      </c>
    </row>
    <row r="101" spans="1:4" ht="18" customHeight="1" x14ac:dyDescent="0.15">
      <c r="A101" s="5">
        <v>79</v>
      </c>
      <c r="B101" s="22">
        <v>3</v>
      </c>
      <c r="C101" s="14">
        <v>3</v>
      </c>
      <c r="D101" s="18">
        <v>6</v>
      </c>
    </row>
    <row r="102" spans="1:4" ht="18" customHeight="1" x14ac:dyDescent="0.15">
      <c r="A102" s="5" t="s">
        <v>0</v>
      </c>
      <c r="B102" s="22">
        <v>25</v>
      </c>
      <c r="C102" s="14">
        <v>21</v>
      </c>
      <c r="D102" s="18">
        <v>46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8</v>
      </c>
      <c r="D104" s="18">
        <v>8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2</v>
      </c>
      <c r="C106" s="14">
        <v>1</v>
      </c>
      <c r="D106" s="18">
        <v>3</v>
      </c>
    </row>
    <row r="107" spans="1:4" ht="18" customHeight="1" x14ac:dyDescent="0.15">
      <c r="A107" s="5">
        <v>84</v>
      </c>
      <c r="B107" s="22">
        <v>1</v>
      </c>
      <c r="C107" s="14">
        <v>0</v>
      </c>
      <c r="D107" s="18">
        <v>1</v>
      </c>
    </row>
    <row r="108" spans="1:4" ht="18" customHeight="1" x14ac:dyDescent="0.15">
      <c r="A108" s="5" t="s">
        <v>35</v>
      </c>
      <c r="B108" s="22">
        <v>3</v>
      </c>
      <c r="C108" s="14">
        <v>12</v>
      </c>
      <c r="D108" s="18">
        <v>15</v>
      </c>
    </row>
    <row r="109" spans="1:4" ht="18" customHeight="1" x14ac:dyDescent="0.15">
      <c r="A109" s="5">
        <v>85</v>
      </c>
      <c r="B109" s="22">
        <v>1</v>
      </c>
      <c r="C109" s="14">
        <v>0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2</v>
      </c>
      <c r="D110" s="18">
        <v>2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2</v>
      </c>
      <c r="C113" s="14">
        <v>3</v>
      </c>
      <c r="D113" s="18">
        <v>5</v>
      </c>
    </row>
    <row r="114" spans="1:4" ht="18" customHeight="1" x14ac:dyDescent="0.15">
      <c r="A114" s="5" t="s">
        <v>37</v>
      </c>
      <c r="B114" s="22">
        <v>8</v>
      </c>
      <c r="C114" s="14">
        <v>15</v>
      </c>
      <c r="D114" s="18">
        <v>23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1</v>
      </c>
      <c r="C117" s="14">
        <v>2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1</v>
      </c>
      <c r="C120" s="14">
        <v>14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3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75</v>
      </c>
      <c r="C130" s="14">
        <v>95</v>
      </c>
      <c r="D130" s="18">
        <v>170</v>
      </c>
    </row>
    <row r="131" spans="1:4" ht="18" customHeight="1" x14ac:dyDescent="0.15">
      <c r="A131" s="7" t="s">
        <v>45</v>
      </c>
      <c r="B131" s="23">
        <v>167</v>
      </c>
      <c r="C131" s="15">
        <v>168</v>
      </c>
      <c r="D131" s="19">
        <v>3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1</v>
      </c>
      <c r="D6" s="18">
        <v>2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4</v>
      </c>
      <c r="C8" s="14">
        <v>1</v>
      </c>
      <c r="D8" s="18">
        <v>5</v>
      </c>
    </row>
    <row r="9" spans="1:4" ht="18" customHeight="1" x14ac:dyDescent="0.15">
      <c r="A9" s="5">
        <v>4</v>
      </c>
      <c r="B9" s="28">
        <v>3</v>
      </c>
      <c r="C9" s="30">
        <v>1</v>
      </c>
      <c r="D9" s="32">
        <v>4</v>
      </c>
    </row>
    <row r="10" spans="1:4" ht="18" customHeight="1" x14ac:dyDescent="0.15">
      <c r="A10" s="5" t="s">
        <v>7</v>
      </c>
      <c r="B10" s="22">
        <v>11</v>
      </c>
      <c r="C10" s="14">
        <v>4</v>
      </c>
      <c r="D10" s="18">
        <v>1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3</v>
      </c>
      <c r="D13" s="18">
        <v>5</v>
      </c>
    </row>
    <row r="14" spans="1:4" ht="18" customHeight="1" x14ac:dyDescent="0.15">
      <c r="A14" s="5">
        <v>8</v>
      </c>
      <c r="B14" s="27">
        <v>3</v>
      </c>
      <c r="C14" s="14">
        <v>1</v>
      </c>
      <c r="D14" s="18">
        <v>4</v>
      </c>
    </row>
    <row r="15" spans="1:4" ht="18" customHeight="1" x14ac:dyDescent="0.15">
      <c r="A15" s="5">
        <v>9</v>
      </c>
      <c r="B15" s="27">
        <v>3</v>
      </c>
      <c r="C15" s="14">
        <v>2</v>
      </c>
      <c r="D15" s="18">
        <v>5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4</v>
      </c>
      <c r="C17" s="14">
        <v>5</v>
      </c>
      <c r="D17" s="18">
        <v>9</v>
      </c>
    </row>
    <row r="18" spans="1:4" ht="18" customHeight="1" x14ac:dyDescent="0.15">
      <c r="A18" s="5">
        <v>11</v>
      </c>
      <c r="B18" s="22">
        <v>4</v>
      </c>
      <c r="C18" s="14">
        <v>10</v>
      </c>
      <c r="D18" s="18">
        <v>14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7</v>
      </c>
      <c r="C20" s="14">
        <v>3</v>
      </c>
      <c r="D20" s="18">
        <v>10</v>
      </c>
    </row>
    <row r="21" spans="1:4" ht="18" customHeight="1" x14ac:dyDescent="0.15">
      <c r="A21" s="5">
        <v>14</v>
      </c>
      <c r="B21" s="22">
        <v>2</v>
      </c>
      <c r="C21" s="14">
        <v>3</v>
      </c>
      <c r="D21" s="18">
        <v>5</v>
      </c>
    </row>
    <row r="22" spans="1:4" ht="18" customHeight="1" x14ac:dyDescent="0.15">
      <c r="A22" s="5" t="s">
        <v>12</v>
      </c>
      <c r="B22" s="22">
        <v>19</v>
      </c>
      <c r="C22" s="14">
        <v>26</v>
      </c>
      <c r="D22" s="18">
        <v>45</v>
      </c>
    </row>
    <row r="23" spans="1:4" ht="18" customHeight="1" x14ac:dyDescent="0.15">
      <c r="A23" s="5" t="s">
        <v>6</v>
      </c>
      <c r="B23" s="22">
        <v>41</v>
      </c>
      <c r="C23" s="14">
        <v>37</v>
      </c>
      <c r="D23" s="18">
        <v>78</v>
      </c>
    </row>
    <row r="24" spans="1:4" ht="18" customHeight="1" x14ac:dyDescent="0.15">
      <c r="A24" s="5">
        <v>15</v>
      </c>
      <c r="B24" s="22">
        <v>2</v>
      </c>
      <c r="C24" s="14">
        <v>6</v>
      </c>
      <c r="D24" s="18">
        <v>8</v>
      </c>
    </row>
    <row r="25" spans="1:4" ht="18" customHeight="1" x14ac:dyDescent="0.15">
      <c r="A25" s="5">
        <v>16</v>
      </c>
      <c r="B25" s="22">
        <v>4</v>
      </c>
      <c r="C25" s="14">
        <v>5</v>
      </c>
      <c r="D25" s="18">
        <v>9</v>
      </c>
    </row>
    <row r="26" spans="1:4" ht="18" customHeight="1" x14ac:dyDescent="0.15">
      <c r="A26" s="5">
        <v>17</v>
      </c>
      <c r="B26" s="22">
        <v>5</v>
      </c>
      <c r="C26" s="14">
        <v>7</v>
      </c>
      <c r="D26" s="18">
        <v>12</v>
      </c>
    </row>
    <row r="27" spans="1:4" ht="18" customHeight="1" x14ac:dyDescent="0.15">
      <c r="A27" s="5">
        <v>18</v>
      </c>
      <c r="B27" s="22">
        <v>4</v>
      </c>
      <c r="C27" s="14">
        <v>6</v>
      </c>
      <c r="D27" s="18">
        <v>10</v>
      </c>
    </row>
    <row r="28" spans="1:4" ht="18" customHeight="1" x14ac:dyDescent="0.15">
      <c r="A28" s="5">
        <v>19</v>
      </c>
      <c r="B28" s="22">
        <v>6</v>
      </c>
      <c r="C28" s="14">
        <v>3</v>
      </c>
      <c r="D28" s="18">
        <v>9</v>
      </c>
    </row>
    <row r="29" spans="1:4" ht="18" customHeight="1" x14ac:dyDescent="0.15">
      <c r="A29" s="5" t="s">
        <v>14</v>
      </c>
      <c r="B29" s="22">
        <v>21</v>
      </c>
      <c r="C29" s="14">
        <v>27</v>
      </c>
      <c r="D29" s="18">
        <v>48</v>
      </c>
    </row>
    <row r="30" spans="1:4" ht="18" customHeight="1" x14ac:dyDescent="0.15">
      <c r="A30" s="5">
        <v>20</v>
      </c>
      <c r="B30" s="22">
        <v>4</v>
      </c>
      <c r="C30" s="14">
        <v>3</v>
      </c>
      <c r="D30" s="18">
        <v>7</v>
      </c>
    </row>
    <row r="31" spans="1:4" ht="18" customHeight="1" x14ac:dyDescent="0.15">
      <c r="A31" s="5">
        <v>21</v>
      </c>
      <c r="B31" s="22">
        <v>7</v>
      </c>
      <c r="C31" s="14">
        <v>6</v>
      </c>
      <c r="D31" s="18">
        <v>13</v>
      </c>
    </row>
    <row r="32" spans="1:4" ht="18" customHeight="1" x14ac:dyDescent="0.15">
      <c r="A32" s="5">
        <v>22</v>
      </c>
      <c r="B32" s="22">
        <v>3</v>
      </c>
      <c r="C32" s="14">
        <v>5</v>
      </c>
      <c r="D32" s="18">
        <v>8</v>
      </c>
    </row>
    <row r="33" spans="1:4" ht="18" customHeight="1" x14ac:dyDescent="0.15">
      <c r="A33" s="5">
        <v>23</v>
      </c>
      <c r="B33" s="22">
        <v>3</v>
      </c>
      <c r="C33" s="14">
        <v>12</v>
      </c>
      <c r="D33" s="18">
        <v>15</v>
      </c>
    </row>
    <row r="34" spans="1:4" ht="18" customHeight="1" x14ac:dyDescent="0.15">
      <c r="A34" s="5">
        <v>24</v>
      </c>
      <c r="B34" s="22">
        <v>3</v>
      </c>
      <c r="C34" s="14">
        <v>6</v>
      </c>
      <c r="D34" s="18">
        <v>9</v>
      </c>
    </row>
    <row r="35" spans="1:4" ht="18" customHeight="1" x14ac:dyDescent="0.15">
      <c r="A35" s="5" t="s">
        <v>9</v>
      </c>
      <c r="B35" s="22">
        <v>20</v>
      </c>
      <c r="C35" s="14">
        <v>32</v>
      </c>
      <c r="D35" s="18">
        <v>52</v>
      </c>
    </row>
    <row r="36" spans="1:4" ht="18" customHeight="1" x14ac:dyDescent="0.15">
      <c r="A36" s="5">
        <v>25</v>
      </c>
      <c r="B36" s="22">
        <v>2</v>
      </c>
      <c r="C36" s="14">
        <v>8</v>
      </c>
      <c r="D36" s="18">
        <v>10</v>
      </c>
    </row>
    <row r="37" spans="1:4" ht="18" customHeight="1" x14ac:dyDescent="0.15">
      <c r="A37" s="5">
        <v>26</v>
      </c>
      <c r="B37" s="22">
        <v>3</v>
      </c>
      <c r="C37" s="14">
        <v>3</v>
      </c>
      <c r="D37" s="18">
        <v>6</v>
      </c>
    </row>
    <row r="38" spans="1:4" ht="18" customHeight="1" x14ac:dyDescent="0.15">
      <c r="A38" s="5">
        <v>27</v>
      </c>
      <c r="B38" s="22">
        <v>4</v>
      </c>
      <c r="C38" s="14">
        <v>4</v>
      </c>
      <c r="D38" s="18">
        <v>8</v>
      </c>
    </row>
    <row r="39" spans="1:4" ht="18" customHeight="1" x14ac:dyDescent="0.15">
      <c r="A39" s="5">
        <v>28</v>
      </c>
      <c r="B39" s="22">
        <v>3</v>
      </c>
      <c r="C39" s="14">
        <v>6</v>
      </c>
      <c r="D39" s="18">
        <v>9</v>
      </c>
    </row>
    <row r="40" spans="1:4" ht="18" customHeight="1" x14ac:dyDescent="0.15">
      <c r="A40" s="5">
        <v>29</v>
      </c>
      <c r="B40" s="22">
        <v>7</v>
      </c>
      <c r="C40" s="14">
        <v>5</v>
      </c>
      <c r="D40" s="18">
        <v>12</v>
      </c>
    </row>
    <row r="41" spans="1:4" ht="18" customHeight="1" x14ac:dyDescent="0.15">
      <c r="A41" s="5" t="s">
        <v>2</v>
      </c>
      <c r="B41" s="22">
        <v>19</v>
      </c>
      <c r="C41" s="14">
        <v>26</v>
      </c>
      <c r="D41" s="18">
        <v>45</v>
      </c>
    </row>
    <row r="42" spans="1:4" ht="18" customHeight="1" x14ac:dyDescent="0.15">
      <c r="A42" s="5">
        <v>30</v>
      </c>
      <c r="B42" s="22">
        <v>3</v>
      </c>
      <c r="C42" s="14">
        <v>2</v>
      </c>
      <c r="D42" s="18">
        <v>5</v>
      </c>
    </row>
    <row r="43" spans="1:4" ht="18" customHeight="1" x14ac:dyDescent="0.15">
      <c r="A43" s="5">
        <v>31</v>
      </c>
      <c r="B43" s="22">
        <v>7</v>
      </c>
      <c r="C43" s="14">
        <v>0</v>
      </c>
      <c r="D43" s="18">
        <v>7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3</v>
      </c>
      <c r="C45" s="14">
        <v>3</v>
      </c>
      <c r="D45" s="18">
        <v>6</v>
      </c>
    </row>
    <row r="46" spans="1:4" ht="18" customHeight="1" x14ac:dyDescent="0.15">
      <c r="A46" s="5">
        <v>34</v>
      </c>
      <c r="B46" s="22">
        <v>6</v>
      </c>
      <c r="C46" s="14">
        <v>2</v>
      </c>
      <c r="D46" s="18">
        <v>8</v>
      </c>
    </row>
    <row r="47" spans="1:4" ht="18" customHeight="1" x14ac:dyDescent="0.15">
      <c r="A47" s="5" t="s">
        <v>15</v>
      </c>
      <c r="B47" s="22">
        <v>21</v>
      </c>
      <c r="C47" s="14">
        <v>10</v>
      </c>
      <c r="D47" s="18">
        <v>31</v>
      </c>
    </row>
    <row r="48" spans="1:4" ht="18" customHeight="1" x14ac:dyDescent="0.15">
      <c r="A48" s="5">
        <v>35</v>
      </c>
      <c r="B48" s="22">
        <v>3</v>
      </c>
      <c r="C48" s="14">
        <v>2</v>
      </c>
      <c r="D48" s="18">
        <v>5</v>
      </c>
    </row>
    <row r="49" spans="1:4" ht="18" customHeight="1" x14ac:dyDescent="0.15">
      <c r="A49" s="5">
        <v>36</v>
      </c>
      <c r="B49" s="22">
        <v>7</v>
      </c>
      <c r="C49" s="14">
        <v>3</v>
      </c>
      <c r="D49" s="18">
        <v>10</v>
      </c>
    </row>
    <row r="50" spans="1:4" ht="18" customHeight="1" x14ac:dyDescent="0.15">
      <c r="A50" s="5">
        <v>37</v>
      </c>
      <c r="B50" s="22">
        <v>7</v>
      </c>
      <c r="C50" s="14">
        <v>5</v>
      </c>
      <c r="D50" s="18">
        <v>12</v>
      </c>
    </row>
    <row r="51" spans="1:4" ht="18" customHeight="1" x14ac:dyDescent="0.15">
      <c r="A51" s="5">
        <v>38</v>
      </c>
      <c r="B51" s="22">
        <v>4</v>
      </c>
      <c r="C51" s="14">
        <v>1</v>
      </c>
      <c r="D51" s="18">
        <v>5</v>
      </c>
    </row>
    <row r="52" spans="1:4" ht="18" customHeight="1" x14ac:dyDescent="0.15">
      <c r="A52" s="5">
        <v>39</v>
      </c>
      <c r="B52" s="22">
        <v>6</v>
      </c>
      <c r="C52" s="14">
        <v>7</v>
      </c>
      <c r="D52" s="18">
        <v>13</v>
      </c>
    </row>
    <row r="53" spans="1:4" ht="18" customHeight="1" x14ac:dyDescent="0.15">
      <c r="A53" s="5" t="s">
        <v>18</v>
      </c>
      <c r="B53" s="22">
        <v>27</v>
      </c>
      <c r="C53" s="14">
        <v>18</v>
      </c>
      <c r="D53" s="18">
        <v>45</v>
      </c>
    </row>
    <row r="54" spans="1:4" ht="18" customHeight="1" x14ac:dyDescent="0.15">
      <c r="A54" s="5">
        <v>40</v>
      </c>
      <c r="B54" s="22">
        <v>5</v>
      </c>
      <c r="C54" s="14">
        <v>7</v>
      </c>
      <c r="D54" s="18">
        <v>12</v>
      </c>
    </row>
    <row r="55" spans="1:4" ht="18" customHeight="1" x14ac:dyDescent="0.15">
      <c r="A55" s="5">
        <v>41</v>
      </c>
      <c r="B55" s="22">
        <v>2</v>
      </c>
      <c r="C55" s="14">
        <v>8</v>
      </c>
      <c r="D55" s="18">
        <v>10</v>
      </c>
    </row>
    <row r="56" spans="1:4" ht="18" customHeight="1" x14ac:dyDescent="0.15">
      <c r="A56" s="5">
        <v>42</v>
      </c>
      <c r="B56" s="22">
        <v>4</v>
      </c>
      <c r="C56" s="14">
        <v>1</v>
      </c>
      <c r="D56" s="18">
        <v>5</v>
      </c>
    </row>
    <row r="57" spans="1:4" ht="18" customHeight="1" x14ac:dyDescent="0.15">
      <c r="A57" s="5">
        <v>43</v>
      </c>
      <c r="B57" s="22">
        <v>7</v>
      </c>
      <c r="C57" s="14">
        <v>8</v>
      </c>
      <c r="D57" s="18">
        <v>15</v>
      </c>
    </row>
    <row r="58" spans="1:4" ht="18" customHeight="1" x14ac:dyDescent="0.15">
      <c r="A58" s="5">
        <v>44</v>
      </c>
      <c r="B58" s="22">
        <v>7</v>
      </c>
      <c r="C58" s="14">
        <v>9</v>
      </c>
      <c r="D58" s="18">
        <v>16</v>
      </c>
    </row>
    <row r="59" spans="1:4" ht="18" customHeight="1" x14ac:dyDescent="0.15">
      <c r="A59" s="5" t="s">
        <v>21</v>
      </c>
      <c r="B59" s="22">
        <v>25</v>
      </c>
      <c r="C59" s="14">
        <v>33</v>
      </c>
      <c r="D59" s="18">
        <v>58</v>
      </c>
    </row>
    <row r="60" spans="1:4" ht="18" customHeight="1" x14ac:dyDescent="0.15">
      <c r="A60" s="5">
        <v>45</v>
      </c>
      <c r="B60" s="22">
        <v>10</v>
      </c>
      <c r="C60" s="14">
        <v>4</v>
      </c>
      <c r="D60" s="18">
        <v>14</v>
      </c>
    </row>
    <row r="61" spans="1:4" ht="18" customHeight="1" x14ac:dyDescent="0.15">
      <c r="A61" s="5">
        <v>46</v>
      </c>
      <c r="B61" s="22">
        <v>4</v>
      </c>
      <c r="C61" s="14">
        <v>8</v>
      </c>
      <c r="D61" s="18">
        <v>12</v>
      </c>
    </row>
    <row r="62" spans="1:4" ht="18" customHeight="1" x14ac:dyDescent="0.15">
      <c r="A62" s="5">
        <v>47</v>
      </c>
      <c r="B62" s="22">
        <v>5</v>
      </c>
      <c r="C62" s="14">
        <v>4</v>
      </c>
      <c r="D62" s="18">
        <v>9</v>
      </c>
    </row>
    <row r="63" spans="1:4" ht="18" customHeight="1" x14ac:dyDescent="0.15">
      <c r="A63" s="5">
        <v>48</v>
      </c>
      <c r="B63" s="22">
        <v>6</v>
      </c>
      <c r="C63" s="14">
        <v>6</v>
      </c>
      <c r="D63" s="18">
        <v>12</v>
      </c>
    </row>
    <row r="64" spans="1:4" ht="18" customHeight="1" x14ac:dyDescent="0.15">
      <c r="A64" s="5">
        <v>49</v>
      </c>
      <c r="B64" s="22">
        <v>6</v>
      </c>
      <c r="C64" s="14">
        <v>8</v>
      </c>
      <c r="D64" s="18">
        <v>14</v>
      </c>
    </row>
    <row r="65" spans="1:4" ht="18" customHeight="1" x14ac:dyDescent="0.15">
      <c r="A65" s="5" t="s">
        <v>17</v>
      </c>
      <c r="B65" s="22">
        <v>31</v>
      </c>
      <c r="C65" s="14">
        <v>30</v>
      </c>
      <c r="D65" s="18">
        <v>61</v>
      </c>
    </row>
    <row r="66" spans="1:4" ht="18" customHeight="1" x14ac:dyDescent="0.15">
      <c r="A66" s="5">
        <v>50</v>
      </c>
      <c r="B66" s="22">
        <v>12</v>
      </c>
      <c r="C66" s="14">
        <v>14</v>
      </c>
      <c r="D66" s="18">
        <v>26</v>
      </c>
    </row>
    <row r="67" spans="1:4" ht="18" customHeight="1" x14ac:dyDescent="0.15">
      <c r="A67" s="5">
        <v>51</v>
      </c>
      <c r="B67" s="22">
        <v>9</v>
      </c>
      <c r="C67" s="14">
        <v>7</v>
      </c>
      <c r="D67" s="18">
        <v>16</v>
      </c>
    </row>
    <row r="68" spans="1:4" ht="18" customHeight="1" x14ac:dyDescent="0.15">
      <c r="A68" s="5">
        <v>52</v>
      </c>
      <c r="B68" s="22">
        <v>12</v>
      </c>
      <c r="C68" s="14">
        <v>5</v>
      </c>
      <c r="D68" s="18">
        <v>17</v>
      </c>
    </row>
    <row r="69" spans="1:4" ht="18" customHeight="1" x14ac:dyDescent="0.15">
      <c r="A69" s="5">
        <v>53</v>
      </c>
      <c r="B69" s="22">
        <v>9</v>
      </c>
      <c r="C69" s="14">
        <v>8</v>
      </c>
      <c r="D69" s="18">
        <v>17</v>
      </c>
    </row>
    <row r="70" spans="1:4" ht="18" customHeight="1" x14ac:dyDescent="0.15">
      <c r="A70" s="5">
        <v>54</v>
      </c>
      <c r="B70" s="22">
        <v>8</v>
      </c>
      <c r="C70" s="14">
        <v>9</v>
      </c>
      <c r="D70" s="18">
        <v>17</v>
      </c>
    </row>
    <row r="71" spans="1:4" ht="18" customHeight="1" x14ac:dyDescent="0.15">
      <c r="A71" s="5" t="s">
        <v>22</v>
      </c>
      <c r="B71" s="22">
        <v>50</v>
      </c>
      <c r="C71" s="14">
        <v>43</v>
      </c>
      <c r="D71" s="18">
        <v>93</v>
      </c>
    </row>
    <row r="72" spans="1:4" ht="18" customHeight="1" x14ac:dyDescent="0.15">
      <c r="A72" s="5">
        <v>55</v>
      </c>
      <c r="B72" s="22">
        <v>8</v>
      </c>
      <c r="C72" s="14">
        <v>11</v>
      </c>
      <c r="D72" s="18">
        <v>19</v>
      </c>
    </row>
    <row r="73" spans="1:4" ht="18" customHeight="1" x14ac:dyDescent="0.15">
      <c r="A73" s="5">
        <v>56</v>
      </c>
      <c r="B73" s="22">
        <v>7</v>
      </c>
      <c r="C73" s="14">
        <v>7</v>
      </c>
      <c r="D73" s="18">
        <v>14</v>
      </c>
    </row>
    <row r="74" spans="1:4" ht="18" customHeight="1" x14ac:dyDescent="0.15">
      <c r="A74" s="5">
        <v>57</v>
      </c>
      <c r="B74" s="22">
        <v>3</v>
      </c>
      <c r="C74" s="14">
        <v>7</v>
      </c>
      <c r="D74" s="18">
        <v>10</v>
      </c>
    </row>
    <row r="75" spans="1:4" ht="18" customHeight="1" x14ac:dyDescent="0.15">
      <c r="A75" s="5">
        <v>58</v>
      </c>
      <c r="B75" s="22">
        <v>6</v>
      </c>
      <c r="C75" s="14">
        <v>8</v>
      </c>
      <c r="D75" s="18">
        <v>14</v>
      </c>
    </row>
    <row r="76" spans="1:4" ht="18" customHeight="1" x14ac:dyDescent="0.15">
      <c r="A76" s="5">
        <v>59</v>
      </c>
      <c r="B76" s="22">
        <v>7</v>
      </c>
      <c r="C76" s="14">
        <v>5</v>
      </c>
      <c r="D76" s="18">
        <v>12</v>
      </c>
    </row>
    <row r="77" spans="1:4" ht="18" customHeight="1" x14ac:dyDescent="0.15">
      <c r="A77" s="5" t="s">
        <v>27</v>
      </c>
      <c r="B77" s="22">
        <v>31</v>
      </c>
      <c r="C77" s="14">
        <v>38</v>
      </c>
      <c r="D77" s="18">
        <v>69</v>
      </c>
    </row>
    <row r="78" spans="1:4" ht="18" customHeight="1" x14ac:dyDescent="0.15">
      <c r="A78" s="5">
        <v>60</v>
      </c>
      <c r="B78" s="22">
        <v>3</v>
      </c>
      <c r="C78" s="14">
        <v>8</v>
      </c>
      <c r="D78" s="18">
        <v>11</v>
      </c>
    </row>
    <row r="79" spans="1:4" ht="18" customHeight="1" x14ac:dyDescent="0.15">
      <c r="A79" s="5">
        <v>61</v>
      </c>
      <c r="B79" s="22">
        <v>6</v>
      </c>
      <c r="C79" s="14">
        <v>8</v>
      </c>
      <c r="D79" s="18">
        <v>14</v>
      </c>
    </row>
    <row r="80" spans="1:4" ht="18" customHeight="1" x14ac:dyDescent="0.15">
      <c r="A80" s="5">
        <v>62</v>
      </c>
      <c r="B80" s="22">
        <v>16</v>
      </c>
      <c r="C80" s="14">
        <v>4</v>
      </c>
      <c r="D80" s="18">
        <v>20</v>
      </c>
    </row>
    <row r="81" spans="1:4" ht="18" customHeight="1" x14ac:dyDescent="0.15">
      <c r="A81" s="5">
        <v>63</v>
      </c>
      <c r="B81" s="22">
        <v>6</v>
      </c>
      <c r="C81" s="14">
        <v>3</v>
      </c>
      <c r="D81" s="18">
        <v>9</v>
      </c>
    </row>
    <row r="82" spans="1:4" ht="18" customHeight="1" x14ac:dyDescent="0.15">
      <c r="A82" s="5">
        <v>64</v>
      </c>
      <c r="B82" s="22">
        <v>4</v>
      </c>
      <c r="C82" s="14">
        <v>9</v>
      </c>
      <c r="D82" s="18">
        <v>13</v>
      </c>
    </row>
    <row r="83" spans="1:4" ht="18" customHeight="1" x14ac:dyDescent="0.15">
      <c r="A83" s="5" t="s">
        <v>28</v>
      </c>
      <c r="B83" s="22">
        <v>35</v>
      </c>
      <c r="C83" s="14">
        <v>32</v>
      </c>
      <c r="D83" s="18">
        <v>67</v>
      </c>
    </row>
    <row r="84" spans="1:4" ht="18" customHeight="1" x14ac:dyDescent="0.15">
      <c r="A84" s="5" t="s">
        <v>31</v>
      </c>
      <c r="B84" s="22">
        <v>280</v>
      </c>
      <c r="C84" s="14">
        <v>289</v>
      </c>
      <c r="D84" s="18">
        <v>569</v>
      </c>
    </row>
    <row r="85" spans="1:4" ht="18" customHeight="1" x14ac:dyDescent="0.15">
      <c r="A85" s="5">
        <v>65</v>
      </c>
      <c r="B85" s="22">
        <v>7</v>
      </c>
      <c r="C85" s="14">
        <v>5</v>
      </c>
      <c r="D85" s="18">
        <v>12</v>
      </c>
    </row>
    <row r="86" spans="1:4" ht="18" customHeight="1" x14ac:dyDescent="0.15">
      <c r="A86" s="5">
        <v>66</v>
      </c>
      <c r="B86" s="22">
        <v>9</v>
      </c>
      <c r="C86" s="14">
        <v>12</v>
      </c>
      <c r="D86" s="18">
        <v>21</v>
      </c>
    </row>
    <row r="87" spans="1:4" ht="18" customHeight="1" x14ac:dyDescent="0.15">
      <c r="A87" s="5">
        <v>67</v>
      </c>
      <c r="B87" s="22">
        <v>9</v>
      </c>
      <c r="C87" s="14">
        <v>14</v>
      </c>
      <c r="D87" s="18">
        <v>23</v>
      </c>
    </row>
    <row r="88" spans="1:4" ht="18" customHeight="1" x14ac:dyDescent="0.15">
      <c r="A88" s="5">
        <v>68</v>
      </c>
      <c r="B88" s="22">
        <v>11</v>
      </c>
      <c r="C88" s="14">
        <v>12</v>
      </c>
      <c r="D88" s="18">
        <v>23</v>
      </c>
    </row>
    <row r="89" spans="1:4" ht="18" customHeight="1" x14ac:dyDescent="0.15">
      <c r="A89" s="5">
        <v>69</v>
      </c>
      <c r="B89" s="22">
        <v>7</v>
      </c>
      <c r="C89" s="14">
        <v>6</v>
      </c>
      <c r="D89" s="18">
        <v>13</v>
      </c>
    </row>
    <row r="90" spans="1:4" ht="18" customHeight="1" x14ac:dyDescent="0.15">
      <c r="A90" s="5" t="s">
        <v>20</v>
      </c>
      <c r="B90" s="22">
        <v>43</v>
      </c>
      <c r="C90" s="14">
        <v>49</v>
      </c>
      <c r="D90" s="18">
        <v>92</v>
      </c>
    </row>
    <row r="91" spans="1:4" ht="18" customHeight="1" x14ac:dyDescent="0.15">
      <c r="A91" s="5">
        <v>70</v>
      </c>
      <c r="B91" s="22">
        <v>9</v>
      </c>
      <c r="C91" s="14">
        <v>8</v>
      </c>
      <c r="D91" s="18">
        <v>17</v>
      </c>
    </row>
    <row r="92" spans="1:4" ht="18" customHeight="1" x14ac:dyDescent="0.15">
      <c r="A92" s="5">
        <v>71</v>
      </c>
      <c r="B92" s="22">
        <v>17</v>
      </c>
      <c r="C92" s="14">
        <v>9</v>
      </c>
      <c r="D92" s="18">
        <v>26</v>
      </c>
    </row>
    <row r="93" spans="1:4" ht="18" customHeight="1" x14ac:dyDescent="0.15">
      <c r="A93" s="5">
        <v>72</v>
      </c>
      <c r="B93" s="22">
        <v>13</v>
      </c>
      <c r="C93" s="14">
        <v>9</v>
      </c>
      <c r="D93" s="18">
        <v>22</v>
      </c>
    </row>
    <row r="94" spans="1:4" ht="18" customHeight="1" x14ac:dyDescent="0.15">
      <c r="A94" s="5">
        <v>73</v>
      </c>
      <c r="B94" s="22">
        <v>11</v>
      </c>
      <c r="C94" s="14">
        <v>13</v>
      </c>
      <c r="D94" s="18">
        <v>24</v>
      </c>
    </row>
    <row r="95" spans="1:4" ht="18" customHeight="1" x14ac:dyDescent="0.15">
      <c r="A95" s="5">
        <v>74</v>
      </c>
      <c r="B95" s="22">
        <v>14</v>
      </c>
      <c r="C95" s="14">
        <v>9</v>
      </c>
      <c r="D95" s="18">
        <v>23</v>
      </c>
    </row>
    <row r="96" spans="1:4" ht="18" customHeight="1" x14ac:dyDescent="0.15">
      <c r="A96" s="5" t="s">
        <v>33</v>
      </c>
      <c r="B96" s="22">
        <v>64</v>
      </c>
      <c r="C96" s="14">
        <v>48</v>
      </c>
      <c r="D96" s="18">
        <v>112</v>
      </c>
    </row>
    <row r="97" spans="1:4" ht="18" customHeight="1" x14ac:dyDescent="0.15">
      <c r="A97" s="5">
        <v>75</v>
      </c>
      <c r="B97" s="22">
        <v>10</v>
      </c>
      <c r="C97" s="14">
        <v>6</v>
      </c>
      <c r="D97" s="18">
        <v>16</v>
      </c>
    </row>
    <row r="98" spans="1:4" ht="18" customHeight="1" x14ac:dyDescent="0.15">
      <c r="A98" s="5">
        <v>76</v>
      </c>
      <c r="B98" s="22">
        <v>3</v>
      </c>
      <c r="C98" s="14">
        <v>17</v>
      </c>
      <c r="D98" s="18">
        <v>20</v>
      </c>
    </row>
    <row r="99" spans="1:4" ht="18" customHeight="1" x14ac:dyDescent="0.15">
      <c r="A99" s="5">
        <v>77</v>
      </c>
      <c r="B99" s="22">
        <v>12</v>
      </c>
      <c r="C99" s="14">
        <v>8</v>
      </c>
      <c r="D99" s="18">
        <v>20</v>
      </c>
    </row>
    <row r="100" spans="1:4" ht="18" customHeight="1" x14ac:dyDescent="0.15">
      <c r="A100" s="5">
        <v>78</v>
      </c>
      <c r="B100" s="22">
        <v>8</v>
      </c>
      <c r="C100" s="14">
        <v>12</v>
      </c>
      <c r="D100" s="18">
        <v>20</v>
      </c>
    </row>
    <row r="101" spans="1:4" ht="18" customHeight="1" x14ac:dyDescent="0.15">
      <c r="A101" s="5">
        <v>79</v>
      </c>
      <c r="B101" s="22">
        <v>10</v>
      </c>
      <c r="C101" s="14">
        <v>10</v>
      </c>
      <c r="D101" s="18">
        <v>20</v>
      </c>
    </row>
    <row r="102" spans="1:4" ht="18" customHeight="1" x14ac:dyDescent="0.15">
      <c r="A102" s="5" t="s">
        <v>0</v>
      </c>
      <c r="B102" s="22">
        <v>43</v>
      </c>
      <c r="C102" s="14">
        <v>53</v>
      </c>
      <c r="D102" s="18">
        <v>96</v>
      </c>
    </row>
    <row r="103" spans="1:4" ht="18" customHeight="1" x14ac:dyDescent="0.15">
      <c r="A103" s="5">
        <v>80</v>
      </c>
      <c r="B103" s="22">
        <v>1</v>
      </c>
      <c r="C103" s="14">
        <v>6</v>
      </c>
      <c r="D103" s="18">
        <v>7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2</v>
      </c>
      <c r="C105" s="14">
        <v>9</v>
      </c>
      <c r="D105" s="18">
        <v>11</v>
      </c>
    </row>
    <row r="106" spans="1:4" ht="18" customHeight="1" x14ac:dyDescent="0.15">
      <c r="A106" s="5">
        <v>83</v>
      </c>
      <c r="B106" s="22">
        <v>2</v>
      </c>
      <c r="C106" s="14">
        <v>6</v>
      </c>
      <c r="D106" s="18">
        <v>8</v>
      </c>
    </row>
    <row r="107" spans="1:4" ht="18" customHeight="1" x14ac:dyDescent="0.15">
      <c r="A107" s="5">
        <v>84</v>
      </c>
      <c r="B107" s="22">
        <v>4</v>
      </c>
      <c r="C107" s="14">
        <v>4</v>
      </c>
      <c r="D107" s="18">
        <v>8</v>
      </c>
    </row>
    <row r="108" spans="1:4" ht="18" customHeight="1" x14ac:dyDescent="0.15">
      <c r="A108" s="5" t="s">
        <v>35</v>
      </c>
      <c r="B108" s="22">
        <v>16</v>
      </c>
      <c r="C108" s="14">
        <v>32</v>
      </c>
      <c r="D108" s="18">
        <v>48</v>
      </c>
    </row>
    <row r="109" spans="1:4" ht="18" customHeight="1" x14ac:dyDescent="0.15">
      <c r="A109" s="5">
        <v>85</v>
      </c>
      <c r="B109" s="22">
        <v>9</v>
      </c>
      <c r="C109" s="14">
        <v>9</v>
      </c>
      <c r="D109" s="18">
        <v>18</v>
      </c>
    </row>
    <row r="110" spans="1:4" ht="18" customHeight="1" x14ac:dyDescent="0.15">
      <c r="A110" s="5">
        <v>86</v>
      </c>
      <c r="B110" s="22">
        <v>2</v>
      </c>
      <c r="C110" s="14">
        <v>4</v>
      </c>
      <c r="D110" s="18">
        <v>6</v>
      </c>
    </row>
    <row r="111" spans="1:4" ht="18" customHeight="1" x14ac:dyDescent="0.15">
      <c r="A111" s="5">
        <v>87</v>
      </c>
      <c r="B111" s="22">
        <v>1</v>
      </c>
      <c r="C111" s="14">
        <v>7</v>
      </c>
      <c r="D111" s="18">
        <v>8</v>
      </c>
    </row>
    <row r="112" spans="1:4" ht="18" customHeight="1" x14ac:dyDescent="0.15">
      <c r="A112" s="5">
        <v>88</v>
      </c>
      <c r="B112" s="22">
        <v>8</v>
      </c>
      <c r="C112" s="14">
        <v>5</v>
      </c>
      <c r="D112" s="18">
        <v>13</v>
      </c>
    </row>
    <row r="113" spans="1:4" ht="18" customHeight="1" x14ac:dyDescent="0.15">
      <c r="A113" s="5">
        <v>89</v>
      </c>
      <c r="B113" s="22">
        <v>3</v>
      </c>
      <c r="C113" s="14">
        <v>3</v>
      </c>
      <c r="D113" s="18">
        <v>6</v>
      </c>
    </row>
    <row r="114" spans="1:4" ht="18" customHeight="1" x14ac:dyDescent="0.15">
      <c r="A114" s="5" t="s">
        <v>37</v>
      </c>
      <c r="B114" s="22">
        <v>23</v>
      </c>
      <c r="C114" s="14">
        <v>28</v>
      </c>
      <c r="D114" s="18">
        <v>51</v>
      </c>
    </row>
    <row r="115" spans="1:4" ht="18" customHeight="1" x14ac:dyDescent="0.15">
      <c r="A115" s="5">
        <v>90</v>
      </c>
      <c r="B115" s="22">
        <v>3</v>
      </c>
      <c r="C115" s="14">
        <v>7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1</v>
      </c>
      <c r="C117" s="14">
        <v>6</v>
      </c>
      <c r="D117" s="18">
        <v>7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5</v>
      </c>
      <c r="C120" s="14">
        <v>24</v>
      </c>
      <c r="D120" s="18">
        <v>29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8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97</v>
      </c>
      <c r="C130" s="14">
        <v>247</v>
      </c>
      <c r="D130" s="18">
        <v>444</v>
      </c>
    </row>
    <row r="131" spans="1:4" ht="18" customHeight="1" x14ac:dyDescent="0.15">
      <c r="A131" s="7" t="s">
        <v>45</v>
      </c>
      <c r="B131" s="23">
        <v>518</v>
      </c>
      <c r="C131" s="15">
        <v>573</v>
      </c>
      <c r="D131" s="19">
        <v>10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7</v>
      </c>
      <c r="D5" s="17">
        <v>22</v>
      </c>
    </row>
    <row r="6" spans="1:4" ht="18" customHeight="1" x14ac:dyDescent="0.15">
      <c r="A6" s="5">
        <v>1</v>
      </c>
      <c r="B6" s="22">
        <v>13</v>
      </c>
      <c r="C6" s="14">
        <v>16</v>
      </c>
      <c r="D6" s="18">
        <v>29</v>
      </c>
    </row>
    <row r="7" spans="1:4" ht="18" customHeight="1" x14ac:dyDescent="0.15">
      <c r="A7" s="5">
        <v>2</v>
      </c>
      <c r="B7" s="22">
        <v>11</v>
      </c>
      <c r="C7" s="14">
        <v>14</v>
      </c>
      <c r="D7" s="18">
        <v>25</v>
      </c>
    </row>
    <row r="8" spans="1:4" ht="18" customHeight="1" x14ac:dyDescent="0.15">
      <c r="A8" s="5">
        <v>3</v>
      </c>
      <c r="B8" s="22">
        <v>8</v>
      </c>
      <c r="C8" s="14">
        <v>16</v>
      </c>
      <c r="D8" s="18">
        <v>24</v>
      </c>
    </row>
    <row r="9" spans="1:4" ht="18" customHeight="1" x14ac:dyDescent="0.15">
      <c r="A9" s="5">
        <v>4</v>
      </c>
      <c r="B9" s="22">
        <v>19</v>
      </c>
      <c r="C9" s="14">
        <v>11</v>
      </c>
      <c r="D9" s="18">
        <v>30</v>
      </c>
    </row>
    <row r="10" spans="1:4" ht="18" customHeight="1" x14ac:dyDescent="0.15">
      <c r="A10" s="5" t="s">
        <v>7</v>
      </c>
      <c r="B10" s="22">
        <v>66</v>
      </c>
      <c r="C10" s="14">
        <v>64</v>
      </c>
      <c r="D10" s="18">
        <v>130</v>
      </c>
    </row>
    <row r="11" spans="1:4" ht="18" customHeight="1" x14ac:dyDescent="0.15">
      <c r="A11" s="5">
        <v>5</v>
      </c>
      <c r="B11" s="22">
        <v>18</v>
      </c>
      <c r="C11" s="14">
        <v>6</v>
      </c>
      <c r="D11" s="18">
        <v>24</v>
      </c>
    </row>
    <row r="12" spans="1:4" ht="18" customHeight="1" x14ac:dyDescent="0.15">
      <c r="A12" s="5">
        <v>6</v>
      </c>
      <c r="B12" s="22">
        <v>22</v>
      </c>
      <c r="C12" s="14">
        <v>15</v>
      </c>
      <c r="D12" s="18">
        <v>37</v>
      </c>
    </row>
    <row r="13" spans="1:4" ht="18" customHeight="1" x14ac:dyDescent="0.15">
      <c r="A13" s="5">
        <v>7</v>
      </c>
      <c r="B13" s="22">
        <v>13</v>
      </c>
      <c r="C13" s="14">
        <v>12</v>
      </c>
      <c r="D13" s="18">
        <v>25</v>
      </c>
    </row>
    <row r="14" spans="1:4" ht="18" customHeight="1" x14ac:dyDescent="0.15">
      <c r="A14" s="5">
        <v>8</v>
      </c>
      <c r="B14" s="22">
        <v>19</v>
      </c>
      <c r="C14" s="14">
        <v>16</v>
      </c>
      <c r="D14" s="18">
        <v>35</v>
      </c>
    </row>
    <row r="15" spans="1:4" ht="18" customHeight="1" x14ac:dyDescent="0.15">
      <c r="A15" s="5">
        <v>9</v>
      </c>
      <c r="B15" s="22">
        <v>11</v>
      </c>
      <c r="C15" s="14">
        <v>23</v>
      </c>
      <c r="D15" s="18">
        <v>34</v>
      </c>
    </row>
    <row r="16" spans="1:4" ht="18" customHeight="1" x14ac:dyDescent="0.15">
      <c r="A16" s="5" t="s">
        <v>11</v>
      </c>
      <c r="B16" s="22">
        <v>83</v>
      </c>
      <c r="C16" s="14">
        <v>72</v>
      </c>
      <c r="D16" s="18">
        <v>155</v>
      </c>
    </row>
    <row r="17" spans="1:4" ht="18" customHeight="1" x14ac:dyDescent="0.15">
      <c r="A17" s="5">
        <v>10</v>
      </c>
      <c r="B17" s="22">
        <v>17</v>
      </c>
      <c r="C17" s="14">
        <v>14</v>
      </c>
      <c r="D17" s="18">
        <v>31</v>
      </c>
    </row>
    <row r="18" spans="1:4" ht="18" customHeight="1" x14ac:dyDescent="0.15">
      <c r="A18" s="5">
        <v>11</v>
      </c>
      <c r="B18" s="22">
        <v>14</v>
      </c>
      <c r="C18" s="14">
        <v>19</v>
      </c>
      <c r="D18" s="18">
        <v>33</v>
      </c>
    </row>
    <row r="19" spans="1:4" ht="18" customHeight="1" x14ac:dyDescent="0.15">
      <c r="A19" s="5">
        <v>12</v>
      </c>
      <c r="B19" s="22">
        <v>16</v>
      </c>
      <c r="C19" s="14">
        <v>18</v>
      </c>
      <c r="D19" s="18">
        <v>34</v>
      </c>
    </row>
    <row r="20" spans="1:4" ht="18" customHeight="1" x14ac:dyDescent="0.15">
      <c r="A20" s="5">
        <v>13</v>
      </c>
      <c r="B20" s="22">
        <v>18</v>
      </c>
      <c r="C20" s="14">
        <v>18</v>
      </c>
      <c r="D20" s="18">
        <v>36</v>
      </c>
    </row>
    <row r="21" spans="1:4" ht="18" customHeight="1" x14ac:dyDescent="0.15">
      <c r="A21" s="5">
        <v>14</v>
      </c>
      <c r="B21" s="22">
        <v>15</v>
      </c>
      <c r="C21" s="14">
        <v>21</v>
      </c>
      <c r="D21" s="18">
        <v>36</v>
      </c>
    </row>
    <row r="22" spans="1:4" ht="18" customHeight="1" x14ac:dyDescent="0.15">
      <c r="A22" s="5" t="s">
        <v>12</v>
      </c>
      <c r="B22" s="22">
        <v>80</v>
      </c>
      <c r="C22" s="14">
        <v>90</v>
      </c>
      <c r="D22" s="18">
        <v>170</v>
      </c>
    </row>
    <row r="23" spans="1:4" ht="18" customHeight="1" x14ac:dyDescent="0.15">
      <c r="A23" s="5" t="s">
        <v>6</v>
      </c>
      <c r="B23" s="22">
        <v>229</v>
      </c>
      <c r="C23" s="14">
        <v>226</v>
      </c>
      <c r="D23" s="18">
        <v>455</v>
      </c>
    </row>
    <row r="24" spans="1:4" ht="18" customHeight="1" x14ac:dyDescent="0.15">
      <c r="A24" s="5">
        <v>15</v>
      </c>
      <c r="B24" s="22">
        <v>20</v>
      </c>
      <c r="C24" s="14">
        <v>15</v>
      </c>
      <c r="D24" s="18">
        <v>35</v>
      </c>
    </row>
    <row r="25" spans="1:4" ht="18" customHeight="1" x14ac:dyDescent="0.15">
      <c r="A25" s="5">
        <v>16</v>
      </c>
      <c r="B25" s="22">
        <v>21</v>
      </c>
      <c r="C25" s="14">
        <v>15</v>
      </c>
      <c r="D25" s="18">
        <v>36</v>
      </c>
    </row>
    <row r="26" spans="1:4" ht="18" customHeight="1" x14ac:dyDescent="0.15">
      <c r="A26" s="5">
        <v>17</v>
      </c>
      <c r="B26" s="22">
        <v>14</v>
      </c>
      <c r="C26" s="14">
        <v>14</v>
      </c>
      <c r="D26" s="18">
        <v>28</v>
      </c>
    </row>
    <row r="27" spans="1:4" ht="18" customHeight="1" x14ac:dyDescent="0.15">
      <c r="A27" s="5">
        <v>18</v>
      </c>
      <c r="B27" s="22">
        <v>16</v>
      </c>
      <c r="C27" s="14">
        <v>27</v>
      </c>
      <c r="D27" s="18">
        <v>43</v>
      </c>
    </row>
    <row r="28" spans="1:4" ht="18" customHeight="1" x14ac:dyDescent="0.15">
      <c r="A28" s="5">
        <v>19</v>
      </c>
      <c r="B28" s="22">
        <v>24</v>
      </c>
      <c r="C28" s="14">
        <v>16</v>
      </c>
      <c r="D28" s="18">
        <v>40</v>
      </c>
    </row>
    <row r="29" spans="1:4" ht="18" customHeight="1" x14ac:dyDescent="0.15">
      <c r="A29" s="5" t="s">
        <v>14</v>
      </c>
      <c r="B29" s="22">
        <v>95</v>
      </c>
      <c r="C29" s="14">
        <v>87</v>
      </c>
      <c r="D29" s="18">
        <v>182</v>
      </c>
    </row>
    <row r="30" spans="1:4" ht="18" customHeight="1" x14ac:dyDescent="0.15">
      <c r="A30" s="5">
        <v>20</v>
      </c>
      <c r="B30" s="22">
        <v>27</v>
      </c>
      <c r="C30" s="14">
        <v>20</v>
      </c>
      <c r="D30" s="18">
        <v>47</v>
      </c>
    </row>
    <row r="31" spans="1:4" ht="18" customHeight="1" x14ac:dyDescent="0.15">
      <c r="A31" s="5">
        <v>21</v>
      </c>
      <c r="B31" s="22">
        <v>19</v>
      </c>
      <c r="C31" s="14">
        <v>14</v>
      </c>
      <c r="D31" s="18">
        <v>33</v>
      </c>
    </row>
    <row r="32" spans="1:4" ht="18" customHeight="1" x14ac:dyDescent="0.15">
      <c r="A32" s="5">
        <v>22</v>
      </c>
      <c r="B32" s="22">
        <v>24</v>
      </c>
      <c r="C32" s="14">
        <v>26</v>
      </c>
      <c r="D32" s="18">
        <v>50</v>
      </c>
    </row>
    <row r="33" spans="1:4" ht="18" customHeight="1" x14ac:dyDescent="0.15">
      <c r="A33" s="5">
        <v>23</v>
      </c>
      <c r="B33" s="22">
        <v>31</v>
      </c>
      <c r="C33" s="14">
        <v>24</v>
      </c>
      <c r="D33" s="18">
        <v>55</v>
      </c>
    </row>
    <row r="34" spans="1:4" ht="18" customHeight="1" x14ac:dyDescent="0.15">
      <c r="A34" s="5">
        <v>24</v>
      </c>
      <c r="B34" s="22">
        <v>40</v>
      </c>
      <c r="C34" s="14">
        <v>23</v>
      </c>
      <c r="D34" s="18">
        <v>63</v>
      </c>
    </row>
    <row r="35" spans="1:4" ht="18" customHeight="1" x14ac:dyDescent="0.15">
      <c r="A35" s="5" t="s">
        <v>9</v>
      </c>
      <c r="B35" s="22">
        <v>141</v>
      </c>
      <c r="C35" s="14">
        <v>107</v>
      </c>
      <c r="D35" s="18">
        <v>248</v>
      </c>
    </row>
    <row r="36" spans="1:4" ht="18" customHeight="1" x14ac:dyDescent="0.15">
      <c r="A36" s="5">
        <v>25</v>
      </c>
      <c r="B36" s="22">
        <v>29</v>
      </c>
      <c r="C36" s="14">
        <v>23</v>
      </c>
      <c r="D36" s="18">
        <v>52</v>
      </c>
    </row>
    <row r="37" spans="1:4" ht="18" customHeight="1" x14ac:dyDescent="0.15">
      <c r="A37" s="5">
        <v>26</v>
      </c>
      <c r="B37" s="22">
        <v>23</v>
      </c>
      <c r="C37" s="14">
        <v>21</v>
      </c>
      <c r="D37" s="18">
        <v>44</v>
      </c>
    </row>
    <row r="38" spans="1:4" ht="18" customHeight="1" x14ac:dyDescent="0.15">
      <c r="A38" s="5">
        <v>27</v>
      </c>
      <c r="B38" s="22">
        <v>35</v>
      </c>
      <c r="C38" s="14">
        <v>26</v>
      </c>
      <c r="D38" s="18">
        <v>61</v>
      </c>
    </row>
    <row r="39" spans="1:4" ht="18" customHeight="1" x14ac:dyDescent="0.15">
      <c r="A39" s="5">
        <v>28</v>
      </c>
      <c r="B39" s="22">
        <v>32</v>
      </c>
      <c r="C39" s="14">
        <v>18</v>
      </c>
      <c r="D39" s="18">
        <v>50</v>
      </c>
    </row>
    <row r="40" spans="1:4" ht="18" customHeight="1" x14ac:dyDescent="0.15">
      <c r="A40" s="5">
        <v>29</v>
      </c>
      <c r="B40" s="22">
        <v>40</v>
      </c>
      <c r="C40" s="14">
        <v>29</v>
      </c>
      <c r="D40" s="18">
        <v>69</v>
      </c>
    </row>
    <row r="41" spans="1:4" ht="18" customHeight="1" x14ac:dyDescent="0.15">
      <c r="A41" s="5" t="s">
        <v>2</v>
      </c>
      <c r="B41" s="22">
        <v>159</v>
      </c>
      <c r="C41" s="14">
        <v>117</v>
      </c>
      <c r="D41" s="18">
        <v>276</v>
      </c>
    </row>
    <row r="42" spans="1:4" ht="18" customHeight="1" x14ac:dyDescent="0.15">
      <c r="A42" s="5">
        <v>30</v>
      </c>
      <c r="B42" s="22">
        <v>30</v>
      </c>
      <c r="C42" s="14">
        <v>20</v>
      </c>
      <c r="D42" s="18">
        <v>50</v>
      </c>
    </row>
    <row r="43" spans="1:4" ht="18" customHeight="1" x14ac:dyDescent="0.15">
      <c r="A43" s="5">
        <v>31</v>
      </c>
      <c r="B43" s="22">
        <v>30</v>
      </c>
      <c r="C43" s="14">
        <v>23</v>
      </c>
      <c r="D43" s="18">
        <v>53</v>
      </c>
    </row>
    <row r="44" spans="1:4" ht="18" customHeight="1" x14ac:dyDescent="0.15">
      <c r="A44" s="5">
        <v>32</v>
      </c>
      <c r="B44" s="22">
        <v>22</v>
      </c>
      <c r="C44" s="14">
        <v>17</v>
      </c>
      <c r="D44" s="18">
        <v>39</v>
      </c>
    </row>
    <row r="45" spans="1:4" ht="18" customHeight="1" x14ac:dyDescent="0.15">
      <c r="A45" s="5">
        <v>33</v>
      </c>
      <c r="B45" s="22">
        <v>24</v>
      </c>
      <c r="C45" s="14">
        <v>24</v>
      </c>
      <c r="D45" s="18">
        <v>48</v>
      </c>
    </row>
    <row r="46" spans="1:4" ht="18" customHeight="1" x14ac:dyDescent="0.15">
      <c r="A46" s="5">
        <v>34</v>
      </c>
      <c r="B46" s="22">
        <v>22</v>
      </c>
      <c r="C46" s="14">
        <v>17</v>
      </c>
      <c r="D46" s="18">
        <v>39</v>
      </c>
    </row>
    <row r="47" spans="1:4" ht="18" customHeight="1" x14ac:dyDescent="0.15">
      <c r="A47" s="5" t="s">
        <v>15</v>
      </c>
      <c r="B47" s="22">
        <v>128</v>
      </c>
      <c r="C47" s="14">
        <v>101</v>
      </c>
      <c r="D47" s="18">
        <v>229</v>
      </c>
    </row>
    <row r="48" spans="1:4" ht="18" customHeight="1" x14ac:dyDescent="0.15">
      <c r="A48" s="5">
        <v>35</v>
      </c>
      <c r="B48" s="22">
        <v>30</v>
      </c>
      <c r="C48" s="14">
        <v>31</v>
      </c>
      <c r="D48" s="18">
        <v>61</v>
      </c>
    </row>
    <row r="49" spans="1:4" ht="18" customHeight="1" x14ac:dyDescent="0.15">
      <c r="A49" s="5">
        <v>36</v>
      </c>
      <c r="B49" s="22">
        <v>30</v>
      </c>
      <c r="C49" s="14">
        <v>29</v>
      </c>
      <c r="D49" s="18">
        <v>59</v>
      </c>
    </row>
    <row r="50" spans="1:4" ht="18" customHeight="1" x14ac:dyDescent="0.15">
      <c r="A50" s="5">
        <v>37</v>
      </c>
      <c r="B50" s="22">
        <v>25</v>
      </c>
      <c r="C50" s="14">
        <v>18</v>
      </c>
      <c r="D50" s="18">
        <v>43</v>
      </c>
    </row>
    <row r="51" spans="1:4" ht="18" customHeight="1" x14ac:dyDescent="0.15">
      <c r="A51" s="5">
        <v>38</v>
      </c>
      <c r="B51" s="22">
        <v>31</v>
      </c>
      <c r="C51" s="14">
        <v>29</v>
      </c>
      <c r="D51" s="18">
        <v>60</v>
      </c>
    </row>
    <row r="52" spans="1:4" ht="18" customHeight="1" x14ac:dyDescent="0.15">
      <c r="A52" s="5">
        <v>39</v>
      </c>
      <c r="B52" s="22">
        <v>31</v>
      </c>
      <c r="C52" s="14">
        <v>34</v>
      </c>
      <c r="D52" s="18">
        <v>65</v>
      </c>
    </row>
    <row r="53" spans="1:4" ht="18" customHeight="1" x14ac:dyDescent="0.15">
      <c r="A53" s="5" t="s">
        <v>18</v>
      </c>
      <c r="B53" s="22">
        <v>147</v>
      </c>
      <c r="C53" s="14">
        <v>141</v>
      </c>
      <c r="D53" s="18">
        <v>288</v>
      </c>
    </row>
    <row r="54" spans="1:4" ht="18" customHeight="1" x14ac:dyDescent="0.15">
      <c r="A54" s="5">
        <v>40</v>
      </c>
      <c r="B54" s="22">
        <v>23</v>
      </c>
      <c r="C54" s="14">
        <v>23</v>
      </c>
      <c r="D54" s="18">
        <v>46</v>
      </c>
    </row>
    <row r="55" spans="1:4" ht="18" customHeight="1" x14ac:dyDescent="0.15">
      <c r="A55" s="5">
        <v>41</v>
      </c>
      <c r="B55" s="22">
        <v>27</v>
      </c>
      <c r="C55" s="14">
        <v>26</v>
      </c>
      <c r="D55" s="18">
        <v>53</v>
      </c>
    </row>
    <row r="56" spans="1:4" ht="18" customHeight="1" x14ac:dyDescent="0.15">
      <c r="A56" s="5">
        <v>42</v>
      </c>
      <c r="B56" s="22">
        <v>29</v>
      </c>
      <c r="C56" s="14">
        <v>30</v>
      </c>
      <c r="D56" s="18">
        <v>59</v>
      </c>
    </row>
    <row r="57" spans="1:4" ht="18" customHeight="1" x14ac:dyDescent="0.15">
      <c r="A57" s="5">
        <v>43</v>
      </c>
      <c r="B57" s="22">
        <v>32</v>
      </c>
      <c r="C57" s="14">
        <v>26</v>
      </c>
      <c r="D57" s="18">
        <v>58</v>
      </c>
    </row>
    <row r="58" spans="1:4" ht="18" customHeight="1" x14ac:dyDescent="0.15">
      <c r="A58" s="5">
        <v>44</v>
      </c>
      <c r="B58" s="22">
        <v>36</v>
      </c>
      <c r="C58" s="14">
        <v>35</v>
      </c>
      <c r="D58" s="18">
        <v>71</v>
      </c>
    </row>
    <row r="59" spans="1:4" ht="18" customHeight="1" x14ac:dyDescent="0.15">
      <c r="A59" s="5" t="s">
        <v>21</v>
      </c>
      <c r="B59" s="22">
        <v>147</v>
      </c>
      <c r="C59" s="14">
        <v>140</v>
      </c>
      <c r="D59" s="18">
        <v>287</v>
      </c>
    </row>
    <row r="60" spans="1:4" ht="18" customHeight="1" x14ac:dyDescent="0.15">
      <c r="A60" s="5">
        <v>45</v>
      </c>
      <c r="B60" s="22">
        <v>24</v>
      </c>
      <c r="C60" s="14">
        <v>27</v>
      </c>
      <c r="D60" s="18">
        <v>51</v>
      </c>
    </row>
    <row r="61" spans="1:4" ht="18" customHeight="1" x14ac:dyDescent="0.15">
      <c r="A61" s="5">
        <v>46</v>
      </c>
      <c r="B61" s="22">
        <v>34</v>
      </c>
      <c r="C61" s="14">
        <v>38</v>
      </c>
      <c r="D61" s="18">
        <v>72</v>
      </c>
    </row>
    <row r="62" spans="1:4" ht="18" customHeight="1" x14ac:dyDescent="0.15">
      <c r="A62" s="5">
        <v>47</v>
      </c>
      <c r="B62" s="22">
        <v>50</v>
      </c>
      <c r="C62" s="14">
        <v>38</v>
      </c>
      <c r="D62" s="18">
        <v>88</v>
      </c>
    </row>
    <row r="63" spans="1:4" ht="18" customHeight="1" x14ac:dyDescent="0.15">
      <c r="A63" s="5">
        <v>48</v>
      </c>
      <c r="B63" s="22">
        <v>44</v>
      </c>
      <c r="C63" s="14">
        <v>36</v>
      </c>
      <c r="D63" s="18">
        <v>80</v>
      </c>
    </row>
    <row r="64" spans="1:4" ht="18" customHeight="1" x14ac:dyDescent="0.15">
      <c r="A64" s="5">
        <v>49</v>
      </c>
      <c r="B64" s="22">
        <v>33</v>
      </c>
      <c r="C64" s="14">
        <v>29</v>
      </c>
      <c r="D64" s="18">
        <v>62</v>
      </c>
    </row>
    <row r="65" spans="1:4" ht="18" customHeight="1" x14ac:dyDescent="0.15">
      <c r="A65" s="5" t="s">
        <v>17</v>
      </c>
      <c r="B65" s="22">
        <v>185</v>
      </c>
      <c r="C65" s="14">
        <v>168</v>
      </c>
      <c r="D65" s="18">
        <v>353</v>
      </c>
    </row>
    <row r="66" spans="1:4" ht="18" customHeight="1" x14ac:dyDescent="0.15">
      <c r="A66" s="5">
        <v>50</v>
      </c>
      <c r="B66" s="22">
        <v>45</v>
      </c>
      <c r="C66" s="14">
        <v>40</v>
      </c>
      <c r="D66" s="18">
        <v>85</v>
      </c>
    </row>
    <row r="67" spans="1:4" ht="18" customHeight="1" x14ac:dyDescent="0.15">
      <c r="A67" s="5">
        <v>51</v>
      </c>
      <c r="B67" s="22">
        <v>39</v>
      </c>
      <c r="C67" s="14">
        <v>43</v>
      </c>
      <c r="D67" s="18">
        <v>82</v>
      </c>
    </row>
    <row r="68" spans="1:4" ht="18" customHeight="1" x14ac:dyDescent="0.15">
      <c r="A68" s="5">
        <v>52</v>
      </c>
      <c r="B68" s="22">
        <v>35</v>
      </c>
      <c r="C68" s="14">
        <v>46</v>
      </c>
      <c r="D68" s="18">
        <v>81</v>
      </c>
    </row>
    <row r="69" spans="1:4" ht="18" customHeight="1" x14ac:dyDescent="0.15">
      <c r="A69" s="5">
        <v>53</v>
      </c>
      <c r="B69" s="22">
        <v>46</v>
      </c>
      <c r="C69" s="14">
        <v>36</v>
      </c>
      <c r="D69" s="18">
        <v>82</v>
      </c>
    </row>
    <row r="70" spans="1:4" ht="18" customHeight="1" x14ac:dyDescent="0.15">
      <c r="A70" s="5">
        <v>54</v>
      </c>
      <c r="B70" s="22">
        <v>58</v>
      </c>
      <c r="C70" s="14">
        <v>49</v>
      </c>
      <c r="D70" s="18">
        <v>107</v>
      </c>
    </row>
    <row r="71" spans="1:4" ht="18" customHeight="1" x14ac:dyDescent="0.15">
      <c r="A71" s="5" t="s">
        <v>22</v>
      </c>
      <c r="B71" s="22">
        <v>223</v>
      </c>
      <c r="C71" s="14">
        <v>214</v>
      </c>
      <c r="D71" s="18">
        <v>437</v>
      </c>
    </row>
    <row r="72" spans="1:4" ht="18" customHeight="1" x14ac:dyDescent="0.15">
      <c r="A72" s="5">
        <v>55</v>
      </c>
      <c r="B72" s="22">
        <v>51</v>
      </c>
      <c r="C72" s="14">
        <v>35</v>
      </c>
      <c r="D72" s="18">
        <v>86</v>
      </c>
    </row>
    <row r="73" spans="1:4" ht="18" customHeight="1" x14ac:dyDescent="0.15">
      <c r="A73" s="5">
        <v>56</v>
      </c>
      <c r="B73" s="22">
        <v>53</v>
      </c>
      <c r="C73" s="14">
        <v>38</v>
      </c>
      <c r="D73" s="18">
        <v>91</v>
      </c>
    </row>
    <row r="74" spans="1:4" ht="18" customHeight="1" x14ac:dyDescent="0.15">
      <c r="A74" s="5">
        <v>57</v>
      </c>
      <c r="B74" s="22">
        <v>42</v>
      </c>
      <c r="C74" s="14">
        <v>44</v>
      </c>
      <c r="D74" s="18">
        <v>86</v>
      </c>
    </row>
    <row r="75" spans="1:4" ht="18" customHeight="1" x14ac:dyDescent="0.15">
      <c r="A75" s="5">
        <v>58</v>
      </c>
      <c r="B75" s="22">
        <v>56</v>
      </c>
      <c r="C75" s="14">
        <v>47</v>
      </c>
      <c r="D75" s="18">
        <v>103</v>
      </c>
    </row>
    <row r="76" spans="1:4" ht="18" customHeight="1" x14ac:dyDescent="0.15">
      <c r="A76" s="5">
        <v>59</v>
      </c>
      <c r="B76" s="22">
        <v>31</v>
      </c>
      <c r="C76" s="14">
        <v>39</v>
      </c>
      <c r="D76" s="18">
        <v>70</v>
      </c>
    </row>
    <row r="77" spans="1:4" ht="18" customHeight="1" x14ac:dyDescent="0.15">
      <c r="A77" s="5" t="s">
        <v>27</v>
      </c>
      <c r="B77" s="22">
        <v>233</v>
      </c>
      <c r="C77" s="14">
        <v>203</v>
      </c>
      <c r="D77" s="18">
        <v>436</v>
      </c>
    </row>
    <row r="78" spans="1:4" ht="18" customHeight="1" x14ac:dyDescent="0.15">
      <c r="A78" s="5">
        <v>60</v>
      </c>
      <c r="B78" s="22">
        <v>35</v>
      </c>
      <c r="C78" s="14">
        <v>57</v>
      </c>
      <c r="D78" s="18">
        <v>92</v>
      </c>
    </row>
    <row r="79" spans="1:4" ht="18" customHeight="1" x14ac:dyDescent="0.15">
      <c r="A79" s="5">
        <v>61</v>
      </c>
      <c r="B79" s="22">
        <v>42</v>
      </c>
      <c r="C79" s="14">
        <v>42</v>
      </c>
      <c r="D79" s="18">
        <v>84</v>
      </c>
    </row>
    <row r="80" spans="1:4" ht="18" customHeight="1" x14ac:dyDescent="0.15">
      <c r="A80" s="5">
        <v>62</v>
      </c>
      <c r="B80" s="22">
        <v>46</v>
      </c>
      <c r="C80" s="14">
        <v>44</v>
      </c>
      <c r="D80" s="18">
        <v>90</v>
      </c>
    </row>
    <row r="81" spans="1:4" ht="18" customHeight="1" x14ac:dyDescent="0.15">
      <c r="A81" s="5">
        <v>63</v>
      </c>
      <c r="B81" s="22">
        <v>43</v>
      </c>
      <c r="C81" s="14">
        <v>33</v>
      </c>
      <c r="D81" s="18">
        <v>76</v>
      </c>
    </row>
    <row r="82" spans="1:4" ht="18" customHeight="1" x14ac:dyDescent="0.15">
      <c r="A82" s="5">
        <v>64</v>
      </c>
      <c r="B82" s="22">
        <v>42</v>
      </c>
      <c r="C82" s="14">
        <v>43</v>
      </c>
      <c r="D82" s="18">
        <v>85</v>
      </c>
    </row>
    <row r="83" spans="1:4" ht="18" customHeight="1" x14ac:dyDescent="0.15">
      <c r="A83" s="5" t="s">
        <v>28</v>
      </c>
      <c r="B83" s="22">
        <v>208</v>
      </c>
      <c r="C83" s="14">
        <v>219</v>
      </c>
      <c r="D83" s="18">
        <v>427</v>
      </c>
    </row>
    <row r="84" spans="1:4" ht="18" customHeight="1" x14ac:dyDescent="0.15">
      <c r="A84" s="5" t="s">
        <v>31</v>
      </c>
      <c r="B84" s="22">
        <v>1666</v>
      </c>
      <c r="C84" s="14">
        <v>1497</v>
      </c>
      <c r="D84" s="18">
        <v>3163</v>
      </c>
    </row>
    <row r="85" spans="1:4" ht="18" customHeight="1" x14ac:dyDescent="0.15">
      <c r="A85" s="5">
        <v>65</v>
      </c>
      <c r="B85" s="22">
        <v>33</v>
      </c>
      <c r="C85" s="14">
        <v>33</v>
      </c>
      <c r="D85" s="18">
        <v>66</v>
      </c>
    </row>
    <row r="86" spans="1:4" ht="18" customHeight="1" x14ac:dyDescent="0.15">
      <c r="A86" s="5">
        <v>66</v>
      </c>
      <c r="B86" s="22">
        <v>39</v>
      </c>
      <c r="C86" s="14">
        <v>45</v>
      </c>
      <c r="D86" s="18">
        <v>84</v>
      </c>
    </row>
    <row r="87" spans="1:4" ht="18" customHeight="1" x14ac:dyDescent="0.15">
      <c r="A87" s="5">
        <v>67</v>
      </c>
      <c r="B87" s="22">
        <v>38</v>
      </c>
      <c r="C87" s="14">
        <v>38</v>
      </c>
      <c r="D87" s="18">
        <v>76</v>
      </c>
    </row>
    <row r="88" spans="1:4" ht="18" customHeight="1" x14ac:dyDescent="0.15">
      <c r="A88" s="5">
        <v>68</v>
      </c>
      <c r="B88" s="22">
        <v>37</v>
      </c>
      <c r="C88" s="14">
        <v>39</v>
      </c>
      <c r="D88" s="18">
        <v>76</v>
      </c>
    </row>
    <row r="89" spans="1:4" ht="18" customHeight="1" x14ac:dyDescent="0.15">
      <c r="A89" s="5">
        <v>69</v>
      </c>
      <c r="B89" s="22">
        <v>37</v>
      </c>
      <c r="C89" s="14">
        <v>36</v>
      </c>
      <c r="D89" s="18">
        <v>73</v>
      </c>
    </row>
    <row r="90" spans="1:4" ht="18" customHeight="1" x14ac:dyDescent="0.15">
      <c r="A90" s="5" t="s">
        <v>20</v>
      </c>
      <c r="B90" s="22">
        <v>184</v>
      </c>
      <c r="C90" s="14">
        <v>191</v>
      </c>
      <c r="D90" s="18">
        <v>375</v>
      </c>
    </row>
    <row r="91" spans="1:4" ht="18" customHeight="1" x14ac:dyDescent="0.15">
      <c r="A91" s="5">
        <v>70</v>
      </c>
      <c r="B91" s="22">
        <v>42</v>
      </c>
      <c r="C91" s="14">
        <v>42</v>
      </c>
      <c r="D91" s="18">
        <v>84</v>
      </c>
    </row>
    <row r="92" spans="1:4" ht="18" customHeight="1" x14ac:dyDescent="0.15">
      <c r="A92" s="5">
        <v>71</v>
      </c>
      <c r="B92" s="22">
        <v>33</v>
      </c>
      <c r="C92" s="14">
        <v>46</v>
      </c>
      <c r="D92" s="18">
        <v>79</v>
      </c>
    </row>
    <row r="93" spans="1:4" ht="18" customHeight="1" x14ac:dyDescent="0.15">
      <c r="A93" s="5">
        <v>72</v>
      </c>
      <c r="B93" s="22">
        <v>21</v>
      </c>
      <c r="C93" s="14">
        <v>30</v>
      </c>
      <c r="D93" s="18">
        <v>51</v>
      </c>
    </row>
    <row r="94" spans="1:4" ht="18" customHeight="1" x14ac:dyDescent="0.15">
      <c r="A94" s="5">
        <v>73</v>
      </c>
      <c r="B94" s="22">
        <v>35</v>
      </c>
      <c r="C94" s="14">
        <v>41</v>
      </c>
      <c r="D94" s="18">
        <v>76</v>
      </c>
    </row>
    <row r="95" spans="1:4" ht="18" customHeight="1" x14ac:dyDescent="0.15">
      <c r="A95" s="5">
        <v>74</v>
      </c>
      <c r="B95" s="22">
        <v>40</v>
      </c>
      <c r="C95" s="14">
        <v>46</v>
      </c>
      <c r="D95" s="18">
        <v>86</v>
      </c>
    </row>
    <row r="96" spans="1:4" ht="18" customHeight="1" x14ac:dyDescent="0.15">
      <c r="A96" s="5" t="s">
        <v>33</v>
      </c>
      <c r="B96" s="22">
        <v>171</v>
      </c>
      <c r="C96" s="14">
        <v>205</v>
      </c>
      <c r="D96" s="18">
        <v>376</v>
      </c>
    </row>
    <row r="97" spans="1:4" ht="18" customHeight="1" x14ac:dyDescent="0.15">
      <c r="A97" s="5">
        <v>75</v>
      </c>
      <c r="B97" s="22">
        <v>32</v>
      </c>
      <c r="C97" s="14">
        <v>41</v>
      </c>
      <c r="D97" s="18">
        <v>73</v>
      </c>
    </row>
    <row r="98" spans="1:4" ht="18" customHeight="1" x14ac:dyDescent="0.15">
      <c r="A98" s="5">
        <v>76</v>
      </c>
      <c r="B98" s="22">
        <v>45</v>
      </c>
      <c r="C98" s="14">
        <v>48</v>
      </c>
      <c r="D98" s="18">
        <v>93</v>
      </c>
    </row>
    <row r="99" spans="1:4" ht="18" customHeight="1" x14ac:dyDescent="0.15">
      <c r="A99" s="5">
        <v>77</v>
      </c>
      <c r="B99" s="22">
        <v>58</v>
      </c>
      <c r="C99" s="14">
        <v>54</v>
      </c>
      <c r="D99" s="18">
        <v>112</v>
      </c>
    </row>
    <row r="100" spans="1:4" ht="18" customHeight="1" x14ac:dyDescent="0.15">
      <c r="A100" s="5">
        <v>78</v>
      </c>
      <c r="B100" s="22">
        <v>45</v>
      </c>
      <c r="C100" s="14">
        <v>67</v>
      </c>
      <c r="D100" s="18">
        <v>112</v>
      </c>
    </row>
    <row r="101" spans="1:4" ht="18" customHeight="1" x14ac:dyDescent="0.15">
      <c r="A101" s="5">
        <v>79</v>
      </c>
      <c r="B101" s="22">
        <v>35</v>
      </c>
      <c r="C101" s="14">
        <v>57</v>
      </c>
      <c r="D101" s="18">
        <v>92</v>
      </c>
    </row>
    <row r="102" spans="1:4" ht="18" customHeight="1" x14ac:dyDescent="0.15">
      <c r="A102" s="5" t="s">
        <v>0</v>
      </c>
      <c r="B102" s="22">
        <v>215</v>
      </c>
      <c r="C102" s="14">
        <v>267</v>
      </c>
      <c r="D102" s="18">
        <v>482</v>
      </c>
    </row>
    <row r="103" spans="1:4" ht="18" customHeight="1" x14ac:dyDescent="0.15">
      <c r="A103" s="5">
        <v>80</v>
      </c>
      <c r="B103" s="22">
        <v>25</v>
      </c>
      <c r="C103" s="14">
        <v>29</v>
      </c>
      <c r="D103" s="18">
        <v>54</v>
      </c>
    </row>
    <row r="104" spans="1:4" ht="18" customHeight="1" x14ac:dyDescent="0.15">
      <c r="A104" s="5">
        <v>81</v>
      </c>
      <c r="B104" s="22">
        <v>28</v>
      </c>
      <c r="C104" s="14">
        <v>41</v>
      </c>
      <c r="D104" s="18">
        <v>69</v>
      </c>
    </row>
    <row r="105" spans="1:4" ht="18" customHeight="1" x14ac:dyDescent="0.15">
      <c r="A105" s="5">
        <v>82</v>
      </c>
      <c r="B105" s="22">
        <v>29</v>
      </c>
      <c r="C105" s="14">
        <v>48</v>
      </c>
      <c r="D105" s="18">
        <v>77</v>
      </c>
    </row>
    <row r="106" spans="1:4" ht="18" customHeight="1" x14ac:dyDescent="0.15">
      <c r="A106" s="5">
        <v>83</v>
      </c>
      <c r="B106" s="22">
        <v>29</v>
      </c>
      <c r="C106" s="14">
        <v>48</v>
      </c>
      <c r="D106" s="18">
        <v>77</v>
      </c>
    </row>
    <row r="107" spans="1:4" ht="18" customHeight="1" x14ac:dyDescent="0.15">
      <c r="A107" s="5">
        <v>84</v>
      </c>
      <c r="B107" s="22">
        <v>25</v>
      </c>
      <c r="C107" s="14">
        <v>52</v>
      </c>
      <c r="D107" s="18">
        <v>77</v>
      </c>
    </row>
    <row r="108" spans="1:4" ht="18" customHeight="1" x14ac:dyDescent="0.15">
      <c r="A108" s="5" t="s">
        <v>35</v>
      </c>
      <c r="B108" s="22">
        <v>136</v>
      </c>
      <c r="C108" s="14">
        <v>218</v>
      </c>
      <c r="D108" s="18">
        <v>354</v>
      </c>
    </row>
    <row r="109" spans="1:4" ht="18" customHeight="1" x14ac:dyDescent="0.15">
      <c r="A109" s="5">
        <v>85</v>
      </c>
      <c r="B109" s="22">
        <v>28</v>
      </c>
      <c r="C109" s="14">
        <v>33</v>
      </c>
      <c r="D109" s="18">
        <v>61</v>
      </c>
    </row>
    <row r="110" spans="1:4" ht="18" customHeight="1" x14ac:dyDescent="0.15">
      <c r="A110" s="5">
        <v>86</v>
      </c>
      <c r="B110" s="22">
        <v>23</v>
      </c>
      <c r="C110" s="14">
        <v>29</v>
      </c>
      <c r="D110" s="18">
        <v>52</v>
      </c>
    </row>
    <row r="111" spans="1:4" ht="18" customHeight="1" x14ac:dyDescent="0.15">
      <c r="A111" s="5">
        <v>87</v>
      </c>
      <c r="B111" s="22">
        <v>10</v>
      </c>
      <c r="C111" s="14">
        <v>31</v>
      </c>
      <c r="D111" s="18">
        <v>41</v>
      </c>
    </row>
    <row r="112" spans="1:4" ht="18" customHeight="1" x14ac:dyDescent="0.15">
      <c r="A112" s="5">
        <v>88</v>
      </c>
      <c r="B112" s="22">
        <v>13</v>
      </c>
      <c r="C112" s="14">
        <v>33</v>
      </c>
      <c r="D112" s="18">
        <v>46</v>
      </c>
    </row>
    <row r="113" spans="1:4" ht="18" customHeight="1" x14ac:dyDescent="0.15">
      <c r="A113" s="5">
        <v>89</v>
      </c>
      <c r="B113" s="22">
        <v>14</v>
      </c>
      <c r="C113" s="14">
        <v>29</v>
      </c>
      <c r="D113" s="18">
        <v>43</v>
      </c>
    </row>
    <row r="114" spans="1:4" ht="18" customHeight="1" x14ac:dyDescent="0.15">
      <c r="A114" s="5" t="s">
        <v>37</v>
      </c>
      <c r="B114" s="22">
        <v>88</v>
      </c>
      <c r="C114" s="14">
        <v>155</v>
      </c>
      <c r="D114" s="18">
        <v>243</v>
      </c>
    </row>
    <row r="115" spans="1:4" ht="18" customHeight="1" x14ac:dyDescent="0.15">
      <c r="A115" s="5">
        <v>90</v>
      </c>
      <c r="B115" s="22">
        <v>18</v>
      </c>
      <c r="C115" s="14">
        <v>28</v>
      </c>
      <c r="D115" s="18">
        <v>46</v>
      </c>
    </row>
    <row r="116" spans="1:4" ht="18" customHeight="1" x14ac:dyDescent="0.15">
      <c r="A116" s="5">
        <v>91</v>
      </c>
      <c r="B116" s="22">
        <v>9</v>
      </c>
      <c r="C116" s="14">
        <v>22</v>
      </c>
      <c r="D116" s="18">
        <v>31</v>
      </c>
    </row>
    <row r="117" spans="1:4" ht="18" customHeight="1" x14ac:dyDescent="0.15">
      <c r="A117" s="5">
        <v>92</v>
      </c>
      <c r="B117" s="22">
        <v>11</v>
      </c>
      <c r="C117" s="14">
        <v>34</v>
      </c>
      <c r="D117" s="18">
        <v>45</v>
      </c>
    </row>
    <row r="118" spans="1:4" ht="18" customHeight="1" x14ac:dyDescent="0.15">
      <c r="A118" s="5">
        <v>93</v>
      </c>
      <c r="B118" s="22">
        <v>3</v>
      </c>
      <c r="C118" s="14">
        <v>17</v>
      </c>
      <c r="D118" s="18">
        <v>20</v>
      </c>
    </row>
    <row r="119" spans="1:4" ht="18" customHeight="1" x14ac:dyDescent="0.15">
      <c r="A119" s="5">
        <v>94</v>
      </c>
      <c r="B119" s="22">
        <v>4</v>
      </c>
      <c r="C119" s="14">
        <v>18</v>
      </c>
      <c r="D119" s="18">
        <v>22</v>
      </c>
    </row>
    <row r="120" spans="1:4" ht="18" customHeight="1" x14ac:dyDescent="0.15">
      <c r="A120" s="5" t="s">
        <v>39</v>
      </c>
      <c r="B120" s="22">
        <v>45</v>
      </c>
      <c r="C120" s="14">
        <v>119</v>
      </c>
      <c r="D120" s="18">
        <v>164</v>
      </c>
    </row>
    <row r="121" spans="1:4" ht="18" customHeight="1" x14ac:dyDescent="0.15">
      <c r="A121" s="5">
        <v>95</v>
      </c>
      <c r="B121" s="22">
        <v>1</v>
      </c>
      <c r="C121" s="14">
        <v>14</v>
      </c>
      <c r="D121" s="18">
        <v>15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1</v>
      </c>
      <c r="C123" s="14">
        <v>8</v>
      </c>
      <c r="D123" s="18">
        <v>9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41</v>
      </c>
      <c r="D126" s="18">
        <v>47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847</v>
      </c>
      <c r="C130" s="14">
        <v>1203</v>
      </c>
      <c r="D130" s="18">
        <v>2050</v>
      </c>
    </row>
    <row r="131" spans="1:4" ht="18" customHeight="1" x14ac:dyDescent="0.15">
      <c r="A131" s="7" t="s">
        <v>45</v>
      </c>
      <c r="B131" s="23">
        <v>2742</v>
      </c>
      <c r="C131" s="15">
        <v>2926</v>
      </c>
      <c r="D131" s="19">
        <v>56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7">
        <v>1</v>
      </c>
      <c r="C14" s="14">
        <v>0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2</v>
      </c>
      <c r="C16" s="14">
        <v>1</v>
      </c>
      <c r="D16" s="18">
        <v>3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4</v>
      </c>
      <c r="C21" s="14">
        <v>2</v>
      </c>
      <c r="D21" s="18">
        <v>6</v>
      </c>
    </row>
    <row r="22" spans="1:4" ht="18" customHeight="1" x14ac:dyDescent="0.15">
      <c r="A22" s="5" t="s">
        <v>12</v>
      </c>
      <c r="B22" s="22">
        <v>5</v>
      </c>
      <c r="C22" s="14">
        <v>4</v>
      </c>
      <c r="D22" s="18">
        <v>9</v>
      </c>
    </row>
    <row r="23" spans="1:4" ht="18" customHeight="1" x14ac:dyDescent="0.15">
      <c r="A23" s="5" t="s">
        <v>6</v>
      </c>
      <c r="B23" s="22">
        <v>7</v>
      </c>
      <c r="C23" s="14">
        <v>5</v>
      </c>
      <c r="D23" s="18">
        <v>12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1</v>
      </c>
      <c r="C25" s="14">
        <v>1</v>
      </c>
      <c r="D25" s="18">
        <v>2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2</v>
      </c>
      <c r="C28" s="14">
        <v>1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6</v>
      </c>
      <c r="D29" s="18">
        <v>12</v>
      </c>
    </row>
    <row r="30" spans="1:4" ht="18" customHeight="1" x14ac:dyDescent="0.15">
      <c r="A30" s="5">
        <v>20</v>
      </c>
      <c r="B30" s="22">
        <v>1</v>
      </c>
      <c r="C30" s="14">
        <v>3</v>
      </c>
      <c r="D30" s="18">
        <v>4</v>
      </c>
    </row>
    <row r="31" spans="1:4" ht="18" customHeight="1" x14ac:dyDescent="0.15">
      <c r="A31" s="5">
        <v>21</v>
      </c>
      <c r="B31" s="22">
        <v>4</v>
      </c>
      <c r="C31" s="14">
        <v>0</v>
      </c>
      <c r="D31" s="18">
        <v>4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1</v>
      </c>
      <c r="C34" s="14">
        <v>0</v>
      </c>
      <c r="D34" s="18">
        <v>1</v>
      </c>
    </row>
    <row r="35" spans="1:4" ht="18" customHeight="1" x14ac:dyDescent="0.15">
      <c r="A35" s="5" t="s">
        <v>9</v>
      </c>
      <c r="B35" s="22">
        <v>8</v>
      </c>
      <c r="C35" s="14">
        <v>5</v>
      </c>
      <c r="D35" s="18">
        <v>13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1</v>
      </c>
      <c r="C37" s="14">
        <v>2</v>
      </c>
      <c r="D37" s="18">
        <v>3</v>
      </c>
    </row>
    <row r="38" spans="1:4" ht="18" customHeight="1" x14ac:dyDescent="0.15">
      <c r="A38" s="5">
        <v>27</v>
      </c>
      <c r="B38" s="22">
        <v>6</v>
      </c>
      <c r="C38" s="14">
        <v>1</v>
      </c>
      <c r="D38" s="18">
        <v>7</v>
      </c>
    </row>
    <row r="39" spans="1:4" ht="18" customHeight="1" x14ac:dyDescent="0.15">
      <c r="A39" s="5">
        <v>28</v>
      </c>
      <c r="B39" s="22">
        <v>0</v>
      </c>
      <c r="C39" s="14">
        <v>1</v>
      </c>
      <c r="D39" s="18">
        <v>1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7</v>
      </c>
      <c r="C41" s="14">
        <v>5</v>
      </c>
      <c r="D41" s="18">
        <v>12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0</v>
      </c>
      <c r="C43" s="14">
        <v>3</v>
      </c>
      <c r="D43" s="18">
        <v>3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5</v>
      </c>
      <c r="C47" s="14">
        <v>6</v>
      </c>
      <c r="D47" s="18">
        <v>11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2</v>
      </c>
      <c r="C50" s="14">
        <v>0</v>
      </c>
      <c r="D50" s="18">
        <v>2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5</v>
      </c>
      <c r="D53" s="18">
        <v>14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3</v>
      </c>
      <c r="C56" s="14">
        <v>0</v>
      </c>
      <c r="D56" s="18">
        <v>3</v>
      </c>
    </row>
    <row r="57" spans="1:4" ht="18" customHeight="1" x14ac:dyDescent="0.15">
      <c r="A57" s="5">
        <v>43</v>
      </c>
      <c r="B57" s="22">
        <v>3</v>
      </c>
      <c r="C57" s="14">
        <v>1</v>
      </c>
      <c r="D57" s="18">
        <v>4</v>
      </c>
    </row>
    <row r="58" spans="1:4" ht="18" customHeight="1" x14ac:dyDescent="0.15">
      <c r="A58" s="5">
        <v>44</v>
      </c>
      <c r="B58" s="22">
        <v>1</v>
      </c>
      <c r="C58" s="14">
        <v>2</v>
      </c>
      <c r="D58" s="18">
        <v>3</v>
      </c>
    </row>
    <row r="59" spans="1:4" ht="18" customHeight="1" x14ac:dyDescent="0.15">
      <c r="A59" s="5" t="s">
        <v>21</v>
      </c>
      <c r="B59" s="22">
        <v>11</v>
      </c>
      <c r="C59" s="14">
        <v>5</v>
      </c>
      <c r="D59" s="18">
        <v>16</v>
      </c>
    </row>
    <row r="60" spans="1:4" ht="18" customHeight="1" x14ac:dyDescent="0.15">
      <c r="A60" s="5">
        <v>45</v>
      </c>
      <c r="B60" s="22">
        <v>5</v>
      </c>
      <c r="C60" s="14">
        <v>2</v>
      </c>
      <c r="D60" s="18">
        <v>7</v>
      </c>
    </row>
    <row r="61" spans="1:4" ht="18" customHeight="1" x14ac:dyDescent="0.15">
      <c r="A61" s="5">
        <v>46</v>
      </c>
      <c r="B61" s="22">
        <v>3</v>
      </c>
      <c r="C61" s="14">
        <v>2</v>
      </c>
      <c r="D61" s="18">
        <v>5</v>
      </c>
    </row>
    <row r="62" spans="1:4" ht="18" customHeight="1" x14ac:dyDescent="0.15">
      <c r="A62" s="5">
        <v>47</v>
      </c>
      <c r="B62" s="22">
        <v>3</v>
      </c>
      <c r="C62" s="14">
        <v>3</v>
      </c>
      <c r="D62" s="18">
        <v>6</v>
      </c>
    </row>
    <row r="63" spans="1:4" ht="18" customHeight="1" x14ac:dyDescent="0.15">
      <c r="A63" s="5">
        <v>48</v>
      </c>
      <c r="B63" s="22">
        <v>4</v>
      </c>
      <c r="C63" s="14">
        <v>4</v>
      </c>
      <c r="D63" s="18">
        <v>8</v>
      </c>
    </row>
    <row r="64" spans="1:4" ht="18" customHeight="1" x14ac:dyDescent="0.15">
      <c r="A64" s="5">
        <v>49</v>
      </c>
      <c r="B64" s="22">
        <v>2</v>
      </c>
      <c r="C64" s="14">
        <v>3</v>
      </c>
      <c r="D64" s="18">
        <v>5</v>
      </c>
    </row>
    <row r="65" spans="1:4" ht="18" customHeight="1" x14ac:dyDescent="0.15">
      <c r="A65" s="5" t="s">
        <v>17</v>
      </c>
      <c r="B65" s="22">
        <v>17</v>
      </c>
      <c r="C65" s="14">
        <v>14</v>
      </c>
      <c r="D65" s="18">
        <v>31</v>
      </c>
    </row>
    <row r="66" spans="1:4" ht="18" customHeight="1" x14ac:dyDescent="0.15">
      <c r="A66" s="5">
        <v>50</v>
      </c>
      <c r="B66" s="22">
        <v>7</v>
      </c>
      <c r="C66" s="14">
        <v>3</v>
      </c>
      <c r="D66" s="18">
        <v>10</v>
      </c>
    </row>
    <row r="67" spans="1:4" ht="18" customHeight="1" x14ac:dyDescent="0.15">
      <c r="A67" s="5">
        <v>51</v>
      </c>
      <c r="B67" s="22">
        <v>5</v>
      </c>
      <c r="C67" s="14">
        <v>4</v>
      </c>
      <c r="D67" s="18">
        <v>9</v>
      </c>
    </row>
    <row r="68" spans="1:4" ht="18" customHeight="1" x14ac:dyDescent="0.15">
      <c r="A68" s="5">
        <v>52</v>
      </c>
      <c r="B68" s="22">
        <v>4</v>
      </c>
      <c r="C68" s="14">
        <v>6</v>
      </c>
      <c r="D68" s="18">
        <v>10</v>
      </c>
    </row>
    <row r="69" spans="1:4" ht="18" customHeight="1" x14ac:dyDescent="0.15">
      <c r="A69" s="5">
        <v>53</v>
      </c>
      <c r="B69" s="22">
        <v>6</v>
      </c>
      <c r="C69" s="14">
        <v>0</v>
      </c>
      <c r="D69" s="18">
        <v>6</v>
      </c>
    </row>
    <row r="70" spans="1:4" ht="18" customHeight="1" x14ac:dyDescent="0.15">
      <c r="A70" s="5">
        <v>54</v>
      </c>
      <c r="B70" s="22">
        <v>3</v>
      </c>
      <c r="C70" s="14">
        <v>4</v>
      </c>
      <c r="D70" s="18">
        <v>7</v>
      </c>
    </row>
    <row r="71" spans="1:4" ht="18" customHeight="1" x14ac:dyDescent="0.15">
      <c r="A71" s="5" t="s">
        <v>22</v>
      </c>
      <c r="B71" s="22">
        <v>25</v>
      </c>
      <c r="C71" s="14">
        <v>17</v>
      </c>
      <c r="D71" s="18">
        <v>42</v>
      </c>
    </row>
    <row r="72" spans="1:4" ht="18" customHeight="1" x14ac:dyDescent="0.15">
      <c r="A72" s="5">
        <v>55</v>
      </c>
      <c r="B72" s="22">
        <v>3</v>
      </c>
      <c r="C72" s="14">
        <v>0</v>
      </c>
      <c r="D72" s="18">
        <v>3</v>
      </c>
    </row>
    <row r="73" spans="1:4" ht="18" customHeight="1" x14ac:dyDescent="0.15">
      <c r="A73" s="5">
        <v>56</v>
      </c>
      <c r="B73" s="22">
        <v>2</v>
      </c>
      <c r="C73" s="14">
        <v>3</v>
      </c>
      <c r="D73" s="18">
        <v>5</v>
      </c>
    </row>
    <row r="74" spans="1:4" ht="18" customHeight="1" x14ac:dyDescent="0.15">
      <c r="A74" s="5">
        <v>57</v>
      </c>
      <c r="B74" s="22">
        <v>5</v>
      </c>
      <c r="C74" s="14">
        <v>2</v>
      </c>
      <c r="D74" s="18">
        <v>7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0</v>
      </c>
      <c r="C76" s="14">
        <v>2</v>
      </c>
      <c r="D76" s="18">
        <v>2</v>
      </c>
    </row>
    <row r="77" spans="1:4" ht="18" customHeight="1" x14ac:dyDescent="0.15">
      <c r="A77" s="5" t="s">
        <v>27</v>
      </c>
      <c r="B77" s="22">
        <v>14</v>
      </c>
      <c r="C77" s="14">
        <v>11</v>
      </c>
      <c r="D77" s="18">
        <v>25</v>
      </c>
    </row>
    <row r="78" spans="1:4" ht="18" customHeight="1" x14ac:dyDescent="0.15">
      <c r="A78" s="5">
        <v>60</v>
      </c>
      <c r="B78" s="22">
        <v>2</v>
      </c>
      <c r="C78" s="14">
        <v>4</v>
      </c>
      <c r="D78" s="18">
        <v>6</v>
      </c>
    </row>
    <row r="79" spans="1:4" ht="18" customHeight="1" x14ac:dyDescent="0.15">
      <c r="A79" s="5">
        <v>61</v>
      </c>
      <c r="B79" s="22">
        <v>6</v>
      </c>
      <c r="C79" s="14">
        <v>3</v>
      </c>
      <c r="D79" s="18">
        <v>9</v>
      </c>
    </row>
    <row r="80" spans="1:4" ht="18" customHeight="1" x14ac:dyDescent="0.15">
      <c r="A80" s="5">
        <v>62</v>
      </c>
      <c r="B80" s="22">
        <v>3</v>
      </c>
      <c r="C80" s="14">
        <v>4</v>
      </c>
      <c r="D80" s="18">
        <v>7</v>
      </c>
    </row>
    <row r="81" spans="1:4" ht="18" customHeight="1" x14ac:dyDescent="0.15">
      <c r="A81" s="5">
        <v>63</v>
      </c>
      <c r="B81" s="22">
        <v>1</v>
      </c>
      <c r="C81" s="14">
        <v>5</v>
      </c>
      <c r="D81" s="18">
        <v>6</v>
      </c>
    </row>
    <row r="82" spans="1:4" ht="18" customHeight="1" x14ac:dyDescent="0.15">
      <c r="A82" s="5">
        <v>64</v>
      </c>
      <c r="B82" s="22">
        <v>4</v>
      </c>
      <c r="C82" s="14">
        <v>3</v>
      </c>
      <c r="D82" s="18">
        <v>7</v>
      </c>
    </row>
    <row r="83" spans="1:4" ht="18" customHeight="1" x14ac:dyDescent="0.15">
      <c r="A83" s="5" t="s">
        <v>28</v>
      </c>
      <c r="B83" s="22">
        <v>16</v>
      </c>
      <c r="C83" s="14">
        <v>19</v>
      </c>
      <c r="D83" s="18">
        <v>35</v>
      </c>
    </row>
    <row r="84" spans="1:4" ht="18" customHeight="1" x14ac:dyDescent="0.15">
      <c r="A84" s="5" t="s">
        <v>31</v>
      </c>
      <c r="B84" s="22">
        <v>118</v>
      </c>
      <c r="C84" s="14">
        <v>93</v>
      </c>
      <c r="D84" s="18">
        <v>211</v>
      </c>
    </row>
    <row r="85" spans="1:4" ht="18" customHeight="1" x14ac:dyDescent="0.15">
      <c r="A85" s="5">
        <v>65</v>
      </c>
      <c r="B85" s="22">
        <v>7</v>
      </c>
      <c r="C85" s="14">
        <v>6</v>
      </c>
      <c r="D85" s="18">
        <v>13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7</v>
      </c>
      <c r="C87" s="14">
        <v>7</v>
      </c>
      <c r="D87" s="18">
        <v>14</v>
      </c>
    </row>
    <row r="88" spans="1:4" ht="18" customHeight="1" x14ac:dyDescent="0.15">
      <c r="A88" s="5">
        <v>68</v>
      </c>
      <c r="B88" s="22">
        <v>8</v>
      </c>
      <c r="C88" s="14">
        <v>2</v>
      </c>
      <c r="D88" s="18">
        <v>10</v>
      </c>
    </row>
    <row r="89" spans="1:4" ht="18" customHeight="1" x14ac:dyDescent="0.15">
      <c r="A89" s="5">
        <v>69</v>
      </c>
      <c r="B89" s="22">
        <v>7</v>
      </c>
      <c r="C89" s="14">
        <v>8</v>
      </c>
      <c r="D89" s="18">
        <v>15</v>
      </c>
    </row>
    <row r="90" spans="1:4" ht="18" customHeight="1" x14ac:dyDescent="0.15">
      <c r="A90" s="5" t="s">
        <v>20</v>
      </c>
      <c r="B90" s="22">
        <v>33</v>
      </c>
      <c r="C90" s="14">
        <v>26</v>
      </c>
      <c r="D90" s="18">
        <v>59</v>
      </c>
    </row>
    <row r="91" spans="1:4" ht="18" customHeight="1" x14ac:dyDescent="0.15">
      <c r="A91" s="5">
        <v>70</v>
      </c>
      <c r="B91" s="22">
        <v>3</v>
      </c>
      <c r="C91" s="14">
        <v>6</v>
      </c>
      <c r="D91" s="18">
        <v>9</v>
      </c>
    </row>
    <row r="92" spans="1:4" ht="18" customHeight="1" x14ac:dyDescent="0.15">
      <c r="A92" s="5">
        <v>71</v>
      </c>
      <c r="B92" s="22">
        <v>5</v>
      </c>
      <c r="C92" s="14">
        <v>12</v>
      </c>
      <c r="D92" s="18">
        <v>17</v>
      </c>
    </row>
    <row r="93" spans="1:4" ht="18" customHeight="1" x14ac:dyDescent="0.15">
      <c r="A93" s="5">
        <v>72</v>
      </c>
      <c r="B93" s="22">
        <v>11</v>
      </c>
      <c r="C93" s="14">
        <v>10</v>
      </c>
      <c r="D93" s="18">
        <v>21</v>
      </c>
    </row>
    <row r="94" spans="1:4" ht="18" customHeight="1" x14ac:dyDescent="0.15">
      <c r="A94" s="5">
        <v>73</v>
      </c>
      <c r="B94" s="22">
        <v>10</v>
      </c>
      <c r="C94" s="14">
        <v>7</v>
      </c>
      <c r="D94" s="18">
        <v>17</v>
      </c>
    </row>
    <row r="95" spans="1:4" ht="18" customHeight="1" x14ac:dyDescent="0.15">
      <c r="A95" s="5">
        <v>74</v>
      </c>
      <c r="B95" s="22">
        <v>10</v>
      </c>
      <c r="C95" s="14">
        <v>6</v>
      </c>
      <c r="D95" s="18">
        <v>16</v>
      </c>
    </row>
    <row r="96" spans="1:4" ht="18" customHeight="1" x14ac:dyDescent="0.15">
      <c r="A96" s="5" t="s">
        <v>33</v>
      </c>
      <c r="B96" s="22">
        <v>39</v>
      </c>
      <c r="C96" s="14">
        <v>41</v>
      </c>
      <c r="D96" s="18">
        <v>80</v>
      </c>
    </row>
    <row r="97" spans="1:4" ht="18" customHeight="1" x14ac:dyDescent="0.15">
      <c r="A97" s="5">
        <v>75</v>
      </c>
      <c r="B97" s="22">
        <v>10</v>
      </c>
      <c r="C97" s="14">
        <v>5</v>
      </c>
      <c r="D97" s="18">
        <v>15</v>
      </c>
    </row>
    <row r="98" spans="1:4" ht="18" customHeight="1" x14ac:dyDescent="0.15">
      <c r="A98" s="5">
        <v>76</v>
      </c>
      <c r="B98" s="22">
        <v>10</v>
      </c>
      <c r="C98" s="14">
        <v>6</v>
      </c>
      <c r="D98" s="18">
        <v>16</v>
      </c>
    </row>
    <row r="99" spans="1:4" ht="18" customHeight="1" x14ac:dyDescent="0.15">
      <c r="A99" s="5">
        <v>77</v>
      </c>
      <c r="B99" s="22">
        <v>5</v>
      </c>
      <c r="C99" s="14">
        <v>11</v>
      </c>
      <c r="D99" s="18">
        <v>16</v>
      </c>
    </row>
    <row r="100" spans="1:4" ht="18" customHeight="1" x14ac:dyDescent="0.15">
      <c r="A100" s="5">
        <v>78</v>
      </c>
      <c r="B100" s="22">
        <v>4</v>
      </c>
      <c r="C100" s="14">
        <v>7</v>
      </c>
      <c r="D100" s="18">
        <v>11</v>
      </c>
    </row>
    <row r="101" spans="1:4" ht="18" customHeight="1" x14ac:dyDescent="0.15">
      <c r="A101" s="5">
        <v>79</v>
      </c>
      <c r="B101" s="22">
        <v>8</v>
      </c>
      <c r="C101" s="14">
        <v>6</v>
      </c>
      <c r="D101" s="18">
        <v>14</v>
      </c>
    </row>
    <row r="102" spans="1:4" ht="18" customHeight="1" x14ac:dyDescent="0.15">
      <c r="A102" s="5" t="s">
        <v>0</v>
      </c>
      <c r="B102" s="22">
        <v>37</v>
      </c>
      <c r="C102" s="14">
        <v>35</v>
      </c>
      <c r="D102" s="18">
        <v>72</v>
      </c>
    </row>
    <row r="103" spans="1:4" ht="18" customHeight="1" x14ac:dyDescent="0.15">
      <c r="A103" s="5">
        <v>80</v>
      </c>
      <c r="B103" s="22">
        <v>1</v>
      </c>
      <c r="C103" s="14">
        <v>3</v>
      </c>
      <c r="D103" s="18">
        <v>4</v>
      </c>
    </row>
    <row r="104" spans="1:4" ht="18" customHeight="1" x14ac:dyDescent="0.15">
      <c r="A104" s="5">
        <v>81</v>
      </c>
      <c r="B104" s="22">
        <v>5</v>
      </c>
      <c r="C104" s="14">
        <v>4</v>
      </c>
      <c r="D104" s="18">
        <v>9</v>
      </c>
    </row>
    <row r="105" spans="1:4" ht="18" customHeight="1" x14ac:dyDescent="0.15">
      <c r="A105" s="5">
        <v>82</v>
      </c>
      <c r="B105" s="22">
        <v>5</v>
      </c>
      <c r="C105" s="14">
        <v>5</v>
      </c>
      <c r="D105" s="18">
        <v>10</v>
      </c>
    </row>
    <row r="106" spans="1:4" ht="18" customHeight="1" x14ac:dyDescent="0.15">
      <c r="A106" s="5">
        <v>83</v>
      </c>
      <c r="B106" s="22">
        <v>2</v>
      </c>
      <c r="C106" s="14">
        <v>3</v>
      </c>
      <c r="D106" s="18">
        <v>5</v>
      </c>
    </row>
    <row r="107" spans="1:4" ht="18" customHeight="1" x14ac:dyDescent="0.15">
      <c r="A107" s="5">
        <v>84</v>
      </c>
      <c r="B107" s="22">
        <v>4</v>
      </c>
      <c r="C107" s="14">
        <v>7</v>
      </c>
      <c r="D107" s="18">
        <v>11</v>
      </c>
    </row>
    <row r="108" spans="1:4" ht="18" customHeight="1" x14ac:dyDescent="0.15">
      <c r="A108" s="5" t="s">
        <v>35</v>
      </c>
      <c r="B108" s="22">
        <v>17</v>
      </c>
      <c r="C108" s="14">
        <v>22</v>
      </c>
      <c r="D108" s="18">
        <v>39</v>
      </c>
    </row>
    <row r="109" spans="1:4" ht="18" customHeight="1" x14ac:dyDescent="0.15">
      <c r="A109" s="5">
        <v>85</v>
      </c>
      <c r="B109" s="22">
        <v>5</v>
      </c>
      <c r="C109" s="14">
        <v>6</v>
      </c>
      <c r="D109" s="18">
        <v>11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2</v>
      </c>
      <c r="C111" s="14">
        <v>3</v>
      </c>
      <c r="D111" s="18">
        <v>5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1</v>
      </c>
      <c r="C113" s="14">
        <v>2</v>
      </c>
      <c r="D113" s="18">
        <v>3</v>
      </c>
    </row>
    <row r="114" spans="1:4" ht="18" customHeight="1" x14ac:dyDescent="0.15">
      <c r="A114" s="5" t="s">
        <v>37</v>
      </c>
      <c r="B114" s="22">
        <v>11</v>
      </c>
      <c r="C114" s="14">
        <v>17</v>
      </c>
      <c r="D114" s="18">
        <v>28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2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2</v>
      </c>
      <c r="C120" s="14">
        <v>16</v>
      </c>
      <c r="D120" s="18">
        <v>18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1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39</v>
      </c>
      <c r="C130" s="14">
        <v>170</v>
      </c>
      <c r="D130" s="18">
        <v>309</v>
      </c>
    </row>
    <row r="131" spans="1:4" ht="18" customHeight="1" x14ac:dyDescent="0.15">
      <c r="A131" s="7" t="s">
        <v>45</v>
      </c>
      <c r="B131" s="23">
        <v>264</v>
      </c>
      <c r="C131" s="15">
        <v>268</v>
      </c>
      <c r="D131" s="19">
        <v>5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0</v>
      </c>
      <c r="C22" s="14">
        <v>3</v>
      </c>
      <c r="D22" s="18">
        <v>3</v>
      </c>
    </row>
    <row r="23" spans="1:4" ht="18" customHeight="1" x14ac:dyDescent="0.15">
      <c r="A23" s="5" t="s">
        <v>6</v>
      </c>
      <c r="B23" s="22">
        <v>0</v>
      </c>
      <c r="C23" s="14">
        <v>3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0</v>
      </c>
      <c r="D35" s="18">
        <v>1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0</v>
      </c>
      <c r="C50" s="14">
        <v>1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1</v>
      </c>
      <c r="C53" s="14">
        <v>2</v>
      </c>
      <c r="D53" s="18">
        <v>3</v>
      </c>
    </row>
    <row r="54" spans="1:4" ht="18" customHeight="1" x14ac:dyDescent="0.15">
      <c r="A54" s="5">
        <v>40</v>
      </c>
      <c r="B54" s="22">
        <v>3</v>
      </c>
      <c r="C54" s="14">
        <v>0</v>
      </c>
      <c r="D54" s="18">
        <v>3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1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4</v>
      </c>
      <c r="C59" s="14">
        <v>1</v>
      </c>
      <c r="D59" s="18">
        <v>5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2</v>
      </c>
      <c r="C61" s="14">
        <v>0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3</v>
      </c>
      <c r="C65" s="14">
        <v>1</v>
      </c>
      <c r="D65" s="18">
        <v>4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0</v>
      </c>
      <c r="C71" s="14">
        <v>1</v>
      </c>
      <c r="D71" s="18">
        <v>1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0</v>
      </c>
      <c r="C75" s="14">
        <v>0</v>
      </c>
      <c r="D75" s="18">
        <v>0</v>
      </c>
    </row>
    <row r="76" spans="1:4" ht="18" customHeight="1" x14ac:dyDescent="0.15">
      <c r="A76" s="5">
        <v>59</v>
      </c>
      <c r="B76" s="22">
        <v>1</v>
      </c>
      <c r="C76" s="14">
        <v>1</v>
      </c>
      <c r="D76" s="18">
        <v>2</v>
      </c>
    </row>
    <row r="77" spans="1:4" ht="18" customHeight="1" x14ac:dyDescent="0.15">
      <c r="A77" s="5" t="s">
        <v>27</v>
      </c>
      <c r="B77" s="22">
        <v>1</v>
      </c>
      <c r="C77" s="14">
        <v>3</v>
      </c>
      <c r="D77" s="18">
        <v>4</v>
      </c>
    </row>
    <row r="78" spans="1:4" ht="18" customHeight="1" x14ac:dyDescent="0.15">
      <c r="A78" s="5">
        <v>60</v>
      </c>
      <c r="B78" s="22">
        <v>1</v>
      </c>
      <c r="C78" s="14">
        <v>2</v>
      </c>
      <c r="D78" s="18">
        <v>3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0</v>
      </c>
      <c r="D81" s="18">
        <v>1</v>
      </c>
    </row>
    <row r="82" spans="1:4" ht="18" customHeight="1" x14ac:dyDescent="0.15">
      <c r="A82" s="5">
        <v>64</v>
      </c>
      <c r="B82" s="22">
        <v>2</v>
      </c>
      <c r="C82" s="14">
        <v>0</v>
      </c>
      <c r="D82" s="18">
        <v>2</v>
      </c>
    </row>
    <row r="83" spans="1:4" ht="18" customHeight="1" x14ac:dyDescent="0.15">
      <c r="A83" s="5" t="s">
        <v>28</v>
      </c>
      <c r="B83" s="22">
        <v>5</v>
      </c>
      <c r="C83" s="14">
        <v>4</v>
      </c>
      <c r="D83" s="18">
        <v>9</v>
      </c>
    </row>
    <row r="84" spans="1:4" ht="18" customHeight="1" x14ac:dyDescent="0.15">
      <c r="A84" s="5" t="s">
        <v>31</v>
      </c>
      <c r="B84" s="22">
        <v>17</v>
      </c>
      <c r="C84" s="14">
        <v>13</v>
      </c>
      <c r="D84" s="18">
        <v>30</v>
      </c>
    </row>
    <row r="85" spans="1:4" ht="18" customHeight="1" x14ac:dyDescent="0.15">
      <c r="A85" s="5">
        <v>65</v>
      </c>
      <c r="B85" s="22">
        <v>0</v>
      </c>
      <c r="C85" s="14">
        <v>2</v>
      </c>
      <c r="D85" s="18">
        <v>2</v>
      </c>
    </row>
    <row r="86" spans="1:4" ht="18" customHeight="1" x14ac:dyDescent="0.15">
      <c r="A86" s="5">
        <v>66</v>
      </c>
      <c r="B86" s="22">
        <v>3</v>
      </c>
      <c r="C86" s="14">
        <v>0</v>
      </c>
      <c r="D86" s="18">
        <v>3</v>
      </c>
    </row>
    <row r="87" spans="1:4" ht="18" customHeight="1" x14ac:dyDescent="0.15">
      <c r="A87" s="5">
        <v>67</v>
      </c>
      <c r="B87" s="22">
        <v>1</v>
      </c>
      <c r="C87" s="14">
        <v>1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6</v>
      </c>
      <c r="D89" s="18">
        <v>7</v>
      </c>
    </row>
    <row r="90" spans="1:4" ht="18" customHeight="1" x14ac:dyDescent="0.15">
      <c r="A90" s="5" t="s">
        <v>20</v>
      </c>
      <c r="B90" s="22">
        <v>6</v>
      </c>
      <c r="C90" s="14">
        <v>9</v>
      </c>
      <c r="D90" s="18">
        <v>15</v>
      </c>
    </row>
    <row r="91" spans="1:4" ht="18" customHeight="1" x14ac:dyDescent="0.15">
      <c r="A91" s="5">
        <v>70</v>
      </c>
      <c r="B91" s="22">
        <v>0</v>
      </c>
      <c r="C91" s="14">
        <v>5</v>
      </c>
      <c r="D91" s="18">
        <v>5</v>
      </c>
    </row>
    <row r="92" spans="1:4" ht="18" customHeight="1" x14ac:dyDescent="0.15">
      <c r="A92" s="5">
        <v>71</v>
      </c>
      <c r="B92" s="22">
        <v>0</v>
      </c>
      <c r="C92" s="14">
        <v>0</v>
      </c>
      <c r="D92" s="18">
        <v>0</v>
      </c>
    </row>
    <row r="93" spans="1:4" ht="18" customHeight="1" x14ac:dyDescent="0.15">
      <c r="A93" s="5">
        <v>72</v>
      </c>
      <c r="B93" s="22">
        <v>2</v>
      </c>
      <c r="C93" s="14">
        <v>1</v>
      </c>
      <c r="D93" s="18">
        <v>3</v>
      </c>
    </row>
    <row r="94" spans="1:4" ht="18" customHeight="1" x14ac:dyDescent="0.15">
      <c r="A94" s="5">
        <v>73</v>
      </c>
      <c r="B94" s="22">
        <v>0</v>
      </c>
      <c r="C94" s="14">
        <v>0</v>
      </c>
      <c r="D94" s="18">
        <v>0</v>
      </c>
    </row>
    <row r="95" spans="1:4" ht="18" customHeight="1" x14ac:dyDescent="0.15">
      <c r="A95" s="5">
        <v>74</v>
      </c>
      <c r="B95" s="22">
        <v>2</v>
      </c>
      <c r="C95" s="14">
        <v>2</v>
      </c>
      <c r="D95" s="18">
        <v>4</v>
      </c>
    </row>
    <row r="96" spans="1:4" ht="18" customHeight="1" x14ac:dyDescent="0.15">
      <c r="A96" s="5" t="s">
        <v>33</v>
      </c>
      <c r="B96" s="22">
        <v>4</v>
      </c>
      <c r="C96" s="14">
        <v>8</v>
      </c>
      <c r="D96" s="18">
        <v>12</v>
      </c>
    </row>
    <row r="97" spans="1:4" ht="18" customHeight="1" x14ac:dyDescent="0.15">
      <c r="A97" s="5">
        <v>75</v>
      </c>
      <c r="B97" s="22">
        <v>2</v>
      </c>
      <c r="C97" s="14">
        <v>0</v>
      </c>
      <c r="D97" s="18">
        <v>2</v>
      </c>
    </row>
    <row r="98" spans="1:4" ht="18" customHeight="1" x14ac:dyDescent="0.15">
      <c r="A98" s="5">
        <v>76</v>
      </c>
      <c r="B98" s="22">
        <v>4</v>
      </c>
      <c r="C98" s="14">
        <v>0</v>
      </c>
      <c r="D98" s="18">
        <v>4</v>
      </c>
    </row>
    <row r="99" spans="1:4" ht="18" customHeight="1" x14ac:dyDescent="0.15">
      <c r="A99" s="5">
        <v>77</v>
      </c>
      <c r="B99" s="22">
        <v>2</v>
      </c>
      <c r="C99" s="14">
        <v>1</v>
      </c>
      <c r="D99" s="18">
        <v>3</v>
      </c>
    </row>
    <row r="100" spans="1:4" ht="18" customHeight="1" x14ac:dyDescent="0.15">
      <c r="A100" s="5">
        <v>78</v>
      </c>
      <c r="B100" s="22">
        <v>3</v>
      </c>
      <c r="C100" s="14">
        <v>4</v>
      </c>
      <c r="D100" s="18">
        <v>7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12</v>
      </c>
      <c r="C102" s="14">
        <v>6</v>
      </c>
      <c r="D102" s="18">
        <v>18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0</v>
      </c>
      <c r="D104" s="18">
        <v>1</v>
      </c>
    </row>
    <row r="105" spans="1:4" ht="18" customHeight="1" x14ac:dyDescent="0.15">
      <c r="A105" s="5">
        <v>82</v>
      </c>
      <c r="B105" s="22">
        <v>1</v>
      </c>
      <c r="C105" s="14">
        <v>1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5</v>
      </c>
      <c r="D108" s="18">
        <v>8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5</v>
      </c>
      <c r="D110" s="18">
        <v>6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3</v>
      </c>
      <c r="C112" s="14">
        <v>4</v>
      </c>
      <c r="D112" s="18">
        <v>7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6</v>
      </c>
      <c r="C114" s="14">
        <v>12</v>
      </c>
      <c r="D114" s="18">
        <v>18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1</v>
      </c>
      <c r="D118" s="18">
        <v>1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4</v>
      </c>
      <c r="D120" s="18">
        <v>6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33</v>
      </c>
      <c r="C130" s="14">
        <v>47</v>
      </c>
      <c r="D130" s="18">
        <v>80</v>
      </c>
    </row>
    <row r="131" spans="1:4" ht="18" customHeight="1" x14ac:dyDescent="0.15">
      <c r="A131" s="7" t="s">
        <v>45</v>
      </c>
      <c r="B131" s="23">
        <v>50</v>
      </c>
      <c r="C131" s="15">
        <v>63</v>
      </c>
      <c r="D131" s="19">
        <v>1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1</v>
      </c>
      <c r="C21" s="14">
        <v>0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0</v>
      </c>
      <c r="D22" s="18">
        <v>3</v>
      </c>
    </row>
    <row r="23" spans="1:4" ht="18" customHeight="1" x14ac:dyDescent="0.15">
      <c r="A23" s="5" t="s">
        <v>6</v>
      </c>
      <c r="B23" s="22">
        <v>3</v>
      </c>
      <c r="C23" s="14">
        <v>0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0</v>
      </c>
      <c r="C35" s="14">
        <v>0</v>
      </c>
      <c r="D35" s="18">
        <v>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</v>
      </c>
      <c r="C47" s="14">
        <v>0</v>
      </c>
      <c r="D47" s="18">
        <v>1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1</v>
      </c>
      <c r="C53" s="14">
        <v>0</v>
      </c>
      <c r="D53" s="18">
        <v>1</v>
      </c>
    </row>
    <row r="54" spans="1:4" ht="18" customHeight="1" x14ac:dyDescent="0.15">
      <c r="A54" s="5">
        <v>40</v>
      </c>
      <c r="B54" s="22">
        <v>0</v>
      </c>
      <c r="C54" s="14">
        <v>0</v>
      </c>
      <c r="D54" s="18">
        <v>0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0</v>
      </c>
      <c r="D56" s="18">
        <v>0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2</v>
      </c>
      <c r="C59" s="14">
        <v>0</v>
      </c>
      <c r="D59" s="18">
        <v>2</v>
      </c>
    </row>
    <row r="60" spans="1:4" ht="18" customHeight="1" x14ac:dyDescent="0.15">
      <c r="A60" s="5">
        <v>45</v>
      </c>
      <c r="B60" s="22">
        <v>0</v>
      </c>
      <c r="C60" s="14">
        <v>0</v>
      </c>
      <c r="D60" s="18">
        <v>0</v>
      </c>
    </row>
    <row r="61" spans="1:4" ht="18" customHeight="1" x14ac:dyDescent="0.15">
      <c r="A61" s="5">
        <v>46</v>
      </c>
      <c r="B61" s="22">
        <v>0</v>
      </c>
      <c r="C61" s="14">
        <v>0</v>
      </c>
      <c r="D61" s="18">
        <v>0</v>
      </c>
    </row>
    <row r="62" spans="1:4" ht="18" customHeight="1" x14ac:dyDescent="0.15">
      <c r="A62" s="5">
        <v>47</v>
      </c>
      <c r="B62" s="22">
        <v>0</v>
      </c>
      <c r="C62" s="14">
        <v>0</v>
      </c>
      <c r="D62" s="18">
        <v>0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0</v>
      </c>
      <c r="C65" s="14">
        <v>0</v>
      </c>
      <c r="D65" s="18">
        <v>0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1</v>
      </c>
      <c r="C69" s="14">
        <v>0</v>
      </c>
      <c r="D69" s="18">
        <v>1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1</v>
      </c>
      <c r="C71" s="14">
        <v>1</v>
      </c>
      <c r="D71" s="18">
        <v>2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1</v>
      </c>
      <c r="C73" s="14">
        <v>0</v>
      </c>
      <c r="D73" s="18">
        <v>1</v>
      </c>
    </row>
    <row r="74" spans="1:4" ht="18" customHeight="1" x14ac:dyDescent="0.15">
      <c r="A74" s="5">
        <v>57</v>
      </c>
      <c r="B74" s="22">
        <v>0</v>
      </c>
      <c r="C74" s="14">
        <v>0</v>
      </c>
      <c r="D74" s="18">
        <v>0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2</v>
      </c>
      <c r="C77" s="14">
        <v>1</v>
      </c>
      <c r="D77" s="18">
        <v>3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0</v>
      </c>
      <c r="C79" s="14">
        <v>0</v>
      </c>
      <c r="D79" s="18">
        <v>0</v>
      </c>
    </row>
    <row r="80" spans="1:4" ht="18" customHeight="1" x14ac:dyDescent="0.15">
      <c r="A80" s="5">
        <v>62</v>
      </c>
      <c r="B80" s="22">
        <v>0</v>
      </c>
      <c r="C80" s="14">
        <v>0</v>
      </c>
      <c r="D80" s="18">
        <v>0</v>
      </c>
    </row>
    <row r="81" spans="1:4" ht="18" customHeight="1" x14ac:dyDescent="0.15">
      <c r="A81" s="5">
        <v>63</v>
      </c>
      <c r="B81" s="22">
        <v>0</v>
      </c>
      <c r="C81" s="14">
        <v>0</v>
      </c>
      <c r="D81" s="18">
        <v>0</v>
      </c>
    </row>
    <row r="82" spans="1:4" ht="18" customHeight="1" x14ac:dyDescent="0.15">
      <c r="A82" s="5">
        <v>64</v>
      </c>
      <c r="B82" s="22">
        <v>0</v>
      </c>
      <c r="C82" s="14">
        <v>0</v>
      </c>
      <c r="D82" s="18">
        <v>0</v>
      </c>
    </row>
    <row r="83" spans="1:4" ht="18" customHeight="1" x14ac:dyDescent="0.15">
      <c r="A83" s="5" t="s">
        <v>28</v>
      </c>
      <c r="B83" s="22">
        <v>0</v>
      </c>
      <c r="C83" s="14">
        <v>1</v>
      </c>
      <c r="D83" s="18">
        <v>1</v>
      </c>
    </row>
    <row r="84" spans="1:4" ht="18" customHeight="1" x14ac:dyDescent="0.15">
      <c r="A84" s="5" t="s">
        <v>31</v>
      </c>
      <c r="B84" s="22">
        <v>7</v>
      </c>
      <c r="C84" s="14">
        <v>3</v>
      </c>
      <c r="D84" s="18">
        <v>10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0</v>
      </c>
      <c r="C87" s="14">
        <v>2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0</v>
      </c>
      <c r="D89" s="18">
        <v>1</v>
      </c>
    </row>
    <row r="90" spans="1:4" ht="18" customHeight="1" x14ac:dyDescent="0.15">
      <c r="A90" s="5" t="s">
        <v>20</v>
      </c>
      <c r="B90" s="22">
        <v>3</v>
      </c>
      <c r="C90" s="14">
        <v>2</v>
      </c>
      <c r="D90" s="18">
        <v>5</v>
      </c>
    </row>
    <row r="91" spans="1:4" ht="18" customHeight="1" x14ac:dyDescent="0.15">
      <c r="A91" s="5">
        <v>70</v>
      </c>
      <c r="B91" s="22">
        <v>0</v>
      </c>
      <c r="C91" s="14">
        <v>0</v>
      </c>
      <c r="D91" s="18">
        <v>0</v>
      </c>
    </row>
    <row r="92" spans="1:4" ht="18" customHeight="1" x14ac:dyDescent="0.15">
      <c r="A92" s="5">
        <v>71</v>
      </c>
      <c r="B92" s="22">
        <v>1</v>
      </c>
      <c r="C92" s="14">
        <v>0</v>
      </c>
      <c r="D92" s="18">
        <v>1</v>
      </c>
    </row>
    <row r="93" spans="1:4" ht="18" customHeight="1" x14ac:dyDescent="0.15">
      <c r="A93" s="5">
        <v>72</v>
      </c>
      <c r="B93" s="22">
        <v>1</v>
      </c>
      <c r="C93" s="14">
        <v>0</v>
      </c>
      <c r="D93" s="18">
        <v>1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2</v>
      </c>
      <c r="C95" s="14">
        <v>0</v>
      </c>
      <c r="D95" s="18">
        <v>2</v>
      </c>
    </row>
    <row r="96" spans="1:4" ht="18" customHeight="1" x14ac:dyDescent="0.15">
      <c r="A96" s="5" t="s">
        <v>33</v>
      </c>
      <c r="B96" s="22">
        <v>5</v>
      </c>
      <c r="C96" s="14">
        <v>0</v>
      </c>
      <c r="D96" s="18">
        <v>5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0</v>
      </c>
      <c r="C98" s="14">
        <v>1</v>
      </c>
      <c r="D98" s="18">
        <v>1</v>
      </c>
    </row>
    <row r="99" spans="1:4" ht="18" customHeight="1" x14ac:dyDescent="0.15">
      <c r="A99" s="5">
        <v>77</v>
      </c>
      <c r="B99" s="22">
        <v>0</v>
      </c>
      <c r="C99" s="14">
        <v>0</v>
      </c>
      <c r="D99" s="18">
        <v>0</v>
      </c>
    </row>
    <row r="100" spans="1:4" ht="18" customHeight="1" x14ac:dyDescent="0.15">
      <c r="A100" s="5">
        <v>78</v>
      </c>
      <c r="B100" s="22">
        <v>0</v>
      </c>
      <c r="C100" s="14">
        <v>0</v>
      </c>
      <c r="D100" s="18">
        <v>0</v>
      </c>
    </row>
    <row r="101" spans="1:4" ht="18" customHeight="1" x14ac:dyDescent="0.15">
      <c r="A101" s="5">
        <v>79</v>
      </c>
      <c r="B101" s="22">
        <v>2</v>
      </c>
      <c r="C101" s="14">
        <v>0</v>
      </c>
      <c r="D101" s="18">
        <v>2</v>
      </c>
    </row>
    <row r="102" spans="1:4" ht="18" customHeight="1" x14ac:dyDescent="0.15">
      <c r="A102" s="5" t="s">
        <v>0</v>
      </c>
      <c r="B102" s="22">
        <v>2</v>
      </c>
      <c r="C102" s="14">
        <v>1</v>
      </c>
      <c r="D102" s="18">
        <v>3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0</v>
      </c>
      <c r="D104" s="18">
        <v>0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0</v>
      </c>
      <c r="C106" s="14">
        <v>0</v>
      </c>
      <c r="D106" s="18">
        <v>0</v>
      </c>
    </row>
    <row r="107" spans="1:4" ht="18" customHeight="1" x14ac:dyDescent="0.15">
      <c r="A107" s="5">
        <v>84</v>
      </c>
      <c r="B107" s="22">
        <v>1</v>
      </c>
      <c r="C107" s="14">
        <v>0</v>
      </c>
      <c r="D107" s="18">
        <v>1</v>
      </c>
    </row>
    <row r="108" spans="1:4" ht="18" customHeight="1" x14ac:dyDescent="0.15">
      <c r="A108" s="5" t="s">
        <v>35</v>
      </c>
      <c r="B108" s="22">
        <v>1</v>
      </c>
      <c r="C108" s="14">
        <v>1</v>
      </c>
      <c r="D108" s="18">
        <v>2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0</v>
      </c>
      <c r="C111" s="14">
        <v>0</v>
      </c>
      <c r="D111" s="18">
        <v>0</v>
      </c>
    </row>
    <row r="112" spans="1:4" ht="18" customHeight="1" x14ac:dyDescent="0.15">
      <c r="A112" s="5">
        <v>88</v>
      </c>
      <c r="B112" s="22">
        <v>1</v>
      </c>
      <c r="C112" s="14">
        <v>2</v>
      </c>
      <c r="D112" s="18">
        <v>3</v>
      </c>
    </row>
    <row r="113" spans="1:4" ht="18" customHeight="1" x14ac:dyDescent="0.15">
      <c r="A113" s="5">
        <v>89</v>
      </c>
      <c r="B113" s="22">
        <v>1</v>
      </c>
      <c r="C113" s="14">
        <v>0</v>
      </c>
      <c r="D113" s="18">
        <v>1</v>
      </c>
    </row>
    <row r="114" spans="1:4" ht="18" customHeight="1" x14ac:dyDescent="0.15">
      <c r="A114" s="5" t="s">
        <v>37</v>
      </c>
      <c r="B114" s="22">
        <v>3</v>
      </c>
      <c r="C114" s="14">
        <v>4</v>
      </c>
      <c r="D114" s="18">
        <v>7</v>
      </c>
    </row>
    <row r="115" spans="1:4" ht="18" customHeight="1" x14ac:dyDescent="0.15">
      <c r="A115" s="5">
        <v>90</v>
      </c>
      <c r="B115" s="22">
        <v>0</v>
      </c>
      <c r="C115" s="14">
        <v>2</v>
      </c>
      <c r="D115" s="18">
        <v>2</v>
      </c>
    </row>
    <row r="116" spans="1:4" ht="18" customHeight="1" x14ac:dyDescent="0.15">
      <c r="A116" s="5">
        <v>91</v>
      </c>
      <c r="B116" s="22">
        <v>1</v>
      </c>
      <c r="C116" s="14">
        <v>0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2</v>
      </c>
      <c r="D120" s="18">
        <v>3</v>
      </c>
    </row>
    <row r="121" spans="1:4" ht="18" customHeight="1" x14ac:dyDescent="0.15">
      <c r="A121" s="5">
        <v>95</v>
      </c>
      <c r="B121" s="22">
        <v>1</v>
      </c>
      <c r="C121" s="14">
        <v>0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0</v>
      </c>
      <c r="D126" s="18">
        <v>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6</v>
      </c>
      <c r="C130" s="14">
        <v>10</v>
      </c>
      <c r="D130" s="18">
        <v>26</v>
      </c>
    </row>
    <row r="131" spans="1:4" ht="18" customHeight="1" x14ac:dyDescent="0.15">
      <c r="A131" s="7" t="s">
        <v>45</v>
      </c>
      <c r="B131" s="23">
        <v>26</v>
      </c>
      <c r="C131" s="15">
        <v>13</v>
      </c>
      <c r="D131" s="19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7</v>
      </c>
      <c r="C5" s="29">
        <v>16</v>
      </c>
      <c r="D5" s="31">
        <v>43</v>
      </c>
    </row>
    <row r="6" spans="1:4" ht="18" customHeight="1" x14ac:dyDescent="0.15">
      <c r="A6" s="5">
        <v>1</v>
      </c>
      <c r="B6" s="27">
        <v>34</v>
      </c>
      <c r="C6" s="14">
        <v>30</v>
      </c>
      <c r="D6" s="18">
        <v>64</v>
      </c>
    </row>
    <row r="7" spans="1:4" ht="18" customHeight="1" x14ac:dyDescent="0.15">
      <c r="A7" s="5">
        <v>2</v>
      </c>
      <c r="B7" s="27">
        <v>31</v>
      </c>
      <c r="C7" s="14">
        <v>25</v>
      </c>
      <c r="D7" s="18">
        <v>56</v>
      </c>
    </row>
    <row r="8" spans="1:4" ht="18" customHeight="1" x14ac:dyDescent="0.15">
      <c r="A8" s="5">
        <v>3</v>
      </c>
      <c r="B8" s="27">
        <v>36</v>
      </c>
      <c r="C8" s="14">
        <v>24</v>
      </c>
      <c r="D8" s="18">
        <v>60</v>
      </c>
    </row>
    <row r="9" spans="1:4" ht="18" customHeight="1" x14ac:dyDescent="0.15">
      <c r="A9" s="5">
        <v>4</v>
      </c>
      <c r="B9" s="28">
        <v>38</v>
      </c>
      <c r="C9" s="30">
        <v>33</v>
      </c>
      <c r="D9" s="32">
        <v>71</v>
      </c>
    </row>
    <row r="10" spans="1:4" ht="18" customHeight="1" x14ac:dyDescent="0.15">
      <c r="A10" s="5" t="s">
        <v>7</v>
      </c>
      <c r="B10" s="22">
        <v>166</v>
      </c>
      <c r="C10" s="14">
        <v>128</v>
      </c>
      <c r="D10" s="18">
        <v>294</v>
      </c>
    </row>
    <row r="11" spans="1:4" ht="18" customHeight="1" x14ac:dyDescent="0.15">
      <c r="A11" s="5">
        <v>5</v>
      </c>
      <c r="B11" s="27">
        <v>38</v>
      </c>
      <c r="C11" s="14">
        <v>46</v>
      </c>
      <c r="D11" s="18">
        <v>84</v>
      </c>
    </row>
    <row r="12" spans="1:4" ht="18" customHeight="1" x14ac:dyDescent="0.15">
      <c r="A12" s="5">
        <v>6</v>
      </c>
      <c r="B12" s="27">
        <v>37</v>
      </c>
      <c r="C12" s="14">
        <v>41</v>
      </c>
      <c r="D12" s="18">
        <v>78</v>
      </c>
    </row>
    <row r="13" spans="1:4" ht="18" customHeight="1" x14ac:dyDescent="0.15">
      <c r="A13" s="5">
        <v>7</v>
      </c>
      <c r="B13" s="27">
        <v>39</v>
      </c>
      <c r="C13" s="14">
        <v>51</v>
      </c>
      <c r="D13" s="18">
        <v>90</v>
      </c>
    </row>
    <row r="14" spans="1:4" ht="18" customHeight="1" x14ac:dyDescent="0.15">
      <c r="A14" s="5">
        <v>8</v>
      </c>
      <c r="B14" s="27">
        <v>42</v>
      </c>
      <c r="C14" s="14">
        <v>55</v>
      </c>
      <c r="D14" s="18">
        <v>97</v>
      </c>
    </row>
    <row r="15" spans="1:4" ht="18" customHeight="1" x14ac:dyDescent="0.15">
      <c r="A15" s="5">
        <v>9</v>
      </c>
      <c r="B15" s="27">
        <v>54</v>
      </c>
      <c r="C15" s="14">
        <v>70</v>
      </c>
      <c r="D15" s="18">
        <v>124</v>
      </c>
    </row>
    <row r="16" spans="1:4" ht="18" customHeight="1" x14ac:dyDescent="0.15">
      <c r="A16" s="5" t="s">
        <v>11</v>
      </c>
      <c r="B16" s="22">
        <v>210</v>
      </c>
      <c r="C16" s="14">
        <v>263</v>
      </c>
      <c r="D16" s="18">
        <v>473</v>
      </c>
    </row>
    <row r="17" spans="1:4" ht="18" customHeight="1" x14ac:dyDescent="0.15">
      <c r="A17" s="5">
        <v>10</v>
      </c>
      <c r="B17" s="22">
        <v>57</v>
      </c>
      <c r="C17" s="14">
        <v>63</v>
      </c>
      <c r="D17" s="18">
        <v>120</v>
      </c>
    </row>
    <row r="18" spans="1:4" ht="18" customHeight="1" x14ac:dyDescent="0.15">
      <c r="A18" s="5">
        <v>11</v>
      </c>
      <c r="B18" s="22">
        <v>61</v>
      </c>
      <c r="C18" s="14">
        <v>71</v>
      </c>
      <c r="D18" s="18">
        <v>132</v>
      </c>
    </row>
    <row r="19" spans="1:4" ht="18" customHeight="1" x14ac:dyDescent="0.15">
      <c r="A19" s="5">
        <v>12</v>
      </c>
      <c r="B19" s="22">
        <v>58</v>
      </c>
      <c r="C19" s="14">
        <v>54</v>
      </c>
      <c r="D19" s="18">
        <v>112</v>
      </c>
    </row>
    <row r="20" spans="1:4" ht="18" customHeight="1" x14ac:dyDescent="0.15">
      <c r="A20" s="5">
        <v>13</v>
      </c>
      <c r="B20" s="22">
        <v>71</v>
      </c>
      <c r="C20" s="14">
        <v>68</v>
      </c>
      <c r="D20" s="18">
        <v>139</v>
      </c>
    </row>
    <row r="21" spans="1:4" ht="18" customHeight="1" x14ac:dyDescent="0.15">
      <c r="A21" s="5">
        <v>14</v>
      </c>
      <c r="B21" s="22">
        <v>60</v>
      </c>
      <c r="C21" s="14">
        <v>58</v>
      </c>
      <c r="D21" s="18">
        <v>118</v>
      </c>
    </row>
    <row r="22" spans="1:4" ht="18" customHeight="1" x14ac:dyDescent="0.15">
      <c r="A22" s="5" t="s">
        <v>12</v>
      </c>
      <c r="B22" s="22">
        <v>307</v>
      </c>
      <c r="C22" s="14">
        <v>314</v>
      </c>
      <c r="D22" s="18">
        <v>621</v>
      </c>
    </row>
    <row r="23" spans="1:4" ht="18" customHeight="1" x14ac:dyDescent="0.15">
      <c r="A23" s="5" t="s">
        <v>6</v>
      </c>
      <c r="B23" s="22">
        <v>683</v>
      </c>
      <c r="C23" s="14">
        <v>705</v>
      </c>
      <c r="D23" s="18">
        <v>1388</v>
      </c>
    </row>
    <row r="24" spans="1:4" ht="18" customHeight="1" x14ac:dyDescent="0.15">
      <c r="A24" s="5">
        <v>15</v>
      </c>
      <c r="B24" s="22">
        <v>63</v>
      </c>
      <c r="C24" s="14">
        <v>68</v>
      </c>
      <c r="D24" s="18">
        <v>131</v>
      </c>
    </row>
    <row r="25" spans="1:4" ht="18" customHeight="1" x14ac:dyDescent="0.15">
      <c r="A25" s="5">
        <v>16</v>
      </c>
      <c r="B25" s="22">
        <v>69</v>
      </c>
      <c r="C25" s="14">
        <v>83</v>
      </c>
      <c r="D25" s="18">
        <v>152</v>
      </c>
    </row>
    <row r="26" spans="1:4" ht="18" customHeight="1" x14ac:dyDescent="0.15">
      <c r="A26" s="5">
        <v>17</v>
      </c>
      <c r="B26" s="22">
        <v>86</v>
      </c>
      <c r="C26" s="14">
        <v>68</v>
      </c>
      <c r="D26" s="18">
        <v>154</v>
      </c>
    </row>
    <row r="27" spans="1:4" ht="18" customHeight="1" x14ac:dyDescent="0.15">
      <c r="A27" s="5">
        <v>18</v>
      </c>
      <c r="B27" s="22">
        <v>67</v>
      </c>
      <c r="C27" s="14">
        <v>79</v>
      </c>
      <c r="D27" s="18">
        <v>146</v>
      </c>
    </row>
    <row r="28" spans="1:4" ht="18" customHeight="1" x14ac:dyDescent="0.15">
      <c r="A28" s="5">
        <v>19</v>
      </c>
      <c r="B28" s="22">
        <v>85</v>
      </c>
      <c r="C28" s="14">
        <v>71</v>
      </c>
      <c r="D28" s="18">
        <v>156</v>
      </c>
    </row>
    <row r="29" spans="1:4" ht="18" customHeight="1" x14ac:dyDescent="0.15">
      <c r="A29" s="5" t="s">
        <v>14</v>
      </c>
      <c r="B29" s="22">
        <v>370</v>
      </c>
      <c r="C29" s="14">
        <v>369</v>
      </c>
      <c r="D29" s="18">
        <v>739</v>
      </c>
    </row>
    <row r="30" spans="1:4" ht="18" customHeight="1" x14ac:dyDescent="0.15">
      <c r="A30" s="5">
        <v>20</v>
      </c>
      <c r="B30" s="22">
        <v>75</v>
      </c>
      <c r="C30" s="14">
        <v>70</v>
      </c>
      <c r="D30" s="18">
        <v>145</v>
      </c>
    </row>
    <row r="31" spans="1:4" ht="18" customHeight="1" x14ac:dyDescent="0.15">
      <c r="A31" s="5">
        <v>21</v>
      </c>
      <c r="B31" s="22">
        <v>98</v>
      </c>
      <c r="C31" s="14">
        <v>89</v>
      </c>
      <c r="D31" s="18">
        <v>187</v>
      </c>
    </row>
    <row r="32" spans="1:4" ht="18" customHeight="1" x14ac:dyDescent="0.15">
      <c r="A32" s="5">
        <v>22</v>
      </c>
      <c r="B32" s="22">
        <v>76</v>
      </c>
      <c r="C32" s="14">
        <v>87</v>
      </c>
      <c r="D32" s="18">
        <v>163</v>
      </c>
    </row>
    <row r="33" spans="1:4" ht="18" customHeight="1" x14ac:dyDescent="0.15">
      <c r="A33" s="5">
        <v>23</v>
      </c>
      <c r="B33" s="22">
        <v>97</v>
      </c>
      <c r="C33" s="14">
        <v>87</v>
      </c>
      <c r="D33" s="18">
        <v>184</v>
      </c>
    </row>
    <row r="34" spans="1:4" ht="18" customHeight="1" x14ac:dyDescent="0.15">
      <c r="A34" s="5">
        <v>24</v>
      </c>
      <c r="B34" s="22">
        <v>89</v>
      </c>
      <c r="C34" s="14">
        <v>65</v>
      </c>
      <c r="D34" s="18">
        <v>154</v>
      </c>
    </row>
    <row r="35" spans="1:4" ht="18" customHeight="1" x14ac:dyDescent="0.15">
      <c r="A35" s="5" t="s">
        <v>9</v>
      </c>
      <c r="B35" s="22">
        <v>435</v>
      </c>
      <c r="C35" s="14">
        <v>398</v>
      </c>
      <c r="D35" s="18">
        <v>833</v>
      </c>
    </row>
    <row r="36" spans="1:4" ht="18" customHeight="1" x14ac:dyDescent="0.15">
      <c r="A36" s="5">
        <v>25</v>
      </c>
      <c r="B36" s="22">
        <v>88</v>
      </c>
      <c r="C36" s="14">
        <v>67</v>
      </c>
      <c r="D36" s="18">
        <v>155</v>
      </c>
    </row>
    <row r="37" spans="1:4" ht="18" customHeight="1" x14ac:dyDescent="0.15">
      <c r="A37" s="5">
        <v>26</v>
      </c>
      <c r="B37" s="22">
        <v>103</v>
      </c>
      <c r="C37" s="14">
        <v>80</v>
      </c>
      <c r="D37" s="18">
        <v>183</v>
      </c>
    </row>
    <row r="38" spans="1:4" ht="18" customHeight="1" x14ac:dyDescent="0.15">
      <c r="A38" s="5">
        <v>27</v>
      </c>
      <c r="B38" s="22">
        <v>97</v>
      </c>
      <c r="C38" s="14">
        <v>66</v>
      </c>
      <c r="D38" s="18">
        <v>163</v>
      </c>
    </row>
    <row r="39" spans="1:4" ht="18" customHeight="1" x14ac:dyDescent="0.15">
      <c r="A39" s="5">
        <v>28</v>
      </c>
      <c r="B39" s="22">
        <v>90</v>
      </c>
      <c r="C39" s="14">
        <v>52</v>
      </c>
      <c r="D39" s="18">
        <v>142</v>
      </c>
    </row>
    <row r="40" spans="1:4" ht="18" customHeight="1" x14ac:dyDescent="0.15">
      <c r="A40" s="5">
        <v>29</v>
      </c>
      <c r="B40" s="22">
        <v>80</v>
      </c>
      <c r="C40" s="14">
        <v>63</v>
      </c>
      <c r="D40" s="18">
        <v>143</v>
      </c>
    </row>
    <row r="41" spans="1:4" ht="18" customHeight="1" x14ac:dyDescent="0.15">
      <c r="A41" s="5" t="s">
        <v>2</v>
      </c>
      <c r="B41" s="22">
        <v>458</v>
      </c>
      <c r="C41" s="14">
        <v>328</v>
      </c>
      <c r="D41" s="18">
        <v>786</v>
      </c>
    </row>
    <row r="42" spans="1:4" ht="18" customHeight="1" x14ac:dyDescent="0.15">
      <c r="A42" s="5">
        <v>30</v>
      </c>
      <c r="B42" s="22">
        <v>69</v>
      </c>
      <c r="C42" s="14">
        <v>55</v>
      </c>
      <c r="D42" s="18">
        <v>124</v>
      </c>
    </row>
    <row r="43" spans="1:4" ht="18" customHeight="1" x14ac:dyDescent="0.15">
      <c r="A43" s="5">
        <v>31</v>
      </c>
      <c r="B43" s="22">
        <v>61</v>
      </c>
      <c r="C43" s="14">
        <v>52</v>
      </c>
      <c r="D43" s="18">
        <v>113</v>
      </c>
    </row>
    <row r="44" spans="1:4" ht="18" customHeight="1" x14ac:dyDescent="0.15">
      <c r="A44" s="5">
        <v>32</v>
      </c>
      <c r="B44" s="22">
        <v>77</v>
      </c>
      <c r="C44" s="14">
        <v>40</v>
      </c>
      <c r="D44" s="18">
        <v>117</v>
      </c>
    </row>
    <row r="45" spans="1:4" ht="18" customHeight="1" x14ac:dyDescent="0.15">
      <c r="A45" s="5">
        <v>33</v>
      </c>
      <c r="B45" s="22">
        <v>65</v>
      </c>
      <c r="C45" s="14">
        <v>47</v>
      </c>
      <c r="D45" s="18">
        <v>112</v>
      </c>
    </row>
    <row r="46" spans="1:4" ht="18" customHeight="1" x14ac:dyDescent="0.15">
      <c r="A46" s="5">
        <v>34</v>
      </c>
      <c r="B46" s="22">
        <v>70</v>
      </c>
      <c r="C46" s="14">
        <v>60</v>
      </c>
      <c r="D46" s="18">
        <v>130</v>
      </c>
    </row>
    <row r="47" spans="1:4" ht="18" customHeight="1" x14ac:dyDescent="0.15">
      <c r="A47" s="5" t="s">
        <v>15</v>
      </c>
      <c r="B47" s="22">
        <v>342</v>
      </c>
      <c r="C47" s="14">
        <v>254</v>
      </c>
      <c r="D47" s="18">
        <v>596</v>
      </c>
    </row>
    <row r="48" spans="1:4" ht="18" customHeight="1" x14ac:dyDescent="0.15">
      <c r="A48" s="5">
        <v>35</v>
      </c>
      <c r="B48" s="22">
        <v>57</v>
      </c>
      <c r="C48" s="14">
        <v>41</v>
      </c>
      <c r="D48" s="18">
        <v>98</v>
      </c>
    </row>
    <row r="49" spans="1:4" ht="18" customHeight="1" x14ac:dyDescent="0.15">
      <c r="A49" s="5">
        <v>36</v>
      </c>
      <c r="B49" s="22">
        <v>71</v>
      </c>
      <c r="C49" s="14">
        <v>72</v>
      </c>
      <c r="D49" s="18">
        <v>143</v>
      </c>
    </row>
    <row r="50" spans="1:4" ht="18" customHeight="1" x14ac:dyDescent="0.15">
      <c r="A50" s="5">
        <v>37</v>
      </c>
      <c r="B50" s="22">
        <v>89</v>
      </c>
      <c r="C50" s="14">
        <v>69</v>
      </c>
      <c r="D50" s="18">
        <v>158</v>
      </c>
    </row>
    <row r="51" spans="1:4" ht="18" customHeight="1" x14ac:dyDescent="0.15">
      <c r="A51" s="5">
        <v>38</v>
      </c>
      <c r="B51" s="22">
        <v>63</v>
      </c>
      <c r="C51" s="14">
        <v>56</v>
      </c>
      <c r="D51" s="18">
        <v>119</v>
      </c>
    </row>
    <row r="52" spans="1:4" ht="18" customHeight="1" x14ac:dyDescent="0.15">
      <c r="A52" s="5">
        <v>39</v>
      </c>
      <c r="B52" s="22">
        <v>83</v>
      </c>
      <c r="C52" s="14">
        <v>69</v>
      </c>
      <c r="D52" s="18">
        <v>152</v>
      </c>
    </row>
    <row r="53" spans="1:4" ht="18" customHeight="1" x14ac:dyDescent="0.15">
      <c r="A53" s="5" t="s">
        <v>18</v>
      </c>
      <c r="B53" s="22">
        <v>363</v>
      </c>
      <c r="C53" s="14">
        <v>307</v>
      </c>
      <c r="D53" s="18">
        <v>670</v>
      </c>
    </row>
    <row r="54" spans="1:4" ht="18" customHeight="1" x14ac:dyDescent="0.15">
      <c r="A54" s="5">
        <v>40</v>
      </c>
      <c r="B54" s="22">
        <v>78</v>
      </c>
      <c r="C54" s="14">
        <v>83</v>
      </c>
      <c r="D54" s="18">
        <v>161</v>
      </c>
    </row>
    <row r="55" spans="1:4" ht="18" customHeight="1" x14ac:dyDescent="0.15">
      <c r="A55" s="5">
        <v>41</v>
      </c>
      <c r="B55" s="22">
        <v>80</v>
      </c>
      <c r="C55" s="14">
        <v>83</v>
      </c>
      <c r="D55" s="18">
        <v>163</v>
      </c>
    </row>
    <row r="56" spans="1:4" ht="18" customHeight="1" x14ac:dyDescent="0.15">
      <c r="A56" s="5">
        <v>42</v>
      </c>
      <c r="B56" s="22">
        <v>84</v>
      </c>
      <c r="C56" s="14">
        <v>80</v>
      </c>
      <c r="D56" s="18">
        <v>164</v>
      </c>
    </row>
    <row r="57" spans="1:4" ht="18" customHeight="1" x14ac:dyDescent="0.15">
      <c r="A57" s="5">
        <v>43</v>
      </c>
      <c r="B57" s="22">
        <v>88</v>
      </c>
      <c r="C57" s="14">
        <v>95</v>
      </c>
      <c r="D57" s="18">
        <v>183</v>
      </c>
    </row>
    <row r="58" spans="1:4" ht="18" customHeight="1" x14ac:dyDescent="0.15">
      <c r="A58" s="5">
        <v>44</v>
      </c>
      <c r="B58" s="22">
        <v>116</v>
      </c>
      <c r="C58" s="14">
        <v>97</v>
      </c>
      <c r="D58" s="18">
        <v>213</v>
      </c>
    </row>
    <row r="59" spans="1:4" ht="18" customHeight="1" x14ac:dyDescent="0.15">
      <c r="A59" s="5" t="s">
        <v>21</v>
      </c>
      <c r="B59" s="22">
        <v>446</v>
      </c>
      <c r="C59" s="14">
        <v>438</v>
      </c>
      <c r="D59" s="18">
        <v>884</v>
      </c>
    </row>
    <row r="60" spans="1:4" ht="18" customHeight="1" x14ac:dyDescent="0.15">
      <c r="A60" s="5">
        <v>45</v>
      </c>
      <c r="B60" s="22">
        <v>115</v>
      </c>
      <c r="C60" s="14">
        <v>85</v>
      </c>
      <c r="D60" s="18">
        <v>200</v>
      </c>
    </row>
    <row r="61" spans="1:4" ht="18" customHeight="1" x14ac:dyDescent="0.15">
      <c r="A61" s="5">
        <v>46</v>
      </c>
      <c r="B61" s="22">
        <v>98</v>
      </c>
      <c r="C61" s="14">
        <v>106</v>
      </c>
      <c r="D61" s="18">
        <v>204</v>
      </c>
    </row>
    <row r="62" spans="1:4" ht="18" customHeight="1" x14ac:dyDescent="0.15">
      <c r="A62" s="5">
        <v>47</v>
      </c>
      <c r="B62" s="22">
        <v>116</v>
      </c>
      <c r="C62" s="14">
        <v>110</v>
      </c>
      <c r="D62" s="18">
        <v>226</v>
      </c>
    </row>
    <row r="63" spans="1:4" ht="18" customHeight="1" x14ac:dyDescent="0.15">
      <c r="A63" s="5">
        <v>48</v>
      </c>
      <c r="B63" s="22">
        <v>127</v>
      </c>
      <c r="C63" s="14">
        <v>100</v>
      </c>
      <c r="D63" s="18">
        <v>227</v>
      </c>
    </row>
    <row r="64" spans="1:4" ht="18" customHeight="1" x14ac:dyDescent="0.15">
      <c r="A64" s="5">
        <v>49</v>
      </c>
      <c r="B64" s="22">
        <v>112</v>
      </c>
      <c r="C64" s="14">
        <v>122</v>
      </c>
      <c r="D64" s="18">
        <v>234</v>
      </c>
    </row>
    <row r="65" spans="1:4" ht="18" customHeight="1" x14ac:dyDescent="0.15">
      <c r="A65" s="5" t="s">
        <v>17</v>
      </c>
      <c r="B65" s="22">
        <v>568</v>
      </c>
      <c r="C65" s="14">
        <v>523</v>
      </c>
      <c r="D65" s="18">
        <v>1091</v>
      </c>
    </row>
    <row r="66" spans="1:4" ht="18" customHeight="1" x14ac:dyDescent="0.15">
      <c r="A66" s="5">
        <v>50</v>
      </c>
      <c r="B66" s="22">
        <v>127</v>
      </c>
      <c r="C66" s="14">
        <v>126</v>
      </c>
      <c r="D66" s="18">
        <v>253</v>
      </c>
    </row>
    <row r="67" spans="1:4" ht="18" customHeight="1" x14ac:dyDescent="0.15">
      <c r="A67" s="5">
        <v>51</v>
      </c>
      <c r="B67" s="22">
        <v>144</v>
      </c>
      <c r="C67" s="14">
        <v>133</v>
      </c>
      <c r="D67" s="18">
        <v>277</v>
      </c>
    </row>
    <row r="68" spans="1:4" ht="18" customHeight="1" x14ac:dyDescent="0.15">
      <c r="A68" s="5">
        <v>52</v>
      </c>
      <c r="B68" s="22">
        <v>131</v>
      </c>
      <c r="C68" s="14">
        <v>130</v>
      </c>
      <c r="D68" s="18">
        <v>261</v>
      </c>
    </row>
    <row r="69" spans="1:4" ht="18" customHeight="1" x14ac:dyDescent="0.15">
      <c r="A69" s="5">
        <v>53</v>
      </c>
      <c r="B69" s="22">
        <v>161</v>
      </c>
      <c r="C69" s="14">
        <v>132</v>
      </c>
      <c r="D69" s="18">
        <v>293</v>
      </c>
    </row>
    <row r="70" spans="1:4" ht="18" customHeight="1" x14ac:dyDescent="0.15">
      <c r="A70" s="5">
        <v>54</v>
      </c>
      <c r="B70" s="22">
        <v>135</v>
      </c>
      <c r="C70" s="14">
        <v>134</v>
      </c>
      <c r="D70" s="18">
        <v>269</v>
      </c>
    </row>
    <row r="71" spans="1:4" ht="18" customHeight="1" x14ac:dyDescent="0.15">
      <c r="A71" s="5" t="s">
        <v>22</v>
      </c>
      <c r="B71" s="22">
        <v>698</v>
      </c>
      <c r="C71" s="14">
        <v>655</v>
      </c>
      <c r="D71" s="18">
        <v>1353</v>
      </c>
    </row>
    <row r="72" spans="1:4" ht="18" customHeight="1" x14ac:dyDescent="0.15">
      <c r="A72" s="5">
        <v>55</v>
      </c>
      <c r="B72" s="22">
        <v>144</v>
      </c>
      <c r="C72" s="14">
        <v>132</v>
      </c>
      <c r="D72" s="18">
        <v>276</v>
      </c>
    </row>
    <row r="73" spans="1:4" ht="18" customHeight="1" x14ac:dyDescent="0.15">
      <c r="A73" s="5">
        <v>56</v>
      </c>
      <c r="B73" s="22">
        <v>131</v>
      </c>
      <c r="C73" s="14">
        <v>110</v>
      </c>
      <c r="D73" s="18">
        <v>241</v>
      </c>
    </row>
    <row r="74" spans="1:4" ht="18" customHeight="1" x14ac:dyDescent="0.15">
      <c r="A74" s="5">
        <v>57</v>
      </c>
      <c r="B74" s="22">
        <v>116</v>
      </c>
      <c r="C74" s="14">
        <v>114</v>
      </c>
      <c r="D74" s="18">
        <v>230</v>
      </c>
    </row>
    <row r="75" spans="1:4" ht="18" customHeight="1" x14ac:dyDescent="0.15">
      <c r="A75" s="5">
        <v>58</v>
      </c>
      <c r="B75" s="22">
        <v>108</v>
      </c>
      <c r="C75" s="14">
        <v>134</v>
      </c>
      <c r="D75" s="18">
        <v>242</v>
      </c>
    </row>
    <row r="76" spans="1:4" ht="18" customHeight="1" x14ac:dyDescent="0.15">
      <c r="A76" s="5">
        <v>59</v>
      </c>
      <c r="B76" s="22">
        <v>107</v>
      </c>
      <c r="C76" s="14">
        <v>101</v>
      </c>
      <c r="D76" s="18">
        <v>208</v>
      </c>
    </row>
    <row r="77" spans="1:4" ht="18" customHeight="1" x14ac:dyDescent="0.15">
      <c r="A77" s="5" t="s">
        <v>27</v>
      </c>
      <c r="B77" s="22">
        <v>606</v>
      </c>
      <c r="C77" s="14">
        <v>591</v>
      </c>
      <c r="D77" s="18">
        <v>1197</v>
      </c>
    </row>
    <row r="78" spans="1:4" ht="18" customHeight="1" x14ac:dyDescent="0.15">
      <c r="A78" s="5">
        <v>60</v>
      </c>
      <c r="B78" s="22">
        <v>86</v>
      </c>
      <c r="C78" s="14">
        <v>101</v>
      </c>
      <c r="D78" s="18">
        <v>187</v>
      </c>
    </row>
    <row r="79" spans="1:4" ht="18" customHeight="1" x14ac:dyDescent="0.15">
      <c r="A79" s="5">
        <v>61</v>
      </c>
      <c r="B79" s="22">
        <v>147</v>
      </c>
      <c r="C79" s="14">
        <v>106</v>
      </c>
      <c r="D79" s="18">
        <v>253</v>
      </c>
    </row>
    <row r="80" spans="1:4" ht="18" customHeight="1" x14ac:dyDescent="0.15">
      <c r="A80" s="5">
        <v>62</v>
      </c>
      <c r="B80" s="22">
        <v>116</v>
      </c>
      <c r="C80" s="14">
        <v>127</v>
      </c>
      <c r="D80" s="18">
        <v>243</v>
      </c>
    </row>
    <row r="81" spans="1:4" ht="18" customHeight="1" x14ac:dyDescent="0.15">
      <c r="A81" s="5">
        <v>63</v>
      </c>
      <c r="B81" s="22">
        <v>102</v>
      </c>
      <c r="C81" s="14">
        <v>90</v>
      </c>
      <c r="D81" s="18">
        <v>192</v>
      </c>
    </row>
    <row r="82" spans="1:4" ht="18" customHeight="1" x14ac:dyDescent="0.15">
      <c r="A82" s="5">
        <v>64</v>
      </c>
      <c r="B82" s="22">
        <v>112</v>
      </c>
      <c r="C82" s="14">
        <v>107</v>
      </c>
      <c r="D82" s="18">
        <v>219</v>
      </c>
    </row>
    <row r="83" spans="1:4" ht="18" customHeight="1" x14ac:dyDescent="0.15">
      <c r="A83" s="5" t="s">
        <v>28</v>
      </c>
      <c r="B83" s="22">
        <v>563</v>
      </c>
      <c r="C83" s="14">
        <v>531</v>
      </c>
      <c r="D83" s="18">
        <v>1094</v>
      </c>
    </row>
    <row r="84" spans="1:4" ht="18" customHeight="1" x14ac:dyDescent="0.15">
      <c r="A84" s="5" t="s">
        <v>31</v>
      </c>
      <c r="B84" s="22">
        <v>4849</v>
      </c>
      <c r="C84" s="14">
        <v>4394</v>
      </c>
      <c r="D84" s="18">
        <v>9243</v>
      </c>
    </row>
    <row r="85" spans="1:4" ht="18" customHeight="1" x14ac:dyDescent="0.15">
      <c r="A85" s="5">
        <v>65</v>
      </c>
      <c r="B85" s="22">
        <v>124</v>
      </c>
      <c r="C85" s="14">
        <v>120</v>
      </c>
      <c r="D85" s="18">
        <v>244</v>
      </c>
    </row>
    <row r="86" spans="1:4" ht="18" customHeight="1" x14ac:dyDescent="0.15">
      <c r="A86" s="5">
        <v>66</v>
      </c>
      <c r="B86" s="22">
        <v>121</v>
      </c>
      <c r="C86" s="14">
        <v>121</v>
      </c>
      <c r="D86" s="18">
        <v>242</v>
      </c>
    </row>
    <row r="87" spans="1:4" ht="18" customHeight="1" x14ac:dyDescent="0.15">
      <c r="A87" s="5">
        <v>67</v>
      </c>
      <c r="B87" s="22">
        <v>113</v>
      </c>
      <c r="C87" s="14">
        <v>118</v>
      </c>
      <c r="D87" s="18">
        <v>231</v>
      </c>
    </row>
    <row r="88" spans="1:4" ht="18" customHeight="1" x14ac:dyDescent="0.15">
      <c r="A88" s="5">
        <v>68</v>
      </c>
      <c r="B88" s="22">
        <v>137</v>
      </c>
      <c r="C88" s="14">
        <v>126</v>
      </c>
      <c r="D88" s="18">
        <v>263</v>
      </c>
    </row>
    <row r="89" spans="1:4" ht="18" customHeight="1" x14ac:dyDescent="0.15">
      <c r="A89" s="5">
        <v>69</v>
      </c>
      <c r="B89" s="22">
        <v>113</v>
      </c>
      <c r="C89" s="14">
        <v>116</v>
      </c>
      <c r="D89" s="18">
        <v>229</v>
      </c>
    </row>
    <row r="90" spans="1:4" ht="18" customHeight="1" x14ac:dyDescent="0.15">
      <c r="A90" s="5" t="s">
        <v>20</v>
      </c>
      <c r="B90" s="22">
        <v>608</v>
      </c>
      <c r="C90" s="14">
        <v>601</v>
      </c>
      <c r="D90" s="18">
        <v>1209</v>
      </c>
    </row>
    <row r="91" spans="1:4" ht="18" customHeight="1" x14ac:dyDescent="0.15">
      <c r="A91" s="5">
        <v>70</v>
      </c>
      <c r="B91" s="22">
        <v>126</v>
      </c>
      <c r="C91" s="14">
        <v>140</v>
      </c>
      <c r="D91" s="18">
        <v>266</v>
      </c>
    </row>
    <row r="92" spans="1:4" ht="18" customHeight="1" x14ac:dyDescent="0.15">
      <c r="A92" s="5">
        <v>71</v>
      </c>
      <c r="B92" s="22">
        <v>158</v>
      </c>
      <c r="C92" s="14">
        <v>156</v>
      </c>
      <c r="D92" s="18">
        <v>314</v>
      </c>
    </row>
    <row r="93" spans="1:4" ht="18" customHeight="1" x14ac:dyDescent="0.15">
      <c r="A93" s="5">
        <v>72</v>
      </c>
      <c r="B93" s="22">
        <v>155</v>
      </c>
      <c r="C93" s="14">
        <v>145</v>
      </c>
      <c r="D93" s="18">
        <v>300</v>
      </c>
    </row>
    <row r="94" spans="1:4" ht="18" customHeight="1" x14ac:dyDescent="0.15">
      <c r="A94" s="5">
        <v>73</v>
      </c>
      <c r="B94" s="22">
        <v>140</v>
      </c>
      <c r="C94" s="14">
        <v>146</v>
      </c>
      <c r="D94" s="18">
        <v>286</v>
      </c>
    </row>
    <row r="95" spans="1:4" ht="18" customHeight="1" x14ac:dyDescent="0.15">
      <c r="A95" s="5">
        <v>74</v>
      </c>
      <c r="B95" s="22">
        <v>164</v>
      </c>
      <c r="C95" s="14">
        <v>163</v>
      </c>
      <c r="D95" s="18">
        <v>327</v>
      </c>
    </row>
    <row r="96" spans="1:4" ht="18" customHeight="1" x14ac:dyDescent="0.15">
      <c r="A96" s="5" t="s">
        <v>33</v>
      </c>
      <c r="B96" s="22">
        <v>743</v>
      </c>
      <c r="C96" s="14">
        <v>750</v>
      </c>
      <c r="D96" s="18">
        <v>1493</v>
      </c>
    </row>
    <row r="97" spans="1:4" ht="18" customHeight="1" x14ac:dyDescent="0.15">
      <c r="A97" s="5">
        <v>75</v>
      </c>
      <c r="B97" s="22">
        <v>149</v>
      </c>
      <c r="C97" s="14">
        <v>171</v>
      </c>
      <c r="D97" s="18">
        <v>320</v>
      </c>
    </row>
    <row r="98" spans="1:4" ht="18" customHeight="1" x14ac:dyDescent="0.15">
      <c r="A98" s="5">
        <v>76</v>
      </c>
      <c r="B98" s="22">
        <v>186</v>
      </c>
      <c r="C98" s="14">
        <v>183</v>
      </c>
      <c r="D98" s="18">
        <v>369</v>
      </c>
    </row>
    <row r="99" spans="1:4" ht="18" customHeight="1" x14ac:dyDescent="0.15">
      <c r="A99" s="5">
        <v>77</v>
      </c>
      <c r="B99" s="22">
        <v>161</v>
      </c>
      <c r="C99" s="14">
        <v>168</v>
      </c>
      <c r="D99" s="18">
        <v>329</v>
      </c>
    </row>
    <row r="100" spans="1:4" ht="18" customHeight="1" x14ac:dyDescent="0.15">
      <c r="A100" s="5">
        <v>78</v>
      </c>
      <c r="B100" s="22">
        <v>189</v>
      </c>
      <c r="C100" s="14">
        <v>190</v>
      </c>
      <c r="D100" s="18">
        <v>379</v>
      </c>
    </row>
    <row r="101" spans="1:4" ht="18" customHeight="1" x14ac:dyDescent="0.15">
      <c r="A101" s="5">
        <v>79</v>
      </c>
      <c r="B101" s="22">
        <v>136</v>
      </c>
      <c r="C101" s="14">
        <v>160</v>
      </c>
      <c r="D101" s="18">
        <v>296</v>
      </c>
    </row>
    <row r="102" spans="1:4" ht="18" customHeight="1" x14ac:dyDescent="0.15">
      <c r="A102" s="5" t="s">
        <v>0</v>
      </c>
      <c r="B102" s="22">
        <v>821</v>
      </c>
      <c r="C102" s="14">
        <v>872</v>
      </c>
      <c r="D102" s="18">
        <v>1693</v>
      </c>
    </row>
    <row r="103" spans="1:4" ht="18" customHeight="1" x14ac:dyDescent="0.15">
      <c r="A103" s="5">
        <v>80</v>
      </c>
      <c r="B103" s="22">
        <v>62</v>
      </c>
      <c r="C103" s="14">
        <v>76</v>
      </c>
      <c r="D103" s="18">
        <v>138</v>
      </c>
    </row>
    <row r="104" spans="1:4" ht="18" customHeight="1" x14ac:dyDescent="0.15">
      <c r="A104" s="5">
        <v>81</v>
      </c>
      <c r="B104" s="22">
        <v>83</v>
      </c>
      <c r="C104" s="14">
        <v>123</v>
      </c>
      <c r="D104" s="18">
        <v>206</v>
      </c>
    </row>
    <row r="105" spans="1:4" ht="18" customHeight="1" x14ac:dyDescent="0.15">
      <c r="A105" s="5">
        <v>82</v>
      </c>
      <c r="B105" s="22">
        <v>103</v>
      </c>
      <c r="C105" s="14">
        <v>114</v>
      </c>
      <c r="D105" s="18">
        <v>217</v>
      </c>
    </row>
    <row r="106" spans="1:4" ht="18" customHeight="1" x14ac:dyDescent="0.15">
      <c r="A106" s="5">
        <v>83</v>
      </c>
      <c r="B106" s="22">
        <v>80</v>
      </c>
      <c r="C106" s="14">
        <v>98</v>
      </c>
      <c r="D106" s="18">
        <v>178</v>
      </c>
    </row>
    <row r="107" spans="1:4" ht="18" customHeight="1" x14ac:dyDescent="0.15">
      <c r="A107" s="5">
        <v>84</v>
      </c>
      <c r="B107" s="22">
        <v>89</v>
      </c>
      <c r="C107" s="14">
        <v>119</v>
      </c>
      <c r="D107" s="18">
        <v>208</v>
      </c>
    </row>
    <row r="108" spans="1:4" ht="18" customHeight="1" x14ac:dyDescent="0.15">
      <c r="A108" s="5" t="s">
        <v>35</v>
      </c>
      <c r="B108" s="22">
        <v>417</v>
      </c>
      <c r="C108" s="14">
        <v>530</v>
      </c>
      <c r="D108" s="18">
        <v>947</v>
      </c>
    </row>
    <row r="109" spans="1:4" ht="18" customHeight="1" x14ac:dyDescent="0.15">
      <c r="A109" s="5">
        <v>85</v>
      </c>
      <c r="B109" s="22">
        <v>69</v>
      </c>
      <c r="C109" s="14">
        <v>84</v>
      </c>
      <c r="D109" s="18">
        <v>153</v>
      </c>
    </row>
    <row r="110" spans="1:4" ht="18" customHeight="1" x14ac:dyDescent="0.15">
      <c r="A110" s="5">
        <v>86</v>
      </c>
      <c r="B110" s="22">
        <v>45</v>
      </c>
      <c r="C110" s="14">
        <v>85</v>
      </c>
      <c r="D110" s="18">
        <v>130</v>
      </c>
    </row>
    <row r="111" spans="1:4" ht="18" customHeight="1" x14ac:dyDescent="0.15">
      <c r="A111" s="5">
        <v>87</v>
      </c>
      <c r="B111" s="22">
        <v>39</v>
      </c>
      <c r="C111" s="14">
        <v>85</v>
      </c>
      <c r="D111" s="18">
        <v>124</v>
      </c>
    </row>
    <row r="112" spans="1:4" ht="18" customHeight="1" x14ac:dyDescent="0.15">
      <c r="A112" s="5">
        <v>88</v>
      </c>
      <c r="B112" s="22">
        <v>47</v>
      </c>
      <c r="C112" s="14">
        <v>97</v>
      </c>
      <c r="D112" s="18">
        <v>144</v>
      </c>
    </row>
    <row r="113" spans="1:4" ht="18" customHeight="1" x14ac:dyDescent="0.15">
      <c r="A113" s="5">
        <v>89</v>
      </c>
      <c r="B113" s="22">
        <v>40</v>
      </c>
      <c r="C113" s="14">
        <v>85</v>
      </c>
      <c r="D113" s="18">
        <v>125</v>
      </c>
    </row>
    <row r="114" spans="1:4" ht="18" customHeight="1" x14ac:dyDescent="0.15">
      <c r="A114" s="5" t="s">
        <v>37</v>
      </c>
      <c r="B114" s="22">
        <v>240</v>
      </c>
      <c r="C114" s="14">
        <v>436</v>
      </c>
      <c r="D114" s="18">
        <v>676</v>
      </c>
    </row>
    <row r="115" spans="1:4" ht="18" customHeight="1" x14ac:dyDescent="0.15">
      <c r="A115" s="5">
        <v>90</v>
      </c>
      <c r="B115" s="22">
        <v>42</v>
      </c>
      <c r="C115" s="14">
        <v>79</v>
      </c>
      <c r="D115" s="18">
        <v>121</v>
      </c>
    </row>
    <row r="116" spans="1:4" ht="18" customHeight="1" x14ac:dyDescent="0.15">
      <c r="A116" s="5">
        <v>91</v>
      </c>
      <c r="B116" s="22">
        <v>26</v>
      </c>
      <c r="C116" s="14">
        <v>61</v>
      </c>
      <c r="D116" s="18">
        <v>87</v>
      </c>
    </row>
    <row r="117" spans="1:4" ht="18" customHeight="1" x14ac:dyDescent="0.15">
      <c r="A117" s="5">
        <v>92</v>
      </c>
      <c r="B117" s="22">
        <v>21</v>
      </c>
      <c r="C117" s="14">
        <v>66</v>
      </c>
      <c r="D117" s="18">
        <v>87</v>
      </c>
    </row>
    <row r="118" spans="1:4" ht="18" customHeight="1" x14ac:dyDescent="0.15">
      <c r="A118" s="5">
        <v>93</v>
      </c>
      <c r="B118" s="22">
        <v>18</v>
      </c>
      <c r="C118" s="14">
        <v>57</v>
      </c>
      <c r="D118" s="18">
        <v>75</v>
      </c>
    </row>
    <row r="119" spans="1:4" ht="18" customHeight="1" x14ac:dyDescent="0.15">
      <c r="A119" s="5">
        <v>94</v>
      </c>
      <c r="B119" s="22">
        <v>11</v>
      </c>
      <c r="C119" s="14">
        <v>58</v>
      </c>
      <c r="D119" s="18">
        <v>69</v>
      </c>
    </row>
    <row r="120" spans="1:4" ht="18" customHeight="1" x14ac:dyDescent="0.15">
      <c r="A120" s="5" t="s">
        <v>39</v>
      </c>
      <c r="B120" s="22">
        <v>118</v>
      </c>
      <c r="C120" s="14">
        <v>321</v>
      </c>
      <c r="D120" s="18">
        <v>439</v>
      </c>
    </row>
    <row r="121" spans="1:4" ht="18" customHeight="1" x14ac:dyDescent="0.15">
      <c r="A121" s="5">
        <v>95</v>
      </c>
      <c r="B121" s="22">
        <v>10</v>
      </c>
      <c r="C121" s="14">
        <v>38</v>
      </c>
      <c r="D121" s="18">
        <v>48</v>
      </c>
    </row>
    <row r="122" spans="1:4" ht="18" customHeight="1" x14ac:dyDescent="0.15">
      <c r="A122" s="5">
        <v>96</v>
      </c>
      <c r="B122" s="22">
        <v>7</v>
      </c>
      <c r="C122" s="14">
        <v>32</v>
      </c>
      <c r="D122" s="18">
        <v>39</v>
      </c>
    </row>
    <row r="123" spans="1:4" ht="18" customHeight="1" x14ac:dyDescent="0.15">
      <c r="A123" s="5">
        <v>97</v>
      </c>
      <c r="B123" s="22">
        <v>8</v>
      </c>
      <c r="C123" s="14">
        <v>22</v>
      </c>
      <c r="D123" s="18">
        <v>30</v>
      </c>
    </row>
    <row r="124" spans="1:4" ht="18" customHeight="1" x14ac:dyDescent="0.15">
      <c r="A124" s="5">
        <v>98</v>
      </c>
      <c r="B124" s="22">
        <v>2</v>
      </c>
      <c r="C124" s="14">
        <v>18</v>
      </c>
      <c r="D124" s="18">
        <v>20</v>
      </c>
    </row>
    <row r="125" spans="1:4" ht="18" customHeight="1" x14ac:dyDescent="0.15">
      <c r="A125" s="5">
        <v>99</v>
      </c>
      <c r="B125" s="22">
        <v>4</v>
      </c>
      <c r="C125" s="14">
        <v>8</v>
      </c>
      <c r="D125" s="18">
        <v>12</v>
      </c>
    </row>
    <row r="126" spans="1:4" ht="18" customHeight="1" x14ac:dyDescent="0.15">
      <c r="A126" s="5" t="s">
        <v>40</v>
      </c>
      <c r="B126" s="22">
        <v>31</v>
      </c>
      <c r="C126" s="14">
        <v>118</v>
      </c>
      <c r="D126" s="18">
        <v>149</v>
      </c>
    </row>
    <row r="127" spans="1:4" ht="18" customHeight="1" x14ac:dyDescent="0.15">
      <c r="A127" s="5">
        <v>100</v>
      </c>
      <c r="B127" s="22">
        <v>0</v>
      </c>
      <c r="C127" s="14">
        <v>12</v>
      </c>
      <c r="D127" s="18">
        <v>12</v>
      </c>
    </row>
    <row r="128" spans="1:4" ht="18" customHeight="1" x14ac:dyDescent="0.15">
      <c r="A128" s="6" t="s">
        <v>43</v>
      </c>
      <c r="B128" s="22">
        <v>0</v>
      </c>
      <c r="C128" s="14">
        <v>13</v>
      </c>
      <c r="D128" s="18">
        <v>13</v>
      </c>
    </row>
    <row r="129" spans="1:4" ht="18" customHeight="1" x14ac:dyDescent="0.15">
      <c r="A129" s="5" t="s">
        <v>44</v>
      </c>
      <c r="B129" s="22">
        <v>0</v>
      </c>
      <c r="C129" s="14">
        <v>25</v>
      </c>
      <c r="D129" s="18">
        <v>25</v>
      </c>
    </row>
    <row r="130" spans="1:4" ht="18" customHeight="1" x14ac:dyDescent="0.15">
      <c r="A130" s="5" t="s">
        <v>46</v>
      </c>
      <c r="B130" s="22">
        <v>2978</v>
      </c>
      <c r="C130" s="14">
        <v>3653</v>
      </c>
      <c r="D130" s="18">
        <v>6631</v>
      </c>
    </row>
    <row r="131" spans="1:4" ht="18" customHeight="1" x14ac:dyDescent="0.15">
      <c r="A131" s="7" t="s">
        <v>45</v>
      </c>
      <c r="B131" s="23">
        <v>8510</v>
      </c>
      <c r="C131" s="15">
        <v>8752</v>
      </c>
      <c r="D131" s="19">
        <v>172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6</v>
      </c>
      <c r="C5" s="29">
        <v>23</v>
      </c>
      <c r="D5" s="31">
        <v>49</v>
      </c>
    </row>
    <row r="6" spans="1:4" ht="18" customHeight="1" x14ac:dyDescent="0.15">
      <c r="A6" s="5">
        <v>1</v>
      </c>
      <c r="B6" s="27">
        <v>31</v>
      </c>
      <c r="C6" s="14">
        <v>28</v>
      </c>
      <c r="D6" s="18">
        <v>59</v>
      </c>
    </row>
    <row r="7" spans="1:4" ht="18" customHeight="1" x14ac:dyDescent="0.15">
      <c r="A7" s="5">
        <v>2</v>
      </c>
      <c r="B7" s="27">
        <v>23</v>
      </c>
      <c r="C7" s="14">
        <v>25</v>
      </c>
      <c r="D7" s="18">
        <v>48</v>
      </c>
    </row>
    <row r="8" spans="1:4" ht="18" customHeight="1" x14ac:dyDescent="0.15">
      <c r="A8" s="5">
        <v>3</v>
      </c>
      <c r="B8" s="27">
        <v>38</v>
      </c>
      <c r="C8" s="14">
        <v>38</v>
      </c>
      <c r="D8" s="18">
        <v>76</v>
      </c>
    </row>
    <row r="9" spans="1:4" ht="18" customHeight="1" x14ac:dyDescent="0.15">
      <c r="A9" s="5">
        <v>4</v>
      </c>
      <c r="B9" s="28">
        <v>36</v>
      </c>
      <c r="C9" s="30">
        <v>32</v>
      </c>
      <c r="D9" s="32">
        <v>68</v>
      </c>
    </row>
    <row r="10" spans="1:4" ht="18" customHeight="1" x14ac:dyDescent="0.15">
      <c r="A10" s="5" t="s">
        <v>7</v>
      </c>
      <c r="B10" s="22">
        <v>154</v>
      </c>
      <c r="C10" s="14">
        <v>146</v>
      </c>
      <c r="D10" s="18">
        <v>300</v>
      </c>
    </row>
    <row r="11" spans="1:4" ht="18" customHeight="1" x14ac:dyDescent="0.15">
      <c r="A11" s="5">
        <v>5</v>
      </c>
      <c r="B11" s="27">
        <v>47</v>
      </c>
      <c r="C11" s="14">
        <v>41</v>
      </c>
      <c r="D11" s="18">
        <v>88</v>
      </c>
    </row>
    <row r="12" spans="1:4" ht="18" customHeight="1" x14ac:dyDescent="0.15">
      <c r="A12" s="5">
        <v>6</v>
      </c>
      <c r="B12" s="27">
        <v>38</v>
      </c>
      <c r="C12" s="14">
        <v>44</v>
      </c>
      <c r="D12" s="18">
        <v>82</v>
      </c>
    </row>
    <row r="13" spans="1:4" ht="18" customHeight="1" x14ac:dyDescent="0.15">
      <c r="A13" s="5">
        <v>7</v>
      </c>
      <c r="B13" s="27">
        <v>51</v>
      </c>
      <c r="C13" s="14">
        <v>42</v>
      </c>
      <c r="D13" s="18">
        <v>93</v>
      </c>
    </row>
    <row r="14" spans="1:4" ht="18" customHeight="1" x14ac:dyDescent="0.15">
      <c r="A14" s="5">
        <v>8</v>
      </c>
      <c r="B14" s="27">
        <v>51</v>
      </c>
      <c r="C14" s="14">
        <v>40</v>
      </c>
      <c r="D14" s="18">
        <v>91</v>
      </c>
    </row>
    <row r="15" spans="1:4" ht="18" customHeight="1" x14ac:dyDescent="0.15">
      <c r="A15" s="5">
        <v>9</v>
      </c>
      <c r="B15" s="27">
        <v>57</v>
      </c>
      <c r="C15" s="14">
        <v>51</v>
      </c>
      <c r="D15" s="18">
        <v>108</v>
      </c>
    </row>
    <row r="16" spans="1:4" ht="18" customHeight="1" x14ac:dyDescent="0.15">
      <c r="A16" s="5" t="s">
        <v>11</v>
      </c>
      <c r="B16" s="22">
        <v>244</v>
      </c>
      <c r="C16" s="14">
        <v>218</v>
      </c>
      <c r="D16" s="18">
        <v>462</v>
      </c>
    </row>
    <row r="17" spans="1:4" ht="18" customHeight="1" x14ac:dyDescent="0.15">
      <c r="A17" s="5">
        <v>10</v>
      </c>
      <c r="B17" s="22">
        <v>53</v>
      </c>
      <c r="C17" s="14">
        <v>42</v>
      </c>
      <c r="D17" s="18">
        <v>95</v>
      </c>
    </row>
    <row r="18" spans="1:4" ht="18" customHeight="1" x14ac:dyDescent="0.15">
      <c r="A18" s="5">
        <v>11</v>
      </c>
      <c r="B18" s="22">
        <v>50</v>
      </c>
      <c r="C18" s="14">
        <v>39</v>
      </c>
      <c r="D18" s="18">
        <v>89</v>
      </c>
    </row>
    <row r="19" spans="1:4" ht="18" customHeight="1" x14ac:dyDescent="0.15">
      <c r="A19" s="5">
        <v>12</v>
      </c>
      <c r="B19" s="22">
        <v>51</v>
      </c>
      <c r="C19" s="14">
        <v>60</v>
      </c>
      <c r="D19" s="18">
        <v>111</v>
      </c>
    </row>
    <row r="20" spans="1:4" ht="18" customHeight="1" x14ac:dyDescent="0.15">
      <c r="A20" s="5">
        <v>13</v>
      </c>
      <c r="B20" s="22">
        <v>53</v>
      </c>
      <c r="C20" s="14">
        <v>62</v>
      </c>
      <c r="D20" s="18">
        <v>115</v>
      </c>
    </row>
    <row r="21" spans="1:4" ht="18" customHeight="1" x14ac:dyDescent="0.15">
      <c r="A21" s="5">
        <v>14</v>
      </c>
      <c r="B21" s="22">
        <v>66</v>
      </c>
      <c r="C21" s="14">
        <v>50</v>
      </c>
      <c r="D21" s="18">
        <v>116</v>
      </c>
    </row>
    <row r="22" spans="1:4" ht="18" customHeight="1" x14ac:dyDescent="0.15">
      <c r="A22" s="5" t="s">
        <v>12</v>
      </c>
      <c r="B22" s="22">
        <v>273</v>
      </c>
      <c r="C22" s="14">
        <v>253</v>
      </c>
      <c r="D22" s="18">
        <v>526</v>
      </c>
    </row>
    <row r="23" spans="1:4" ht="18" customHeight="1" x14ac:dyDescent="0.15">
      <c r="A23" s="5" t="s">
        <v>6</v>
      </c>
      <c r="B23" s="22">
        <v>671</v>
      </c>
      <c r="C23" s="14">
        <v>617</v>
      </c>
      <c r="D23" s="18">
        <v>1288</v>
      </c>
    </row>
    <row r="24" spans="1:4" ht="18" customHeight="1" x14ac:dyDescent="0.15">
      <c r="A24" s="5">
        <v>15</v>
      </c>
      <c r="B24" s="22">
        <v>66</v>
      </c>
      <c r="C24" s="14">
        <v>62</v>
      </c>
      <c r="D24" s="18">
        <v>128</v>
      </c>
    </row>
    <row r="25" spans="1:4" ht="18" customHeight="1" x14ac:dyDescent="0.15">
      <c r="A25" s="5">
        <v>16</v>
      </c>
      <c r="B25" s="22">
        <v>66</v>
      </c>
      <c r="C25" s="14">
        <v>80</v>
      </c>
      <c r="D25" s="18">
        <v>146</v>
      </c>
    </row>
    <row r="26" spans="1:4" ht="18" customHeight="1" x14ac:dyDescent="0.15">
      <c r="A26" s="5">
        <v>17</v>
      </c>
      <c r="B26" s="22">
        <v>83</v>
      </c>
      <c r="C26" s="14">
        <v>74</v>
      </c>
      <c r="D26" s="18">
        <v>157</v>
      </c>
    </row>
    <row r="27" spans="1:4" ht="18" customHeight="1" x14ac:dyDescent="0.15">
      <c r="A27" s="5">
        <v>18</v>
      </c>
      <c r="B27" s="22">
        <v>82</v>
      </c>
      <c r="C27" s="14">
        <v>75</v>
      </c>
      <c r="D27" s="18">
        <v>157</v>
      </c>
    </row>
    <row r="28" spans="1:4" ht="18" customHeight="1" x14ac:dyDescent="0.15">
      <c r="A28" s="5">
        <v>19</v>
      </c>
      <c r="B28" s="22">
        <v>82</v>
      </c>
      <c r="C28" s="14">
        <v>93</v>
      </c>
      <c r="D28" s="18">
        <v>175</v>
      </c>
    </row>
    <row r="29" spans="1:4" ht="18" customHeight="1" x14ac:dyDescent="0.15">
      <c r="A29" s="5" t="s">
        <v>14</v>
      </c>
      <c r="B29" s="22">
        <v>379</v>
      </c>
      <c r="C29" s="14">
        <v>384</v>
      </c>
      <c r="D29" s="18">
        <v>763</v>
      </c>
    </row>
    <row r="30" spans="1:4" ht="18" customHeight="1" x14ac:dyDescent="0.15">
      <c r="A30" s="5">
        <v>20</v>
      </c>
      <c r="B30" s="22">
        <v>76</v>
      </c>
      <c r="C30" s="14">
        <v>85</v>
      </c>
      <c r="D30" s="18">
        <v>161</v>
      </c>
    </row>
    <row r="31" spans="1:4" ht="18" customHeight="1" x14ac:dyDescent="0.15">
      <c r="A31" s="5">
        <v>21</v>
      </c>
      <c r="B31" s="22">
        <v>78</v>
      </c>
      <c r="C31" s="14">
        <v>78</v>
      </c>
      <c r="D31" s="18">
        <v>156</v>
      </c>
    </row>
    <row r="32" spans="1:4" ht="18" customHeight="1" x14ac:dyDescent="0.15">
      <c r="A32" s="5">
        <v>22</v>
      </c>
      <c r="B32" s="22">
        <v>84</v>
      </c>
      <c r="C32" s="14">
        <v>74</v>
      </c>
      <c r="D32" s="18">
        <v>158</v>
      </c>
    </row>
    <row r="33" spans="1:4" ht="18" customHeight="1" x14ac:dyDescent="0.15">
      <c r="A33" s="5">
        <v>23</v>
      </c>
      <c r="B33" s="22">
        <v>73</v>
      </c>
      <c r="C33" s="14">
        <v>76</v>
      </c>
      <c r="D33" s="18">
        <v>149</v>
      </c>
    </row>
    <row r="34" spans="1:4" ht="18" customHeight="1" x14ac:dyDescent="0.15">
      <c r="A34" s="5">
        <v>24</v>
      </c>
      <c r="B34" s="22">
        <v>78</v>
      </c>
      <c r="C34" s="14">
        <v>70</v>
      </c>
      <c r="D34" s="18">
        <v>148</v>
      </c>
    </row>
    <row r="35" spans="1:4" ht="18" customHeight="1" x14ac:dyDescent="0.15">
      <c r="A35" s="5" t="s">
        <v>9</v>
      </c>
      <c r="B35" s="22">
        <v>389</v>
      </c>
      <c r="C35" s="14">
        <v>383</v>
      </c>
      <c r="D35" s="18">
        <v>772</v>
      </c>
    </row>
    <row r="36" spans="1:4" ht="18" customHeight="1" x14ac:dyDescent="0.15">
      <c r="A36" s="5">
        <v>25</v>
      </c>
      <c r="B36" s="22">
        <v>78</v>
      </c>
      <c r="C36" s="14">
        <v>57</v>
      </c>
      <c r="D36" s="18">
        <v>135</v>
      </c>
    </row>
    <row r="37" spans="1:4" ht="18" customHeight="1" x14ac:dyDescent="0.15">
      <c r="A37" s="5">
        <v>26</v>
      </c>
      <c r="B37" s="22">
        <v>86</v>
      </c>
      <c r="C37" s="14">
        <v>70</v>
      </c>
      <c r="D37" s="18">
        <v>156</v>
      </c>
    </row>
    <row r="38" spans="1:4" ht="18" customHeight="1" x14ac:dyDescent="0.15">
      <c r="A38" s="5">
        <v>27</v>
      </c>
      <c r="B38" s="22">
        <v>73</v>
      </c>
      <c r="C38" s="14">
        <v>60</v>
      </c>
      <c r="D38" s="18">
        <v>133</v>
      </c>
    </row>
    <row r="39" spans="1:4" ht="18" customHeight="1" x14ac:dyDescent="0.15">
      <c r="A39" s="5">
        <v>28</v>
      </c>
      <c r="B39" s="22">
        <v>69</v>
      </c>
      <c r="C39" s="14">
        <v>41</v>
      </c>
      <c r="D39" s="18">
        <v>110</v>
      </c>
    </row>
    <row r="40" spans="1:4" ht="18" customHeight="1" x14ac:dyDescent="0.15">
      <c r="A40" s="5">
        <v>29</v>
      </c>
      <c r="B40" s="22">
        <v>61</v>
      </c>
      <c r="C40" s="14">
        <v>39</v>
      </c>
      <c r="D40" s="18">
        <v>100</v>
      </c>
    </row>
    <row r="41" spans="1:4" ht="18" customHeight="1" x14ac:dyDescent="0.15">
      <c r="A41" s="5" t="s">
        <v>2</v>
      </c>
      <c r="B41" s="22">
        <v>367</v>
      </c>
      <c r="C41" s="14">
        <v>267</v>
      </c>
      <c r="D41" s="18">
        <v>634</v>
      </c>
    </row>
    <row r="42" spans="1:4" ht="18" customHeight="1" x14ac:dyDescent="0.15">
      <c r="A42" s="5">
        <v>30</v>
      </c>
      <c r="B42" s="22">
        <v>75</v>
      </c>
      <c r="C42" s="14">
        <v>60</v>
      </c>
      <c r="D42" s="18">
        <v>135</v>
      </c>
    </row>
    <row r="43" spans="1:4" ht="18" customHeight="1" x14ac:dyDescent="0.15">
      <c r="A43" s="5">
        <v>31</v>
      </c>
      <c r="B43" s="22">
        <v>57</v>
      </c>
      <c r="C43" s="14">
        <v>59</v>
      </c>
      <c r="D43" s="18">
        <v>116</v>
      </c>
    </row>
    <row r="44" spans="1:4" ht="18" customHeight="1" x14ac:dyDescent="0.15">
      <c r="A44" s="5">
        <v>32</v>
      </c>
      <c r="B44" s="22">
        <v>49</v>
      </c>
      <c r="C44" s="14">
        <v>46</v>
      </c>
      <c r="D44" s="18">
        <v>95</v>
      </c>
    </row>
    <row r="45" spans="1:4" ht="18" customHeight="1" x14ac:dyDescent="0.15">
      <c r="A45" s="5">
        <v>33</v>
      </c>
      <c r="B45" s="22">
        <v>65</v>
      </c>
      <c r="C45" s="14">
        <v>53</v>
      </c>
      <c r="D45" s="18">
        <v>118</v>
      </c>
    </row>
    <row r="46" spans="1:4" ht="18" customHeight="1" x14ac:dyDescent="0.15">
      <c r="A46" s="5">
        <v>34</v>
      </c>
      <c r="B46" s="22">
        <v>56</v>
      </c>
      <c r="C46" s="14">
        <v>37</v>
      </c>
      <c r="D46" s="18">
        <v>93</v>
      </c>
    </row>
    <row r="47" spans="1:4" ht="18" customHeight="1" x14ac:dyDescent="0.15">
      <c r="A47" s="5" t="s">
        <v>15</v>
      </c>
      <c r="B47" s="22">
        <v>302</v>
      </c>
      <c r="C47" s="14">
        <v>255</v>
      </c>
      <c r="D47" s="18">
        <v>557</v>
      </c>
    </row>
    <row r="48" spans="1:4" ht="18" customHeight="1" x14ac:dyDescent="0.15">
      <c r="A48" s="5">
        <v>35</v>
      </c>
      <c r="B48" s="22">
        <v>67</v>
      </c>
      <c r="C48" s="14">
        <v>54</v>
      </c>
      <c r="D48" s="18">
        <v>121</v>
      </c>
    </row>
    <row r="49" spans="1:4" ht="18" customHeight="1" x14ac:dyDescent="0.15">
      <c r="A49" s="5">
        <v>36</v>
      </c>
      <c r="B49" s="22">
        <v>54</v>
      </c>
      <c r="C49" s="14">
        <v>49</v>
      </c>
      <c r="D49" s="18">
        <v>103</v>
      </c>
    </row>
    <row r="50" spans="1:4" ht="18" customHeight="1" x14ac:dyDescent="0.15">
      <c r="A50" s="5">
        <v>37</v>
      </c>
      <c r="B50" s="22">
        <v>54</v>
      </c>
      <c r="C50" s="14">
        <v>49</v>
      </c>
      <c r="D50" s="18">
        <v>103</v>
      </c>
    </row>
    <row r="51" spans="1:4" ht="18" customHeight="1" x14ac:dyDescent="0.15">
      <c r="A51" s="5">
        <v>38</v>
      </c>
      <c r="B51" s="22">
        <v>54</v>
      </c>
      <c r="C51" s="14">
        <v>64</v>
      </c>
      <c r="D51" s="18">
        <v>118</v>
      </c>
    </row>
    <row r="52" spans="1:4" ht="18" customHeight="1" x14ac:dyDescent="0.15">
      <c r="A52" s="5">
        <v>39</v>
      </c>
      <c r="B52" s="22">
        <v>79</v>
      </c>
      <c r="C52" s="14">
        <v>71</v>
      </c>
      <c r="D52" s="18">
        <v>150</v>
      </c>
    </row>
    <row r="53" spans="1:4" ht="18" customHeight="1" x14ac:dyDescent="0.15">
      <c r="A53" s="5" t="s">
        <v>18</v>
      </c>
      <c r="B53" s="22">
        <v>308</v>
      </c>
      <c r="C53" s="14">
        <v>287</v>
      </c>
      <c r="D53" s="18">
        <v>595</v>
      </c>
    </row>
    <row r="54" spans="1:4" ht="18" customHeight="1" x14ac:dyDescent="0.15">
      <c r="A54" s="5">
        <v>40</v>
      </c>
      <c r="B54" s="22">
        <v>77</v>
      </c>
      <c r="C54" s="14">
        <v>65</v>
      </c>
      <c r="D54" s="18">
        <v>142</v>
      </c>
    </row>
    <row r="55" spans="1:4" ht="18" customHeight="1" x14ac:dyDescent="0.15">
      <c r="A55" s="5">
        <v>41</v>
      </c>
      <c r="B55" s="22">
        <v>76</v>
      </c>
      <c r="C55" s="14">
        <v>69</v>
      </c>
      <c r="D55" s="18">
        <v>145</v>
      </c>
    </row>
    <row r="56" spans="1:4" ht="18" customHeight="1" x14ac:dyDescent="0.15">
      <c r="A56" s="5">
        <v>42</v>
      </c>
      <c r="B56" s="22">
        <v>69</v>
      </c>
      <c r="C56" s="14">
        <v>77</v>
      </c>
      <c r="D56" s="18">
        <v>146</v>
      </c>
    </row>
    <row r="57" spans="1:4" ht="18" customHeight="1" x14ac:dyDescent="0.15">
      <c r="A57" s="5">
        <v>43</v>
      </c>
      <c r="B57" s="22">
        <v>68</v>
      </c>
      <c r="C57" s="14">
        <v>68</v>
      </c>
      <c r="D57" s="18">
        <v>136</v>
      </c>
    </row>
    <row r="58" spans="1:4" ht="18" customHeight="1" x14ac:dyDescent="0.15">
      <c r="A58" s="5">
        <v>44</v>
      </c>
      <c r="B58" s="22">
        <v>70</v>
      </c>
      <c r="C58" s="14">
        <v>84</v>
      </c>
      <c r="D58" s="18">
        <v>154</v>
      </c>
    </row>
    <row r="59" spans="1:4" ht="18" customHeight="1" x14ac:dyDescent="0.15">
      <c r="A59" s="5" t="s">
        <v>21</v>
      </c>
      <c r="B59" s="22">
        <v>360</v>
      </c>
      <c r="C59" s="14">
        <v>363</v>
      </c>
      <c r="D59" s="18">
        <v>723</v>
      </c>
    </row>
    <row r="60" spans="1:4" ht="18" customHeight="1" x14ac:dyDescent="0.15">
      <c r="A60" s="5">
        <v>45</v>
      </c>
      <c r="B60" s="22">
        <v>82</v>
      </c>
      <c r="C60" s="14">
        <v>75</v>
      </c>
      <c r="D60" s="18">
        <v>157</v>
      </c>
    </row>
    <row r="61" spans="1:4" ht="18" customHeight="1" x14ac:dyDescent="0.15">
      <c r="A61" s="5">
        <v>46</v>
      </c>
      <c r="B61" s="22">
        <v>76</v>
      </c>
      <c r="C61" s="14">
        <v>93</v>
      </c>
      <c r="D61" s="18">
        <v>169</v>
      </c>
    </row>
    <row r="62" spans="1:4" ht="18" customHeight="1" x14ac:dyDescent="0.15">
      <c r="A62" s="5">
        <v>47</v>
      </c>
      <c r="B62" s="22">
        <v>72</v>
      </c>
      <c r="C62" s="14">
        <v>85</v>
      </c>
      <c r="D62" s="18">
        <v>157</v>
      </c>
    </row>
    <row r="63" spans="1:4" ht="18" customHeight="1" x14ac:dyDescent="0.15">
      <c r="A63" s="5">
        <v>48</v>
      </c>
      <c r="B63" s="22">
        <v>117</v>
      </c>
      <c r="C63" s="14">
        <v>90</v>
      </c>
      <c r="D63" s="18">
        <v>207</v>
      </c>
    </row>
    <row r="64" spans="1:4" ht="18" customHeight="1" x14ac:dyDescent="0.15">
      <c r="A64" s="5">
        <v>49</v>
      </c>
      <c r="B64" s="22">
        <v>101</v>
      </c>
      <c r="C64" s="14">
        <v>119</v>
      </c>
      <c r="D64" s="18">
        <v>220</v>
      </c>
    </row>
    <row r="65" spans="1:4" ht="18" customHeight="1" x14ac:dyDescent="0.15">
      <c r="A65" s="5" t="s">
        <v>17</v>
      </c>
      <c r="B65" s="22">
        <v>448</v>
      </c>
      <c r="C65" s="14">
        <v>462</v>
      </c>
      <c r="D65" s="18">
        <v>910</v>
      </c>
    </row>
    <row r="66" spans="1:4" ht="18" customHeight="1" x14ac:dyDescent="0.15">
      <c r="A66" s="5">
        <v>50</v>
      </c>
      <c r="B66" s="22">
        <v>116</v>
      </c>
      <c r="C66" s="14">
        <v>107</v>
      </c>
      <c r="D66" s="18">
        <v>223</v>
      </c>
    </row>
    <row r="67" spans="1:4" ht="18" customHeight="1" x14ac:dyDescent="0.15">
      <c r="A67" s="5">
        <v>51</v>
      </c>
      <c r="B67" s="22">
        <v>122</v>
      </c>
      <c r="C67" s="14">
        <v>108</v>
      </c>
      <c r="D67" s="18">
        <v>230</v>
      </c>
    </row>
    <row r="68" spans="1:4" ht="18" customHeight="1" x14ac:dyDescent="0.15">
      <c r="A68" s="5">
        <v>52</v>
      </c>
      <c r="B68" s="22">
        <v>122</v>
      </c>
      <c r="C68" s="14">
        <v>123</v>
      </c>
      <c r="D68" s="18">
        <v>245</v>
      </c>
    </row>
    <row r="69" spans="1:4" ht="18" customHeight="1" x14ac:dyDescent="0.15">
      <c r="A69" s="5">
        <v>53</v>
      </c>
      <c r="B69" s="22">
        <v>129</v>
      </c>
      <c r="C69" s="14">
        <v>119</v>
      </c>
      <c r="D69" s="18">
        <v>248</v>
      </c>
    </row>
    <row r="70" spans="1:4" ht="18" customHeight="1" x14ac:dyDescent="0.15">
      <c r="A70" s="5">
        <v>54</v>
      </c>
      <c r="B70" s="22">
        <v>110</v>
      </c>
      <c r="C70" s="14">
        <v>122</v>
      </c>
      <c r="D70" s="18">
        <v>232</v>
      </c>
    </row>
    <row r="71" spans="1:4" ht="18" customHeight="1" x14ac:dyDescent="0.15">
      <c r="A71" s="5" t="s">
        <v>22</v>
      </c>
      <c r="B71" s="22">
        <v>599</v>
      </c>
      <c r="C71" s="14">
        <v>579</v>
      </c>
      <c r="D71" s="18">
        <v>1178</v>
      </c>
    </row>
    <row r="72" spans="1:4" ht="18" customHeight="1" x14ac:dyDescent="0.15">
      <c r="A72" s="5">
        <v>55</v>
      </c>
      <c r="B72" s="22">
        <v>117</v>
      </c>
      <c r="C72" s="14">
        <v>92</v>
      </c>
      <c r="D72" s="18">
        <v>209</v>
      </c>
    </row>
    <row r="73" spans="1:4" ht="18" customHeight="1" x14ac:dyDescent="0.15">
      <c r="A73" s="5">
        <v>56</v>
      </c>
      <c r="B73" s="22">
        <v>117</v>
      </c>
      <c r="C73" s="14">
        <v>82</v>
      </c>
      <c r="D73" s="18">
        <v>199</v>
      </c>
    </row>
    <row r="74" spans="1:4" ht="18" customHeight="1" x14ac:dyDescent="0.15">
      <c r="A74" s="5">
        <v>57</v>
      </c>
      <c r="B74" s="22">
        <v>101</v>
      </c>
      <c r="C74" s="14">
        <v>89</v>
      </c>
      <c r="D74" s="18">
        <v>190</v>
      </c>
    </row>
    <row r="75" spans="1:4" ht="18" customHeight="1" x14ac:dyDescent="0.15">
      <c r="A75" s="5">
        <v>58</v>
      </c>
      <c r="B75" s="22">
        <v>68</v>
      </c>
      <c r="C75" s="14">
        <v>92</v>
      </c>
      <c r="D75" s="18">
        <v>160</v>
      </c>
    </row>
    <row r="76" spans="1:4" ht="18" customHeight="1" x14ac:dyDescent="0.15">
      <c r="A76" s="5">
        <v>59</v>
      </c>
      <c r="B76" s="22">
        <v>79</v>
      </c>
      <c r="C76" s="14">
        <v>80</v>
      </c>
      <c r="D76" s="18">
        <v>159</v>
      </c>
    </row>
    <row r="77" spans="1:4" ht="18" customHeight="1" x14ac:dyDescent="0.15">
      <c r="A77" s="5" t="s">
        <v>27</v>
      </c>
      <c r="B77" s="22">
        <v>482</v>
      </c>
      <c r="C77" s="14">
        <v>435</v>
      </c>
      <c r="D77" s="18">
        <v>917</v>
      </c>
    </row>
    <row r="78" spans="1:4" ht="18" customHeight="1" x14ac:dyDescent="0.15">
      <c r="A78" s="5">
        <v>60</v>
      </c>
      <c r="B78" s="22">
        <v>54</v>
      </c>
      <c r="C78" s="14">
        <v>68</v>
      </c>
      <c r="D78" s="18">
        <v>122</v>
      </c>
    </row>
    <row r="79" spans="1:4" ht="18" customHeight="1" x14ac:dyDescent="0.15">
      <c r="A79" s="5">
        <v>61</v>
      </c>
      <c r="B79" s="22">
        <v>72</v>
      </c>
      <c r="C79" s="14">
        <v>87</v>
      </c>
      <c r="D79" s="18">
        <v>159</v>
      </c>
    </row>
    <row r="80" spans="1:4" ht="18" customHeight="1" x14ac:dyDescent="0.15">
      <c r="A80" s="5">
        <v>62</v>
      </c>
      <c r="B80" s="22">
        <v>69</v>
      </c>
      <c r="C80" s="14">
        <v>67</v>
      </c>
      <c r="D80" s="18">
        <v>136</v>
      </c>
    </row>
    <row r="81" spans="1:4" ht="18" customHeight="1" x14ac:dyDescent="0.15">
      <c r="A81" s="5">
        <v>63</v>
      </c>
      <c r="B81" s="22">
        <v>70</v>
      </c>
      <c r="C81" s="14">
        <v>73</v>
      </c>
      <c r="D81" s="18">
        <v>143</v>
      </c>
    </row>
    <row r="82" spans="1:4" ht="18" customHeight="1" x14ac:dyDescent="0.15">
      <c r="A82" s="5">
        <v>64</v>
      </c>
      <c r="B82" s="22">
        <v>71</v>
      </c>
      <c r="C82" s="14">
        <v>60</v>
      </c>
      <c r="D82" s="18">
        <v>131</v>
      </c>
    </row>
    <row r="83" spans="1:4" ht="18" customHeight="1" x14ac:dyDescent="0.15">
      <c r="A83" s="5" t="s">
        <v>28</v>
      </c>
      <c r="B83" s="22">
        <v>336</v>
      </c>
      <c r="C83" s="14">
        <v>355</v>
      </c>
      <c r="D83" s="18">
        <v>691</v>
      </c>
    </row>
    <row r="84" spans="1:4" ht="18" customHeight="1" x14ac:dyDescent="0.15">
      <c r="A84" s="5" t="s">
        <v>31</v>
      </c>
      <c r="B84" s="22">
        <v>3970</v>
      </c>
      <c r="C84" s="14">
        <v>3770</v>
      </c>
      <c r="D84" s="18">
        <v>7740</v>
      </c>
    </row>
    <row r="85" spans="1:4" ht="18" customHeight="1" x14ac:dyDescent="0.15">
      <c r="A85" s="5">
        <v>65</v>
      </c>
      <c r="B85" s="22">
        <v>52</v>
      </c>
      <c r="C85" s="14">
        <v>63</v>
      </c>
      <c r="D85" s="18">
        <v>115</v>
      </c>
    </row>
    <row r="86" spans="1:4" ht="18" customHeight="1" x14ac:dyDescent="0.15">
      <c r="A86" s="5">
        <v>66</v>
      </c>
      <c r="B86" s="22">
        <v>51</v>
      </c>
      <c r="C86" s="14">
        <v>68</v>
      </c>
      <c r="D86" s="18">
        <v>119</v>
      </c>
    </row>
    <row r="87" spans="1:4" ht="18" customHeight="1" x14ac:dyDescent="0.15">
      <c r="A87" s="5">
        <v>67</v>
      </c>
      <c r="B87" s="22">
        <v>63</v>
      </c>
      <c r="C87" s="14">
        <v>69</v>
      </c>
      <c r="D87" s="18">
        <v>132</v>
      </c>
    </row>
    <row r="88" spans="1:4" ht="18" customHeight="1" x14ac:dyDescent="0.15">
      <c r="A88" s="5">
        <v>68</v>
      </c>
      <c r="B88" s="22">
        <v>45</v>
      </c>
      <c r="C88" s="14">
        <v>50</v>
      </c>
      <c r="D88" s="18">
        <v>95</v>
      </c>
    </row>
    <row r="89" spans="1:4" ht="18" customHeight="1" x14ac:dyDescent="0.15">
      <c r="A89" s="5">
        <v>69</v>
      </c>
      <c r="B89" s="22">
        <v>51</v>
      </c>
      <c r="C89" s="14">
        <v>44</v>
      </c>
      <c r="D89" s="18">
        <v>95</v>
      </c>
    </row>
    <row r="90" spans="1:4" ht="18" customHeight="1" x14ac:dyDescent="0.15">
      <c r="A90" s="5" t="s">
        <v>20</v>
      </c>
      <c r="B90" s="22">
        <v>262</v>
      </c>
      <c r="C90" s="14">
        <v>294</v>
      </c>
      <c r="D90" s="18">
        <v>556</v>
      </c>
    </row>
    <row r="91" spans="1:4" ht="18" customHeight="1" x14ac:dyDescent="0.15">
      <c r="A91" s="5">
        <v>70</v>
      </c>
      <c r="B91" s="22">
        <v>52</v>
      </c>
      <c r="C91" s="14">
        <v>68</v>
      </c>
      <c r="D91" s="18">
        <v>120</v>
      </c>
    </row>
    <row r="92" spans="1:4" ht="18" customHeight="1" x14ac:dyDescent="0.15">
      <c r="A92" s="5">
        <v>71</v>
      </c>
      <c r="B92" s="22">
        <v>65</v>
      </c>
      <c r="C92" s="14">
        <v>69</v>
      </c>
      <c r="D92" s="18">
        <v>134</v>
      </c>
    </row>
    <row r="93" spans="1:4" ht="18" customHeight="1" x14ac:dyDescent="0.15">
      <c r="A93" s="5">
        <v>72</v>
      </c>
      <c r="B93" s="22">
        <v>71</v>
      </c>
      <c r="C93" s="14">
        <v>66</v>
      </c>
      <c r="D93" s="18">
        <v>137</v>
      </c>
    </row>
    <row r="94" spans="1:4" ht="18" customHeight="1" x14ac:dyDescent="0.15">
      <c r="A94" s="5">
        <v>73</v>
      </c>
      <c r="B94" s="22">
        <v>57</v>
      </c>
      <c r="C94" s="14">
        <v>62</v>
      </c>
      <c r="D94" s="18">
        <v>119</v>
      </c>
    </row>
    <row r="95" spans="1:4" ht="18" customHeight="1" x14ac:dyDescent="0.15">
      <c r="A95" s="5">
        <v>74</v>
      </c>
      <c r="B95" s="22">
        <v>61</v>
      </c>
      <c r="C95" s="14">
        <v>61</v>
      </c>
      <c r="D95" s="18">
        <v>122</v>
      </c>
    </row>
    <row r="96" spans="1:4" ht="18" customHeight="1" x14ac:dyDescent="0.15">
      <c r="A96" s="5" t="s">
        <v>33</v>
      </c>
      <c r="B96" s="22">
        <v>306</v>
      </c>
      <c r="C96" s="14">
        <v>326</v>
      </c>
      <c r="D96" s="18">
        <v>632</v>
      </c>
    </row>
    <row r="97" spans="1:4" ht="18" customHeight="1" x14ac:dyDescent="0.15">
      <c r="A97" s="5">
        <v>75</v>
      </c>
      <c r="B97" s="22">
        <v>70</v>
      </c>
      <c r="C97" s="14">
        <v>65</v>
      </c>
      <c r="D97" s="18">
        <v>135</v>
      </c>
    </row>
    <row r="98" spans="1:4" ht="18" customHeight="1" x14ac:dyDescent="0.15">
      <c r="A98" s="5">
        <v>76</v>
      </c>
      <c r="B98" s="22">
        <v>49</v>
      </c>
      <c r="C98" s="14">
        <v>68</v>
      </c>
      <c r="D98" s="18">
        <v>117</v>
      </c>
    </row>
    <row r="99" spans="1:4" ht="18" customHeight="1" x14ac:dyDescent="0.15">
      <c r="A99" s="5">
        <v>77</v>
      </c>
      <c r="B99" s="22">
        <v>80</v>
      </c>
      <c r="C99" s="14">
        <v>88</v>
      </c>
      <c r="D99" s="18">
        <v>168</v>
      </c>
    </row>
    <row r="100" spans="1:4" ht="18" customHeight="1" x14ac:dyDescent="0.15">
      <c r="A100" s="5">
        <v>78</v>
      </c>
      <c r="B100" s="22">
        <v>64</v>
      </c>
      <c r="C100" s="14">
        <v>89</v>
      </c>
      <c r="D100" s="18">
        <v>153</v>
      </c>
    </row>
    <row r="101" spans="1:4" ht="18" customHeight="1" x14ac:dyDescent="0.15">
      <c r="A101" s="5">
        <v>79</v>
      </c>
      <c r="B101" s="22">
        <v>47</v>
      </c>
      <c r="C101" s="14">
        <v>65</v>
      </c>
      <c r="D101" s="18">
        <v>112</v>
      </c>
    </row>
    <row r="102" spans="1:4" ht="18" customHeight="1" x14ac:dyDescent="0.15">
      <c r="A102" s="5" t="s">
        <v>0</v>
      </c>
      <c r="B102" s="22">
        <v>310</v>
      </c>
      <c r="C102" s="14">
        <v>375</v>
      </c>
      <c r="D102" s="18">
        <v>685</v>
      </c>
    </row>
    <row r="103" spans="1:4" ht="18" customHeight="1" x14ac:dyDescent="0.15">
      <c r="A103" s="5">
        <v>80</v>
      </c>
      <c r="B103" s="22">
        <v>25</v>
      </c>
      <c r="C103" s="14">
        <v>26</v>
      </c>
      <c r="D103" s="18">
        <v>51</v>
      </c>
    </row>
    <row r="104" spans="1:4" ht="18" customHeight="1" x14ac:dyDescent="0.15">
      <c r="A104" s="5">
        <v>81</v>
      </c>
      <c r="B104" s="22">
        <v>35</v>
      </c>
      <c r="C104" s="14">
        <v>43</v>
      </c>
      <c r="D104" s="18">
        <v>78</v>
      </c>
    </row>
    <row r="105" spans="1:4" ht="18" customHeight="1" x14ac:dyDescent="0.15">
      <c r="A105" s="5">
        <v>82</v>
      </c>
      <c r="B105" s="22">
        <v>30</v>
      </c>
      <c r="C105" s="14">
        <v>45</v>
      </c>
      <c r="D105" s="18">
        <v>75</v>
      </c>
    </row>
    <row r="106" spans="1:4" ht="18" customHeight="1" x14ac:dyDescent="0.15">
      <c r="A106" s="5">
        <v>83</v>
      </c>
      <c r="B106" s="22">
        <v>37</v>
      </c>
      <c r="C106" s="14">
        <v>44</v>
      </c>
      <c r="D106" s="18">
        <v>81</v>
      </c>
    </row>
    <row r="107" spans="1:4" ht="18" customHeight="1" x14ac:dyDescent="0.15">
      <c r="A107" s="5">
        <v>84</v>
      </c>
      <c r="B107" s="22">
        <v>34</v>
      </c>
      <c r="C107" s="14">
        <v>34</v>
      </c>
      <c r="D107" s="18">
        <v>68</v>
      </c>
    </row>
    <row r="108" spans="1:4" ht="18" customHeight="1" x14ac:dyDescent="0.15">
      <c r="A108" s="5" t="s">
        <v>35</v>
      </c>
      <c r="B108" s="22">
        <v>161</v>
      </c>
      <c r="C108" s="14">
        <v>192</v>
      </c>
      <c r="D108" s="18">
        <v>353</v>
      </c>
    </row>
    <row r="109" spans="1:4" ht="18" customHeight="1" x14ac:dyDescent="0.15">
      <c r="A109" s="5">
        <v>85</v>
      </c>
      <c r="B109" s="22">
        <v>25</v>
      </c>
      <c r="C109" s="14">
        <v>56</v>
      </c>
      <c r="D109" s="18">
        <v>81</v>
      </c>
    </row>
    <row r="110" spans="1:4" ht="18" customHeight="1" x14ac:dyDescent="0.15">
      <c r="A110" s="5">
        <v>86</v>
      </c>
      <c r="B110" s="22">
        <v>24</v>
      </c>
      <c r="C110" s="14">
        <v>32</v>
      </c>
      <c r="D110" s="18">
        <v>56</v>
      </c>
    </row>
    <row r="111" spans="1:4" ht="18" customHeight="1" x14ac:dyDescent="0.15">
      <c r="A111" s="5">
        <v>87</v>
      </c>
      <c r="B111" s="22">
        <v>16</v>
      </c>
      <c r="C111" s="14">
        <v>28</v>
      </c>
      <c r="D111" s="18">
        <v>44</v>
      </c>
    </row>
    <row r="112" spans="1:4" ht="18" customHeight="1" x14ac:dyDescent="0.15">
      <c r="A112" s="5">
        <v>88</v>
      </c>
      <c r="B112" s="22">
        <v>18</v>
      </c>
      <c r="C112" s="14">
        <v>20</v>
      </c>
      <c r="D112" s="18">
        <v>38</v>
      </c>
    </row>
    <row r="113" spans="1:4" ht="18" customHeight="1" x14ac:dyDescent="0.15">
      <c r="A113" s="5">
        <v>89</v>
      </c>
      <c r="B113" s="22">
        <v>6</v>
      </c>
      <c r="C113" s="14">
        <v>20</v>
      </c>
      <c r="D113" s="18">
        <v>26</v>
      </c>
    </row>
    <row r="114" spans="1:4" ht="18" customHeight="1" x14ac:dyDescent="0.15">
      <c r="A114" s="5" t="s">
        <v>37</v>
      </c>
      <c r="B114" s="22">
        <v>89</v>
      </c>
      <c r="C114" s="14">
        <v>156</v>
      </c>
      <c r="D114" s="18">
        <v>245</v>
      </c>
    </row>
    <row r="115" spans="1:4" ht="18" customHeight="1" x14ac:dyDescent="0.15">
      <c r="A115" s="5">
        <v>90</v>
      </c>
      <c r="B115" s="22">
        <v>15</v>
      </c>
      <c r="C115" s="14">
        <v>28</v>
      </c>
      <c r="D115" s="18">
        <v>43</v>
      </c>
    </row>
    <row r="116" spans="1:4" ht="18" customHeight="1" x14ac:dyDescent="0.15">
      <c r="A116" s="5">
        <v>91</v>
      </c>
      <c r="B116" s="22">
        <v>7</v>
      </c>
      <c r="C116" s="14">
        <v>21</v>
      </c>
      <c r="D116" s="18">
        <v>28</v>
      </c>
    </row>
    <row r="117" spans="1:4" ht="18" customHeight="1" x14ac:dyDescent="0.15">
      <c r="A117" s="5">
        <v>92</v>
      </c>
      <c r="B117" s="22">
        <v>6</v>
      </c>
      <c r="C117" s="14">
        <v>22</v>
      </c>
      <c r="D117" s="18">
        <v>28</v>
      </c>
    </row>
    <row r="118" spans="1:4" ht="18" customHeight="1" x14ac:dyDescent="0.15">
      <c r="A118" s="5">
        <v>93</v>
      </c>
      <c r="B118" s="22">
        <v>3</v>
      </c>
      <c r="C118" s="14">
        <v>23</v>
      </c>
      <c r="D118" s="18">
        <v>26</v>
      </c>
    </row>
    <row r="119" spans="1:4" ht="18" customHeight="1" x14ac:dyDescent="0.15">
      <c r="A119" s="5">
        <v>94</v>
      </c>
      <c r="B119" s="22">
        <v>8</v>
      </c>
      <c r="C119" s="14">
        <v>17</v>
      </c>
      <c r="D119" s="18">
        <v>25</v>
      </c>
    </row>
    <row r="120" spans="1:4" ht="18" customHeight="1" x14ac:dyDescent="0.15">
      <c r="A120" s="5" t="s">
        <v>39</v>
      </c>
      <c r="B120" s="22">
        <v>39</v>
      </c>
      <c r="C120" s="14">
        <v>111</v>
      </c>
      <c r="D120" s="18">
        <v>150</v>
      </c>
    </row>
    <row r="121" spans="1:4" ht="18" customHeight="1" x14ac:dyDescent="0.15">
      <c r="A121" s="5">
        <v>95</v>
      </c>
      <c r="B121" s="22">
        <v>5</v>
      </c>
      <c r="C121" s="14">
        <v>14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4</v>
      </c>
      <c r="C126" s="14">
        <v>32</v>
      </c>
      <c r="D126" s="18">
        <v>46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1</v>
      </c>
      <c r="D128" s="18">
        <v>2</v>
      </c>
    </row>
    <row r="129" spans="1:4" ht="18" customHeight="1" x14ac:dyDescent="0.15">
      <c r="A129" s="5" t="s">
        <v>44</v>
      </c>
      <c r="B129" s="22">
        <v>2</v>
      </c>
      <c r="C129" s="14">
        <v>1</v>
      </c>
      <c r="D129" s="18">
        <v>3</v>
      </c>
    </row>
    <row r="130" spans="1:4" ht="18" customHeight="1" x14ac:dyDescent="0.15">
      <c r="A130" s="5" t="s">
        <v>46</v>
      </c>
      <c r="B130" s="22">
        <v>1183</v>
      </c>
      <c r="C130" s="14">
        <v>1487</v>
      </c>
      <c r="D130" s="18">
        <v>2670</v>
      </c>
    </row>
    <row r="131" spans="1:4" ht="18" customHeight="1" x14ac:dyDescent="0.15">
      <c r="A131" s="7" t="s">
        <v>45</v>
      </c>
      <c r="B131" s="23">
        <v>5824</v>
      </c>
      <c r="C131" s="15">
        <v>5874</v>
      </c>
      <c r="D131" s="19">
        <v>116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4</v>
      </c>
      <c r="C5" s="29">
        <v>37</v>
      </c>
      <c r="D5" s="31">
        <v>81</v>
      </c>
    </row>
    <row r="6" spans="1:4" ht="18" customHeight="1" x14ac:dyDescent="0.15">
      <c r="A6" s="5">
        <v>1</v>
      </c>
      <c r="B6" s="27">
        <v>56</v>
      </c>
      <c r="C6" s="14">
        <v>41</v>
      </c>
      <c r="D6" s="18">
        <v>97</v>
      </c>
    </row>
    <row r="7" spans="1:4" ht="18" customHeight="1" x14ac:dyDescent="0.15">
      <c r="A7" s="5">
        <v>2</v>
      </c>
      <c r="B7" s="27">
        <v>36</v>
      </c>
      <c r="C7" s="14">
        <v>34</v>
      </c>
      <c r="D7" s="18">
        <v>70</v>
      </c>
    </row>
    <row r="8" spans="1:4" ht="18" customHeight="1" x14ac:dyDescent="0.15">
      <c r="A8" s="5">
        <v>3</v>
      </c>
      <c r="B8" s="27">
        <v>53</v>
      </c>
      <c r="C8" s="14">
        <v>49</v>
      </c>
      <c r="D8" s="18">
        <v>102</v>
      </c>
    </row>
    <row r="9" spans="1:4" ht="18" customHeight="1" x14ac:dyDescent="0.15">
      <c r="A9" s="5">
        <v>4</v>
      </c>
      <c r="B9" s="28">
        <v>44</v>
      </c>
      <c r="C9" s="30">
        <v>36</v>
      </c>
      <c r="D9" s="32">
        <v>80</v>
      </c>
    </row>
    <row r="10" spans="1:4" ht="18" customHeight="1" x14ac:dyDescent="0.15">
      <c r="A10" s="5" t="s">
        <v>7</v>
      </c>
      <c r="B10" s="22">
        <v>233</v>
      </c>
      <c r="C10" s="14">
        <v>197</v>
      </c>
      <c r="D10" s="18">
        <v>430</v>
      </c>
    </row>
    <row r="11" spans="1:4" ht="18" customHeight="1" x14ac:dyDescent="0.15">
      <c r="A11" s="5">
        <v>5</v>
      </c>
      <c r="B11" s="27">
        <v>49</v>
      </c>
      <c r="C11" s="14">
        <v>49</v>
      </c>
      <c r="D11" s="18">
        <v>98</v>
      </c>
    </row>
    <row r="12" spans="1:4" ht="18" customHeight="1" x14ac:dyDescent="0.15">
      <c r="A12" s="5">
        <v>6</v>
      </c>
      <c r="B12" s="27">
        <v>49</v>
      </c>
      <c r="C12" s="14">
        <v>41</v>
      </c>
      <c r="D12" s="18">
        <v>90</v>
      </c>
    </row>
    <row r="13" spans="1:4" ht="18" customHeight="1" x14ac:dyDescent="0.15">
      <c r="A13" s="5">
        <v>7</v>
      </c>
      <c r="B13" s="27">
        <v>47</v>
      </c>
      <c r="C13" s="14">
        <v>49</v>
      </c>
      <c r="D13" s="18">
        <v>96</v>
      </c>
    </row>
    <row r="14" spans="1:4" ht="18" customHeight="1" x14ac:dyDescent="0.15">
      <c r="A14" s="5">
        <v>8</v>
      </c>
      <c r="B14" s="27">
        <v>54</v>
      </c>
      <c r="C14" s="14">
        <v>55</v>
      </c>
      <c r="D14" s="18">
        <v>109</v>
      </c>
    </row>
    <row r="15" spans="1:4" ht="18" customHeight="1" x14ac:dyDescent="0.15">
      <c r="A15" s="5">
        <v>9</v>
      </c>
      <c r="B15" s="27">
        <v>62</v>
      </c>
      <c r="C15" s="14">
        <v>51</v>
      </c>
      <c r="D15" s="18">
        <v>113</v>
      </c>
    </row>
    <row r="16" spans="1:4" ht="18" customHeight="1" x14ac:dyDescent="0.15">
      <c r="A16" s="5" t="s">
        <v>11</v>
      </c>
      <c r="B16" s="22">
        <v>261</v>
      </c>
      <c r="C16" s="14">
        <v>245</v>
      </c>
      <c r="D16" s="18">
        <v>506</v>
      </c>
    </row>
    <row r="17" spans="1:4" ht="18" customHeight="1" x14ac:dyDescent="0.15">
      <c r="A17" s="5">
        <v>10</v>
      </c>
      <c r="B17" s="22">
        <v>84</v>
      </c>
      <c r="C17" s="14">
        <v>65</v>
      </c>
      <c r="D17" s="18">
        <v>149</v>
      </c>
    </row>
    <row r="18" spans="1:4" ht="18" customHeight="1" x14ac:dyDescent="0.15">
      <c r="A18" s="5">
        <v>11</v>
      </c>
      <c r="B18" s="22">
        <v>53</v>
      </c>
      <c r="C18" s="14">
        <v>50</v>
      </c>
      <c r="D18" s="18">
        <v>103</v>
      </c>
    </row>
    <row r="19" spans="1:4" ht="18" customHeight="1" x14ac:dyDescent="0.15">
      <c r="A19" s="5">
        <v>12</v>
      </c>
      <c r="B19" s="22">
        <v>66</v>
      </c>
      <c r="C19" s="14">
        <v>75</v>
      </c>
      <c r="D19" s="18">
        <v>141</v>
      </c>
    </row>
    <row r="20" spans="1:4" ht="18" customHeight="1" x14ac:dyDescent="0.15">
      <c r="A20" s="5">
        <v>13</v>
      </c>
      <c r="B20" s="22">
        <v>62</v>
      </c>
      <c r="C20" s="14">
        <v>75</v>
      </c>
      <c r="D20" s="18">
        <v>137</v>
      </c>
    </row>
    <row r="21" spans="1:4" ht="18" customHeight="1" x14ac:dyDescent="0.15">
      <c r="A21" s="5">
        <v>14</v>
      </c>
      <c r="B21" s="22">
        <v>71</v>
      </c>
      <c r="C21" s="14">
        <v>68</v>
      </c>
      <c r="D21" s="18">
        <v>139</v>
      </c>
    </row>
    <row r="22" spans="1:4" ht="18" customHeight="1" x14ac:dyDescent="0.15">
      <c r="A22" s="5" t="s">
        <v>12</v>
      </c>
      <c r="B22" s="22">
        <v>336</v>
      </c>
      <c r="C22" s="14">
        <v>333</v>
      </c>
      <c r="D22" s="18">
        <v>669</v>
      </c>
    </row>
    <row r="23" spans="1:4" ht="18" customHeight="1" x14ac:dyDescent="0.15">
      <c r="A23" s="5" t="s">
        <v>6</v>
      </c>
      <c r="B23" s="22">
        <v>830</v>
      </c>
      <c r="C23" s="14">
        <v>775</v>
      </c>
      <c r="D23" s="18">
        <v>1605</v>
      </c>
    </row>
    <row r="24" spans="1:4" ht="18" customHeight="1" x14ac:dyDescent="0.15">
      <c r="A24" s="5">
        <v>15</v>
      </c>
      <c r="B24" s="22">
        <v>79</v>
      </c>
      <c r="C24" s="14">
        <v>57</v>
      </c>
      <c r="D24" s="18">
        <v>136</v>
      </c>
    </row>
    <row r="25" spans="1:4" ht="18" customHeight="1" x14ac:dyDescent="0.15">
      <c r="A25" s="5">
        <v>16</v>
      </c>
      <c r="B25" s="22">
        <v>80</v>
      </c>
      <c r="C25" s="14">
        <v>85</v>
      </c>
      <c r="D25" s="18">
        <v>165</v>
      </c>
    </row>
    <row r="26" spans="1:4" ht="18" customHeight="1" x14ac:dyDescent="0.15">
      <c r="A26" s="5">
        <v>17</v>
      </c>
      <c r="B26" s="22">
        <v>71</v>
      </c>
      <c r="C26" s="14">
        <v>72</v>
      </c>
      <c r="D26" s="18">
        <v>143</v>
      </c>
    </row>
    <row r="27" spans="1:4" ht="18" customHeight="1" x14ac:dyDescent="0.15">
      <c r="A27" s="5">
        <v>18</v>
      </c>
      <c r="B27" s="22">
        <v>74</v>
      </c>
      <c r="C27" s="14">
        <v>64</v>
      </c>
      <c r="D27" s="18">
        <v>138</v>
      </c>
    </row>
    <row r="28" spans="1:4" ht="18" customHeight="1" x14ac:dyDescent="0.15">
      <c r="A28" s="5">
        <v>19</v>
      </c>
      <c r="B28" s="22">
        <v>65</v>
      </c>
      <c r="C28" s="14">
        <v>74</v>
      </c>
      <c r="D28" s="18">
        <v>139</v>
      </c>
    </row>
    <row r="29" spans="1:4" ht="18" customHeight="1" x14ac:dyDescent="0.15">
      <c r="A29" s="5" t="s">
        <v>14</v>
      </c>
      <c r="B29" s="22">
        <v>369</v>
      </c>
      <c r="C29" s="14">
        <v>352</v>
      </c>
      <c r="D29" s="18">
        <v>721</v>
      </c>
    </row>
    <row r="30" spans="1:4" ht="18" customHeight="1" x14ac:dyDescent="0.15">
      <c r="A30" s="5">
        <v>20</v>
      </c>
      <c r="B30" s="22">
        <v>74</v>
      </c>
      <c r="C30" s="14">
        <v>68</v>
      </c>
      <c r="D30" s="18">
        <v>142</v>
      </c>
    </row>
    <row r="31" spans="1:4" ht="18" customHeight="1" x14ac:dyDescent="0.15">
      <c r="A31" s="5">
        <v>21</v>
      </c>
      <c r="B31" s="22">
        <v>76</v>
      </c>
      <c r="C31" s="14">
        <v>57</v>
      </c>
      <c r="D31" s="18">
        <v>133</v>
      </c>
    </row>
    <row r="32" spans="1:4" ht="18" customHeight="1" x14ac:dyDescent="0.15">
      <c r="A32" s="5">
        <v>22</v>
      </c>
      <c r="B32" s="22">
        <v>82</v>
      </c>
      <c r="C32" s="14">
        <v>64</v>
      </c>
      <c r="D32" s="18">
        <v>146</v>
      </c>
    </row>
    <row r="33" spans="1:4" ht="18" customHeight="1" x14ac:dyDescent="0.15">
      <c r="A33" s="5">
        <v>23</v>
      </c>
      <c r="B33" s="22">
        <v>83</v>
      </c>
      <c r="C33" s="14">
        <v>55</v>
      </c>
      <c r="D33" s="18">
        <v>138</v>
      </c>
    </row>
    <row r="34" spans="1:4" ht="18" customHeight="1" x14ac:dyDescent="0.15">
      <c r="A34" s="5">
        <v>24</v>
      </c>
      <c r="B34" s="22">
        <v>64</v>
      </c>
      <c r="C34" s="14">
        <v>67</v>
      </c>
      <c r="D34" s="18">
        <v>131</v>
      </c>
    </row>
    <row r="35" spans="1:4" ht="18" customHeight="1" x14ac:dyDescent="0.15">
      <c r="A35" s="5" t="s">
        <v>9</v>
      </c>
      <c r="B35" s="22">
        <v>379</v>
      </c>
      <c r="C35" s="14">
        <v>311</v>
      </c>
      <c r="D35" s="18">
        <v>690</v>
      </c>
    </row>
    <row r="36" spans="1:4" ht="18" customHeight="1" x14ac:dyDescent="0.15">
      <c r="A36" s="5">
        <v>25</v>
      </c>
      <c r="B36" s="22">
        <v>91</v>
      </c>
      <c r="C36" s="14">
        <v>57</v>
      </c>
      <c r="D36" s="18">
        <v>148</v>
      </c>
    </row>
    <row r="37" spans="1:4" ht="18" customHeight="1" x14ac:dyDescent="0.15">
      <c r="A37" s="5">
        <v>26</v>
      </c>
      <c r="B37" s="22">
        <v>74</v>
      </c>
      <c r="C37" s="14">
        <v>65</v>
      </c>
      <c r="D37" s="18">
        <v>139</v>
      </c>
    </row>
    <row r="38" spans="1:4" ht="18" customHeight="1" x14ac:dyDescent="0.15">
      <c r="A38" s="5">
        <v>27</v>
      </c>
      <c r="B38" s="22">
        <v>67</v>
      </c>
      <c r="C38" s="14">
        <v>57</v>
      </c>
      <c r="D38" s="18">
        <v>124</v>
      </c>
    </row>
    <row r="39" spans="1:4" ht="18" customHeight="1" x14ac:dyDescent="0.15">
      <c r="A39" s="5">
        <v>28</v>
      </c>
      <c r="B39" s="22">
        <v>64</v>
      </c>
      <c r="C39" s="14">
        <v>75</v>
      </c>
      <c r="D39" s="18">
        <v>139</v>
      </c>
    </row>
    <row r="40" spans="1:4" ht="18" customHeight="1" x14ac:dyDescent="0.15">
      <c r="A40" s="5">
        <v>29</v>
      </c>
      <c r="B40" s="22">
        <v>89</v>
      </c>
      <c r="C40" s="14">
        <v>70</v>
      </c>
      <c r="D40" s="18">
        <v>159</v>
      </c>
    </row>
    <row r="41" spans="1:4" ht="18" customHeight="1" x14ac:dyDescent="0.15">
      <c r="A41" s="5" t="s">
        <v>2</v>
      </c>
      <c r="B41" s="22">
        <v>385</v>
      </c>
      <c r="C41" s="14">
        <v>324</v>
      </c>
      <c r="D41" s="18">
        <v>709</v>
      </c>
    </row>
    <row r="42" spans="1:4" ht="18" customHeight="1" x14ac:dyDescent="0.15">
      <c r="A42" s="5">
        <v>30</v>
      </c>
      <c r="B42" s="22">
        <v>81</v>
      </c>
      <c r="C42" s="14">
        <v>61</v>
      </c>
      <c r="D42" s="18">
        <v>142</v>
      </c>
    </row>
    <row r="43" spans="1:4" ht="18" customHeight="1" x14ac:dyDescent="0.15">
      <c r="A43" s="5">
        <v>31</v>
      </c>
      <c r="B43" s="22">
        <v>86</v>
      </c>
      <c r="C43" s="14">
        <v>80</v>
      </c>
      <c r="D43" s="18">
        <v>166</v>
      </c>
    </row>
    <row r="44" spans="1:4" ht="18" customHeight="1" x14ac:dyDescent="0.15">
      <c r="A44" s="5">
        <v>32</v>
      </c>
      <c r="B44" s="22">
        <v>75</v>
      </c>
      <c r="C44" s="14">
        <v>56</v>
      </c>
      <c r="D44" s="18">
        <v>131</v>
      </c>
    </row>
    <row r="45" spans="1:4" ht="18" customHeight="1" x14ac:dyDescent="0.15">
      <c r="A45" s="5">
        <v>33</v>
      </c>
      <c r="B45" s="22">
        <v>70</v>
      </c>
      <c r="C45" s="14">
        <v>76</v>
      </c>
      <c r="D45" s="18">
        <v>146</v>
      </c>
    </row>
    <row r="46" spans="1:4" ht="18" customHeight="1" x14ac:dyDescent="0.15">
      <c r="A46" s="5">
        <v>34</v>
      </c>
      <c r="B46" s="22">
        <v>72</v>
      </c>
      <c r="C46" s="14">
        <v>58</v>
      </c>
      <c r="D46" s="18">
        <v>130</v>
      </c>
    </row>
    <row r="47" spans="1:4" ht="18" customHeight="1" x14ac:dyDescent="0.15">
      <c r="A47" s="5" t="s">
        <v>15</v>
      </c>
      <c r="B47" s="22">
        <v>384</v>
      </c>
      <c r="C47" s="14">
        <v>331</v>
      </c>
      <c r="D47" s="18">
        <v>715</v>
      </c>
    </row>
    <row r="48" spans="1:4" ht="18" customHeight="1" x14ac:dyDescent="0.15">
      <c r="A48" s="5">
        <v>35</v>
      </c>
      <c r="B48" s="22">
        <v>68</v>
      </c>
      <c r="C48" s="14">
        <v>65</v>
      </c>
      <c r="D48" s="18">
        <v>133</v>
      </c>
    </row>
    <row r="49" spans="1:4" ht="18" customHeight="1" x14ac:dyDescent="0.15">
      <c r="A49" s="5">
        <v>36</v>
      </c>
      <c r="B49" s="22">
        <v>73</v>
      </c>
      <c r="C49" s="14">
        <v>52</v>
      </c>
      <c r="D49" s="18">
        <v>125</v>
      </c>
    </row>
    <row r="50" spans="1:4" ht="18" customHeight="1" x14ac:dyDescent="0.15">
      <c r="A50" s="5">
        <v>37</v>
      </c>
      <c r="B50" s="22">
        <v>70</v>
      </c>
      <c r="C50" s="14">
        <v>58</v>
      </c>
      <c r="D50" s="18">
        <v>128</v>
      </c>
    </row>
    <row r="51" spans="1:4" ht="18" customHeight="1" x14ac:dyDescent="0.15">
      <c r="A51" s="5">
        <v>38</v>
      </c>
      <c r="B51" s="22">
        <v>59</v>
      </c>
      <c r="C51" s="14">
        <v>60</v>
      </c>
      <c r="D51" s="18">
        <v>119</v>
      </c>
    </row>
    <row r="52" spans="1:4" ht="18" customHeight="1" x14ac:dyDescent="0.15">
      <c r="A52" s="5">
        <v>39</v>
      </c>
      <c r="B52" s="22">
        <v>62</v>
      </c>
      <c r="C52" s="14">
        <v>61</v>
      </c>
      <c r="D52" s="18">
        <v>123</v>
      </c>
    </row>
    <row r="53" spans="1:4" ht="18" customHeight="1" x14ac:dyDescent="0.15">
      <c r="A53" s="5" t="s">
        <v>18</v>
      </c>
      <c r="B53" s="22">
        <v>332</v>
      </c>
      <c r="C53" s="14">
        <v>296</v>
      </c>
      <c r="D53" s="18">
        <v>628</v>
      </c>
    </row>
    <row r="54" spans="1:4" ht="18" customHeight="1" x14ac:dyDescent="0.15">
      <c r="A54" s="5">
        <v>40</v>
      </c>
      <c r="B54" s="22">
        <v>62</v>
      </c>
      <c r="C54" s="14">
        <v>71</v>
      </c>
      <c r="D54" s="18">
        <v>133</v>
      </c>
    </row>
    <row r="55" spans="1:4" ht="18" customHeight="1" x14ac:dyDescent="0.15">
      <c r="A55" s="5">
        <v>41</v>
      </c>
      <c r="B55" s="22">
        <v>68</v>
      </c>
      <c r="C55" s="14">
        <v>73</v>
      </c>
      <c r="D55" s="18">
        <v>141</v>
      </c>
    </row>
    <row r="56" spans="1:4" ht="18" customHeight="1" x14ac:dyDescent="0.15">
      <c r="A56" s="5">
        <v>42</v>
      </c>
      <c r="B56" s="22">
        <v>84</v>
      </c>
      <c r="C56" s="14">
        <v>96</v>
      </c>
      <c r="D56" s="18">
        <v>180</v>
      </c>
    </row>
    <row r="57" spans="1:4" ht="18" customHeight="1" x14ac:dyDescent="0.15">
      <c r="A57" s="5">
        <v>43</v>
      </c>
      <c r="B57" s="22">
        <v>84</v>
      </c>
      <c r="C57" s="14">
        <v>84</v>
      </c>
      <c r="D57" s="18">
        <v>168</v>
      </c>
    </row>
    <row r="58" spans="1:4" ht="18" customHeight="1" x14ac:dyDescent="0.15">
      <c r="A58" s="5">
        <v>44</v>
      </c>
      <c r="B58" s="22">
        <v>68</v>
      </c>
      <c r="C58" s="14">
        <v>85</v>
      </c>
      <c r="D58" s="18">
        <v>153</v>
      </c>
    </row>
    <row r="59" spans="1:4" ht="18" customHeight="1" x14ac:dyDescent="0.15">
      <c r="A59" s="5" t="s">
        <v>21</v>
      </c>
      <c r="B59" s="22">
        <v>366</v>
      </c>
      <c r="C59" s="14">
        <v>409</v>
      </c>
      <c r="D59" s="18">
        <v>775</v>
      </c>
    </row>
    <row r="60" spans="1:4" ht="18" customHeight="1" x14ac:dyDescent="0.15">
      <c r="A60" s="5">
        <v>45</v>
      </c>
      <c r="B60" s="22">
        <v>98</v>
      </c>
      <c r="C60" s="14">
        <v>85</v>
      </c>
      <c r="D60" s="18">
        <v>183</v>
      </c>
    </row>
    <row r="61" spans="1:4" ht="18" customHeight="1" x14ac:dyDescent="0.15">
      <c r="A61" s="5">
        <v>46</v>
      </c>
      <c r="B61" s="22">
        <v>107</v>
      </c>
      <c r="C61" s="14">
        <v>90</v>
      </c>
      <c r="D61" s="18">
        <v>197</v>
      </c>
    </row>
    <row r="62" spans="1:4" ht="18" customHeight="1" x14ac:dyDescent="0.15">
      <c r="A62" s="5">
        <v>47</v>
      </c>
      <c r="B62" s="22">
        <v>89</v>
      </c>
      <c r="C62" s="14">
        <v>116</v>
      </c>
      <c r="D62" s="18">
        <v>205</v>
      </c>
    </row>
    <row r="63" spans="1:4" ht="18" customHeight="1" x14ac:dyDescent="0.15">
      <c r="A63" s="5">
        <v>48</v>
      </c>
      <c r="B63" s="22">
        <v>126</v>
      </c>
      <c r="C63" s="14">
        <v>88</v>
      </c>
      <c r="D63" s="18">
        <v>214</v>
      </c>
    </row>
    <row r="64" spans="1:4" ht="18" customHeight="1" x14ac:dyDescent="0.15">
      <c r="A64" s="5">
        <v>49</v>
      </c>
      <c r="B64" s="22">
        <v>104</v>
      </c>
      <c r="C64" s="14">
        <v>134</v>
      </c>
      <c r="D64" s="18">
        <v>238</v>
      </c>
    </row>
    <row r="65" spans="1:4" ht="18" customHeight="1" x14ac:dyDescent="0.15">
      <c r="A65" s="5" t="s">
        <v>17</v>
      </c>
      <c r="B65" s="22">
        <v>524</v>
      </c>
      <c r="C65" s="14">
        <v>513</v>
      </c>
      <c r="D65" s="18">
        <v>1037</v>
      </c>
    </row>
    <row r="66" spans="1:4" ht="18" customHeight="1" x14ac:dyDescent="0.15">
      <c r="A66" s="5">
        <v>50</v>
      </c>
      <c r="B66" s="22">
        <v>113</v>
      </c>
      <c r="C66" s="14">
        <v>109</v>
      </c>
      <c r="D66" s="18">
        <v>222</v>
      </c>
    </row>
    <row r="67" spans="1:4" ht="18" customHeight="1" x14ac:dyDescent="0.15">
      <c r="A67" s="5">
        <v>51</v>
      </c>
      <c r="B67" s="22">
        <v>99</v>
      </c>
      <c r="C67" s="14">
        <v>104</v>
      </c>
      <c r="D67" s="18">
        <v>203</v>
      </c>
    </row>
    <row r="68" spans="1:4" ht="18" customHeight="1" x14ac:dyDescent="0.15">
      <c r="A68" s="5">
        <v>52</v>
      </c>
      <c r="B68" s="22">
        <v>120</v>
      </c>
      <c r="C68" s="14">
        <v>116</v>
      </c>
      <c r="D68" s="18">
        <v>236</v>
      </c>
    </row>
    <row r="69" spans="1:4" ht="18" customHeight="1" x14ac:dyDescent="0.15">
      <c r="A69" s="5">
        <v>53</v>
      </c>
      <c r="B69" s="22">
        <v>116</v>
      </c>
      <c r="C69" s="14">
        <v>101</v>
      </c>
      <c r="D69" s="18">
        <v>217</v>
      </c>
    </row>
    <row r="70" spans="1:4" ht="18" customHeight="1" x14ac:dyDescent="0.15">
      <c r="A70" s="5">
        <v>54</v>
      </c>
      <c r="B70" s="22">
        <v>101</v>
      </c>
      <c r="C70" s="14">
        <v>120</v>
      </c>
      <c r="D70" s="18">
        <v>221</v>
      </c>
    </row>
    <row r="71" spans="1:4" ht="18" customHeight="1" x14ac:dyDescent="0.15">
      <c r="A71" s="5" t="s">
        <v>22</v>
      </c>
      <c r="B71" s="22">
        <v>549</v>
      </c>
      <c r="C71" s="14">
        <v>550</v>
      </c>
      <c r="D71" s="18">
        <v>1099</v>
      </c>
    </row>
    <row r="72" spans="1:4" ht="18" customHeight="1" x14ac:dyDescent="0.15">
      <c r="A72" s="5">
        <v>55</v>
      </c>
      <c r="B72" s="22">
        <v>85</v>
      </c>
      <c r="C72" s="14">
        <v>100</v>
      </c>
      <c r="D72" s="18">
        <v>185</v>
      </c>
    </row>
    <row r="73" spans="1:4" ht="18" customHeight="1" x14ac:dyDescent="0.15">
      <c r="A73" s="5">
        <v>56</v>
      </c>
      <c r="B73" s="22">
        <v>81</v>
      </c>
      <c r="C73" s="14">
        <v>91</v>
      </c>
      <c r="D73" s="18">
        <v>172</v>
      </c>
    </row>
    <row r="74" spans="1:4" ht="18" customHeight="1" x14ac:dyDescent="0.15">
      <c r="A74" s="5">
        <v>57</v>
      </c>
      <c r="B74" s="22">
        <v>102</v>
      </c>
      <c r="C74" s="14">
        <v>79</v>
      </c>
      <c r="D74" s="18">
        <v>181</v>
      </c>
    </row>
    <row r="75" spans="1:4" ht="18" customHeight="1" x14ac:dyDescent="0.15">
      <c r="A75" s="5">
        <v>58</v>
      </c>
      <c r="B75" s="22">
        <v>74</v>
      </c>
      <c r="C75" s="14">
        <v>69</v>
      </c>
      <c r="D75" s="18">
        <v>143</v>
      </c>
    </row>
    <row r="76" spans="1:4" ht="18" customHeight="1" x14ac:dyDescent="0.15">
      <c r="A76" s="5">
        <v>59</v>
      </c>
      <c r="B76" s="22">
        <v>63</v>
      </c>
      <c r="C76" s="14">
        <v>60</v>
      </c>
      <c r="D76" s="18">
        <v>123</v>
      </c>
    </row>
    <row r="77" spans="1:4" ht="18" customHeight="1" x14ac:dyDescent="0.15">
      <c r="A77" s="5" t="s">
        <v>27</v>
      </c>
      <c r="B77" s="22">
        <v>405</v>
      </c>
      <c r="C77" s="14">
        <v>399</v>
      </c>
      <c r="D77" s="18">
        <v>804</v>
      </c>
    </row>
    <row r="78" spans="1:4" ht="18" customHeight="1" x14ac:dyDescent="0.15">
      <c r="A78" s="5">
        <v>60</v>
      </c>
      <c r="B78" s="22">
        <v>51</v>
      </c>
      <c r="C78" s="14">
        <v>58</v>
      </c>
      <c r="D78" s="18">
        <v>109</v>
      </c>
    </row>
    <row r="79" spans="1:4" ht="18" customHeight="1" x14ac:dyDescent="0.15">
      <c r="A79" s="5">
        <v>61</v>
      </c>
      <c r="B79" s="22">
        <v>62</v>
      </c>
      <c r="C79" s="14">
        <v>70</v>
      </c>
      <c r="D79" s="18">
        <v>132</v>
      </c>
    </row>
    <row r="80" spans="1:4" ht="18" customHeight="1" x14ac:dyDescent="0.15">
      <c r="A80" s="5">
        <v>62</v>
      </c>
      <c r="B80" s="22">
        <v>65</v>
      </c>
      <c r="C80" s="14">
        <v>74</v>
      </c>
      <c r="D80" s="18">
        <v>139</v>
      </c>
    </row>
    <row r="81" spans="1:4" ht="18" customHeight="1" x14ac:dyDescent="0.15">
      <c r="A81" s="5">
        <v>63</v>
      </c>
      <c r="B81" s="22">
        <v>63</v>
      </c>
      <c r="C81" s="14">
        <v>63</v>
      </c>
      <c r="D81" s="18">
        <v>126</v>
      </c>
    </row>
    <row r="82" spans="1:4" ht="18" customHeight="1" x14ac:dyDescent="0.15">
      <c r="A82" s="5">
        <v>64</v>
      </c>
      <c r="B82" s="22">
        <v>58</v>
      </c>
      <c r="C82" s="14">
        <v>56</v>
      </c>
      <c r="D82" s="18">
        <v>114</v>
      </c>
    </row>
    <row r="83" spans="1:4" ht="18" customHeight="1" x14ac:dyDescent="0.15">
      <c r="A83" s="5" t="s">
        <v>28</v>
      </c>
      <c r="B83" s="22">
        <v>299</v>
      </c>
      <c r="C83" s="14">
        <v>321</v>
      </c>
      <c r="D83" s="18">
        <v>620</v>
      </c>
    </row>
    <row r="84" spans="1:4" ht="18" customHeight="1" x14ac:dyDescent="0.15">
      <c r="A84" s="5" t="s">
        <v>31</v>
      </c>
      <c r="B84" s="22">
        <v>3992</v>
      </c>
      <c r="C84" s="14">
        <v>3806</v>
      </c>
      <c r="D84" s="18">
        <v>7798</v>
      </c>
    </row>
    <row r="85" spans="1:4" ht="18" customHeight="1" x14ac:dyDescent="0.15">
      <c r="A85" s="5">
        <v>65</v>
      </c>
      <c r="B85" s="22">
        <v>58</v>
      </c>
      <c r="C85" s="14">
        <v>67</v>
      </c>
      <c r="D85" s="18">
        <v>125</v>
      </c>
    </row>
    <row r="86" spans="1:4" ht="18" customHeight="1" x14ac:dyDescent="0.15">
      <c r="A86" s="5">
        <v>66</v>
      </c>
      <c r="B86" s="22">
        <v>59</v>
      </c>
      <c r="C86" s="14">
        <v>45</v>
      </c>
      <c r="D86" s="18">
        <v>104</v>
      </c>
    </row>
    <row r="87" spans="1:4" ht="18" customHeight="1" x14ac:dyDescent="0.15">
      <c r="A87" s="5">
        <v>67</v>
      </c>
      <c r="B87" s="22">
        <v>53</v>
      </c>
      <c r="C87" s="14">
        <v>53</v>
      </c>
      <c r="D87" s="18">
        <v>106</v>
      </c>
    </row>
    <row r="88" spans="1:4" ht="18" customHeight="1" x14ac:dyDescent="0.15">
      <c r="A88" s="5">
        <v>68</v>
      </c>
      <c r="B88" s="22">
        <v>44</v>
      </c>
      <c r="C88" s="14">
        <v>57</v>
      </c>
      <c r="D88" s="18">
        <v>101</v>
      </c>
    </row>
    <row r="89" spans="1:4" ht="18" customHeight="1" x14ac:dyDescent="0.15">
      <c r="A89" s="5">
        <v>69</v>
      </c>
      <c r="B89" s="22">
        <v>50</v>
      </c>
      <c r="C89" s="14">
        <v>51</v>
      </c>
      <c r="D89" s="18">
        <v>101</v>
      </c>
    </row>
    <row r="90" spans="1:4" ht="18" customHeight="1" x14ac:dyDescent="0.15">
      <c r="A90" s="5" t="s">
        <v>20</v>
      </c>
      <c r="B90" s="22">
        <v>264</v>
      </c>
      <c r="C90" s="14">
        <v>273</v>
      </c>
      <c r="D90" s="18">
        <v>537</v>
      </c>
    </row>
    <row r="91" spans="1:4" ht="18" customHeight="1" x14ac:dyDescent="0.15">
      <c r="A91" s="5">
        <v>70</v>
      </c>
      <c r="B91" s="22">
        <v>52</v>
      </c>
      <c r="C91" s="14">
        <v>61</v>
      </c>
      <c r="D91" s="18">
        <v>113</v>
      </c>
    </row>
    <row r="92" spans="1:4" ht="18" customHeight="1" x14ac:dyDescent="0.15">
      <c r="A92" s="5">
        <v>71</v>
      </c>
      <c r="B92" s="22">
        <v>51</v>
      </c>
      <c r="C92" s="14">
        <v>48</v>
      </c>
      <c r="D92" s="18">
        <v>99</v>
      </c>
    </row>
    <row r="93" spans="1:4" ht="18" customHeight="1" x14ac:dyDescent="0.15">
      <c r="A93" s="5">
        <v>72</v>
      </c>
      <c r="B93" s="22">
        <v>44</v>
      </c>
      <c r="C93" s="14">
        <v>67</v>
      </c>
      <c r="D93" s="18">
        <v>111</v>
      </c>
    </row>
    <row r="94" spans="1:4" ht="18" customHeight="1" x14ac:dyDescent="0.15">
      <c r="A94" s="5">
        <v>73</v>
      </c>
      <c r="B94" s="22">
        <v>60</v>
      </c>
      <c r="C94" s="14">
        <v>49</v>
      </c>
      <c r="D94" s="18">
        <v>109</v>
      </c>
    </row>
    <row r="95" spans="1:4" ht="18" customHeight="1" x14ac:dyDescent="0.15">
      <c r="A95" s="5">
        <v>74</v>
      </c>
      <c r="B95" s="22">
        <v>47</v>
      </c>
      <c r="C95" s="14">
        <v>61</v>
      </c>
      <c r="D95" s="18">
        <v>108</v>
      </c>
    </row>
    <row r="96" spans="1:4" ht="18" customHeight="1" x14ac:dyDescent="0.15">
      <c r="A96" s="5" t="s">
        <v>33</v>
      </c>
      <c r="B96" s="22">
        <v>254</v>
      </c>
      <c r="C96" s="14">
        <v>286</v>
      </c>
      <c r="D96" s="18">
        <v>540</v>
      </c>
    </row>
    <row r="97" spans="1:4" ht="18" customHeight="1" x14ac:dyDescent="0.15">
      <c r="A97" s="5">
        <v>75</v>
      </c>
      <c r="B97" s="22">
        <v>45</v>
      </c>
      <c r="C97" s="14">
        <v>69</v>
      </c>
      <c r="D97" s="18">
        <v>114</v>
      </c>
    </row>
    <row r="98" spans="1:4" ht="18" customHeight="1" x14ac:dyDescent="0.15">
      <c r="A98" s="5">
        <v>76</v>
      </c>
      <c r="B98" s="22">
        <v>50</v>
      </c>
      <c r="C98" s="14">
        <v>61</v>
      </c>
      <c r="D98" s="18">
        <v>111</v>
      </c>
    </row>
    <row r="99" spans="1:4" ht="18" customHeight="1" x14ac:dyDescent="0.15">
      <c r="A99" s="5">
        <v>77</v>
      </c>
      <c r="B99" s="22">
        <v>54</v>
      </c>
      <c r="C99" s="14">
        <v>71</v>
      </c>
      <c r="D99" s="18">
        <v>125</v>
      </c>
    </row>
    <row r="100" spans="1:4" ht="18" customHeight="1" x14ac:dyDescent="0.15">
      <c r="A100" s="5">
        <v>78</v>
      </c>
      <c r="B100" s="22">
        <v>51</v>
      </c>
      <c r="C100" s="14">
        <v>73</v>
      </c>
      <c r="D100" s="18">
        <v>124</v>
      </c>
    </row>
    <row r="101" spans="1:4" ht="18" customHeight="1" x14ac:dyDescent="0.15">
      <c r="A101" s="5">
        <v>79</v>
      </c>
      <c r="B101" s="22">
        <v>44</v>
      </c>
      <c r="C101" s="14">
        <v>71</v>
      </c>
      <c r="D101" s="18">
        <v>115</v>
      </c>
    </row>
    <row r="102" spans="1:4" ht="18" customHeight="1" x14ac:dyDescent="0.15">
      <c r="A102" s="5" t="s">
        <v>0</v>
      </c>
      <c r="B102" s="22">
        <v>244</v>
      </c>
      <c r="C102" s="14">
        <v>345</v>
      </c>
      <c r="D102" s="18">
        <v>589</v>
      </c>
    </row>
    <row r="103" spans="1:4" ht="18" customHeight="1" x14ac:dyDescent="0.15">
      <c r="A103" s="5">
        <v>80</v>
      </c>
      <c r="B103" s="22">
        <v>21</v>
      </c>
      <c r="C103" s="14">
        <v>29</v>
      </c>
      <c r="D103" s="18">
        <v>50</v>
      </c>
    </row>
    <row r="104" spans="1:4" ht="18" customHeight="1" x14ac:dyDescent="0.15">
      <c r="A104" s="5">
        <v>81</v>
      </c>
      <c r="B104" s="22">
        <v>34</v>
      </c>
      <c r="C104" s="14">
        <v>30</v>
      </c>
      <c r="D104" s="18">
        <v>64</v>
      </c>
    </row>
    <row r="105" spans="1:4" ht="18" customHeight="1" x14ac:dyDescent="0.15">
      <c r="A105" s="5">
        <v>82</v>
      </c>
      <c r="B105" s="22">
        <v>32</v>
      </c>
      <c r="C105" s="14">
        <v>47</v>
      </c>
      <c r="D105" s="18">
        <v>79</v>
      </c>
    </row>
    <row r="106" spans="1:4" ht="18" customHeight="1" x14ac:dyDescent="0.15">
      <c r="A106" s="5">
        <v>83</v>
      </c>
      <c r="B106" s="22">
        <v>35</v>
      </c>
      <c r="C106" s="14">
        <v>53</v>
      </c>
      <c r="D106" s="18">
        <v>88</v>
      </c>
    </row>
    <row r="107" spans="1:4" ht="18" customHeight="1" x14ac:dyDescent="0.15">
      <c r="A107" s="5">
        <v>84</v>
      </c>
      <c r="B107" s="22">
        <v>29</v>
      </c>
      <c r="C107" s="14">
        <v>33</v>
      </c>
      <c r="D107" s="18">
        <v>62</v>
      </c>
    </row>
    <row r="108" spans="1:4" ht="18" customHeight="1" x14ac:dyDescent="0.15">
      <c r="A108" s="5" t="s">
        <v>35</v>
      </c>
      <c r="B108" s="22">
        <v>151</v>
      </c>
      <c r="C108" s="14">
        <v>192</v>
      </c>
      <c r="D108" s="18">
        <v>343</v>
      </c>
    </row>
    <row r="109" spans="1:4" ht="18" customHeight="1" x14ac:dyDescent="0.15">
      <c r="A109" s="5">
        <v>85</v>
      </c>
      <c r="B109" s="22">
        <v>26</v>
      </c>
      <c r="C109" s="14">
        <v>31</v>
      </c>
      <c r="D109" s="18">
        <v>57</v>
      </c>
    </row>
    <row r="110" spans="1:4" ht="18" customHeight="1" x14ac:dyDescent="0.15">
      <c r="A110" s="5">
        <v>86</v>
      </c>
      <c r="B110" s="22">
        <v>17</v>
      </c>
      <c r="C110" s="14">
        <v>30</v>
      </c>
      <c r="D110" s="18">
        <v>47</v>
      </c>
    </row>
    <row r="111" spans="1:4" ht="18" customHeight="1" x14ac:dyDescent="0.15">
      <c r="A111" s="5">
        <v>87</v>
      </c>
      <c r="B111" s="22">
        <v>10</v>
      </c>
      <c r="C111" s="14">
        <v>26</v>
      </c>
      <c r="D111" s="18">
        <v>36</v>
      </c>
    </row>
    <row r="112" spans="1:4" ht="18" customHeight="1" x14ac:dyDescent="0.15">
      <c r="A112" s="5">
        <v>88</v>
      </c>
      <c r="B112" s="22">
        <v>25</v>
      </c>
      <c r="C112" s="14">
        <v>25</v>
      </c>
      <c r="D112" s="18">
        <v>50</v>
      </c>
    </row>
    <row r="113" spans="1:4" ht="18" customHeight="1" x14ac:dyDescent="0.15">
      <c r="A113" s="5">
        <v>89</v>
      </c>
      <c r="B113" s="22">
        <v>10</v>
      </c>
      <c r="C113" s="14">
        <v>15</v>
      </c>
      <c r="D113" s="18">
        <v>25</v>
      </c>
    </row>
    <row r="114" spans="1:4" ht="18" customHeight="1" x14ac:dyDescent="0.15">
      <c r="A114" s="5" t="s">
        <v>37</v>
      </c>
      <c r="B114" s="22">
        <v>88</v>
      </c>
      <c r="C114" s="14">
        <v>127</v>
      </c>
      <c r="D114" s="18">
        <v>215</v>
      </c>
    </row>
    <row r="115" spans="1:4" ht="18" customHeight="1" x14ac:dyDescent="0.15">
      <c r="A115" s="5">
        <v>90</v>
      </c>
      <c r="B115" s="22">
        <v>5</v>
      </c>
      <c r="C115" s="14">
        <v>34</v>
      </c>
      <c r="D115" s="18">
        <v>39</v>
      </c>
    </row>
    <row r="116" spans="1:4" ht="18" customHeight="1" x14ac:dyDescent="0.15">
      <c r="A116" s="5">
        <v>91</v>
      </c>
      <c r="B116" s="22">
        <v>10</v>
      </c>
      <c r="C116" s="14">
        <v>20</v>
      </c>
      <c r="D116" s="18">
        <v>30</v>
      </c>
    </row>
    <row r="117" spans="1:4" ht="18" customHeight="1" x14ac:dyDescent="0.15">
      <c r="A117" s="5">
        <v>92</v>
      </c>
      <c r="B117" s="22">
        <v>5</v>
      </c>
      <c r="C117" s="14">
        <v>26</v>
      </c>
      <c r="D117" s="18">
        <v>31</v>
      </c>
    </row>
    <row r="118" spans="1:4" ht="18" customHeight="1" x14ac:dyDescent="0.15">
      <c r="A118" s="5">
        <v>93</v>
      </c>
      <c r="B118" s="22">
        <v>5</v>
      </c>
      <c r="C118" s="14">
        <v>26</v>
      </c>
      <c r="D118" s="18">
        <v>31</v>
      </c>
    </row>
    <row r="119" spans="1:4" ht="18" customHeight="1" x14ac:dyDescent="0.15">
      <c r="A119" s="5">
        <v>94</v>
      </c>
      <c r="B119" s="22">
        <v>3</v>
      </c>
      <c r="C119" s="14">
        <v>20</v>
      </c>
      <c r="D119" s="18">
        <v>23</v>
      </c>
    </row>
    <row r="120" spans="1:4" ht="18" customHeight="1" x14ac:dyDescent="0.15">
      <c r="A120" s="5" t="s">
        <v>39</v>
      </c>
      <c r="B120" s="22">
        <v>28</v>
      </c>
      <c r="C120" s="14">
        <v>126</v>
      </c>
      <c r="D120" s="18">
        <v>154</v>
      </c>
    </row>
    <row r="121" spans="1:4" ht="18" customHeight="1" x14ac:dyDescent="0.15">
      <c r="A121" s="5">
        <v>95</v>
      </c>
      <c r="B121" s="22">
        <v>3</v>
      </c>
      <c r="C121" s="14">
        <v>14</v>
      </c>
      <c r="D121" s="18">
        <v>17</v>
      </c>
    </row>
    <row r="122" spans="1:4" ht="18" customHeight="1" x14ac:dyDescent="0.15">
      <c r="A122" s="5">
        <v>96</v>
      </c>
      <c r="B122" s="22">
        <v>3</v>
      </c>
      <c r="C122" s="14">
        <v>7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3</v>
      </c>
      <c r="C124" s="14">
        <v>4</v>
      </c>
      <c r="D124" s="18">
        <v>7</v>
      </c>
    </row>
    <row r="125" spans="1:4" ht="18" customHeight="1" x14ac:dyDescent="0.15">
      <c r="A125" s="5">
        <v>99</v>
      </c>
      <c r="B125" s="22">
        <v>3</v>
      </c>
      <c r="C125" s="14">
        <v>4</v>
      </c>
      <c r="D125" s="18">
        <v>7</v>
      </c>
    </row>
    <row r="126" spans="1:4" ht="18" customHeight="1" x14ac:dyDescent="0.15">
      <c r="A126" s="5" t="s">
        <v>40</v>
      </c>
      <c r="B126" s="22">
        <v>14</v>
      </c>
      <c r="C126" s="14">
        <v>34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0</v>
      </c>
      <c r="C129" s="14">
        <v>13</v>
      </c>
      <c r="D129" s="18">
        <v>13</v>
      </c>
    </row>
    <row r="130" spans="1:4" ht="18" customHeight="1" x14ac:dyDescent="0.15">
      <c r="A130" s="5" t="s">
        <v>46</v>
      </c>
      <c r="B130" s="22">
        <v>1043</v>
      </c>
      <c r="C130" s="14">
        <v>1396</v>
      </c>
      <c r="D130" s="18">
        <v>2439</v>
      </c>
    </row>
    <row r="131" spans="1:4" ht="18" customHeight="1" x14ac:dyDescent="0.15">
      <c r="A131" s="7" t="s">
        <v>45</v>
      </c>
      <c r="B131" s="23">
        <v>5865</v>
      </c>
      <c r="C131" s="15">
        <v>5977</v>
      </c>
      <c r="D131" s="19">
        <v>118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4</v>
      </c>
      <c r="D5" s="31">
        <v>5</v>
      </c>
    </row>
    <row r="6" spans="1:4" ht="18" customHeight="1" x14ac:dyDescent="0.15">
      <c r="A6" s="5">
        <v>1</v>
      </c>
      <c r="B6" s="27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7">
        <v>6</v>
      </c>
      <c r="C7" s="14">
        <v>4</v>
      </c>
      <c r="D7" s="18">
        <v>10</v>
      </c>
    </row>
    <row r="8" spans="1:4" ht="18" customHeight="1" x14ac:dyDescent="0.15">
      <c r="A8" s="5">
        <v>3</v>
      </c>
      <c r="B8" s="27">
        <v>7</v>
      </c>
      <c r="C8" s="14">
        <v>4</v>
      </c>
      <c r="D8" s="18">
        <v>11</v>
      </c>
    </row>
    <row r="9" spans="1:4" ht="18" customHeight="1" x14ac:dyDescent="0.15">
      <c r="A9" s="5">
        <v>4</v>
      </c>
      <c r="B9" s="28">
        <v>6</v>
      </c>
      <c r="C9" s="30">
        <v>5</v>
      </c>
      <c r="D9" s="32">
        <v>11</v>
      </c>
    </row>
    <row r="10" spans="1:4" ht="18" customHeight="1" x14ac:dyDescent="0.15">
      <c r="A10" s="5" t="s">
        <v>7</v>
      </c>
      <c r="B10" s="22">
        <v>24</v>
      </c>
      <c r="C10" s="14">
        <v>20</v>
      </c>
      <c r="D10" s="18">
        <v>44</v>
      </c>
    </row>
    <row r="11" spans="1:4" ht="18" customHeight="1" x14ac:dyDescent="0.15">
      <c r="A11" s="5">
        <v>5</v>
      </c>
      <c r="B11" s="27">
        <v>5</v>
      </c>
      <c r="C11" s="14">
        <v>6</v>
      </c>
      <c r="D11" s="18">
        <v>11</v>
      </c>
    </row>
    <row r="12" spans="1:4" ht="18" customHeight="1" x14ac:dyDescent="0.15">
      <c r="A12" s="5">
        <v>6</v>
      </c>
      <c r="B12" s="27">
        <v>7</v>
      </c>
      <c r="C12" s="14">
        <v>5</v>
      </c>
      <c r="D12" s="18">
        <v>12</v>
      </c>
    </row>
    <row r="13" spans="1:4" ht="18" customHeight="1" x14ac:dyDescent="0.15">
      <c r="A13" s="5">
        <v>7</v>
      </c>
      <c r="B13" s="27">
        <v>6</v>
      </c>
      <c r="C13" s="14">
        <v>6</v>
      </c>
      <c r="D13" s="18">
        <v>12</v>
      </c>
    </row>
    <row r="14" spans="1:4" ht="18" customHeight="1" x14ac:dyDescent="0.15">
      <c r="A14" s="5">
        <v>8</v>
      </c>
      <c r="B14" s="27">
        <v>6</v>
      </c>
      <c r="C14" s="14">
        <v>7</v>
      </c>
      <c r="D14" s="18">
        <v>13</v>
      </c>
    </row>
    <row r="15" spans="1:4" ht="18" customHeight="1" x14ac:dyDescent="0.15">
      <c r="A15" s="5">
        <v>9</v>
      </c>
      <c r="B15" s="27">
        <v>8</v>
      </c>
      <c r="C15" s="14">
        <v>5</v>
      </c>
      <c r="D15" s="18">
        <v>13</v>
      </c>
    </row>
    <row r="16" spans="1:4" ht="18" customHeight="1" x14ac:dyDescent="0.15">
      <c r="A16" s="5" t="s">
        <v>11</v>
      </c>
      <c r="B16" s="22">
        <v>32</v>
      </c>
      <c r="C16" s="14">
        <v>29</v>
      </c>
      <c r="D16" s="18">
        <v>61</v>
      </c>
    </row>
    <row r="17" spans="1:4" ht="18" customHeight="1" x14ac:dyDescent="0.15">
      <c r="A17" s="5">
        <v>10</v>
      </c>
      <c r="B17" s="22">
        <v>5</v>
      </c>
      <c r="C17" s="14">
        <v>5</v>
      </c>
      <c r="D17" s="18">
        <v>10</v>
      </c>
    </row>
    <row r="18" spans="1:4" ht="18" customHeight="1" x14ac:dyDescent="0.15">
      <c r="A18" s="5">
        <v>11</v>
      </c>
      <c r="B18" s="22">
        <v>3</v>
      </c>
      <c r="C18" s="14">
        <v>6</v>
      </c>
      <c r="D18" s="18">
        <v>9</v>
      </c>
    </row>
    <row r="19" spans="1:4" ht="18" customHeight="1" x14ac:dyDescent="0.15">
      <c r="A19" s="5">
        <v>12</v>
      </c>
      <c r="B19" s="22">
        <v>4</v>
      </c>
      <c r="C19" s="14">
        <v>8</v>
      </c>
      <c r="D19" s="18">
        <v>12</v>
      </c>
    </row>
    <row r="20" spans="1:4" ht="18" customHeight="1" x14ac:dyDescent="0.15">
      <c r="A20" s="5">
        <v>13</v>
      </c>
      <c r="B20" s="22">
        <v>8</v>
      </c>
      <c r="C20" s="14">
        <v>2</v>
      </c>
      <c r="D20" s="18">
        <v>10</v>
      </c>
    </row>
    <row r="21" spans="1:4" ht="18" customHeight="1" x14ac:dyDescent="0.15">
      <c r="A21" s="5">
        <v>14</v>
      </c>
      <c r="B21" s="22">
        <v>2</v>
      </c>
      <c r="C21" s="14">
        <v>5</v>
      </c>
      <c r="D21" s="18">
        <v>7</v>
      </c>
    </row>
    <row r="22" spans="1:4" ht="18" customHeight="1" x14ac:dyDescent="0.15">
      <c r="A22" s="5" t="s">
        <v>12</v>
      </c>
      <c r="B22" s="22">
        <v>22</v>
      </c>
      <c r="C22" s="14">
        <v>26</v>
      </c>
      <c r="D22" s="18">
        <v>48</v>
      </c>
    </row>
    <row r="23" spans="1:4" ht="18" customHeight="1" x14ac:dyDescent="0.15">
      <c r="A23" s="5" t="s">
        <v>6</v>
      </c>
      <c r="B23" s="22">
        <v>78</v>
      </c>
      <c r="C23" s="14">
        <v>75</v>
      </c>
      <c r="D23" s="18">
        <v>153</v>
      </c>
    </row>
    <row r="24" spans="1:4" ht="18" customHeight="1" x14ac:dyDescent="0.15">
      <c r="A24" s="5">
        <v>15</v>
      </c>
      <c r="B24" s="22">
        <v>3</v>
      </c>
      <c r="C24" s="14">
        <v>4</v>
      </c>
      <c r="D24" s="18">
        <v>7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2</v>
      </c>
      <c r="C26" s="14">
        <v>5</v>
      </c>
      <c r="D26" s="18">
        <v>7</v>
      </c>
    </row>
    <row r="27" spans="1:4" ht="18" customHeight="1" x14ac:dyDescent="0.15">
      <c r="A27" s="5">
        <v>18</v>
      </c>
      <c r="B27" s="22">
        <v>7</v>
      </c>
      <c r="C27" s="14">
        <v>3</v>
      </c>
      <c r="D27" s="18">
        <v>10</v>
      </c>
    </row>
    <row r="28" spans="1:4" ht="18" customHeight="1" x14ac:dyDescent="0.15">
      <c r="A28" s="5">
        <v>19</v>
      </c>
      <c r="B28" s="22">
        <v>3</v>
      </c>
      <c r="C28" s="14">
        <v>1</v>
      </c>
      <c r="D28" s="18">
        <v>4</v>
      </c>
    </row>
    <row r="29" spans="1:4" ht="18" customHeight="1" x14ac:dyDescent="0.15">
      <c r="A29" s="5" t="s">
        <v>14</v>
      </c>
      <c r="B29" s="22">
        <v>18</v>
      </c>
      <c r="C29" s="14">
        <v>17</v>
      </c>
      <c r="D29" s="18">
        <v>35</v>
      </c>
    </row>
    <row r="30" spans="1:4" ht="18" customHeight="1" x14ac:dyDescent="0.15">
      <c r="A30" s="5">
        <v>20</v>
      </c>
      <c r="B30" s="22">
        <v>4</v>
      </c>
      <c r="C30" s="14">
        <v>9</v>
      </c>
      <c r="D30" s="18">
        <v>13</v>
      </c>
    </row>
    <row r="31" spans="1:4" ht="18" customHeight="1" x14ac:dyDescent="0.15">
      <c r="A31" s="5">
        <v>21</v>
      </c>
      <c r="B31" s="22">
        <v>3</v>
      </c>
      <c r="C31" s="14">
        <v>6</v>
      </c>
      <c r="D31" s="18">
        <v>9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5</v>
      </c>
      <c r="C33" s="14">
        <v>8</v>
      </c>
      <c r="D33" s="18">
        <v>13</v>
      </c>
    </row>
    <row r="34" spans="1:4" ht="18" customHeight="1" x14ac:dyDescent="0.15">
      <c r="A34" s="5">
        <v>24</v>
      </c>
      <c r="B34" s="22">
        <v>3</v>
      </c>
      <c r="C34" s="14">
        <v>4</v>
      </c>
      <c r="D34" s="18">
        <v>7</v>
      </c>
    </row>
    <row r="35" spans="1:4" ht="18" customHeight="1" x14ac:dyDescent="0.15">
      <c r="A35" s="5" t="s">
        <v>9</v>
      </c>
      <c r="B35" s="22">
        <v>16</v>
      </c>
      <c r="C35" s="14">
        <v>28</v>
      </c>
      <c r="D35" s="18">
        <v>44</v>
      </c>
    </row>
    <row r="36" spans="1:4" ht="18" customHeight="1" x14ac:dyDescent="0.15">
      <c r="A36" s="5">
        <v>25</v>
      </c>
      <c r="B36" s="22">
        <v>6</v>
      </c>
      <c r="C36" s="14">
        <v>5</v>
      </c>
      <c r="D36" s="18">
        <v>11</v>
      </c>
    </row>
    <row r="37" spans="1:4" ht="18" customHeight="1" x14ac:dyDescent="0.15">
      <c r="A37" s="5">
        <v>26</v>
      </c>
      <c r="B37" s="22">
        <v>3</v>
      </c>
      <c r="C37" s="14">
        <v>5</v>
      </c>
      <c r="D37" s="18">
        <v>8</v>
      </c>
    </row>
    <row r="38" spans="1:4" ht="18" customHeight="1" x14ac:dyDescent="0.15">
      <c r="A38" s="5">
        <v>27</v>
      </c>
      <c r="B38" s="22">
        <v>8</v>
      </c>
      <c r="C38" s="14">
        <v>4</v>
      </c>
      <c r="D38" s="18">
        <v>12</v>
      </c>
    </row>
    <row r="39" spans="1:4" ht="18" customHeight="1" x14ac:dyDescent="0.15">
      <c r="A39" s="5">
        <v>28</v>
      </c>
      <c r="B39" s="22">
        <v>8</v>
      </c>
      <c r="C39" s="14">
        <v>3</v>
      </c>
      <c r="D39" s="18">
        <v>11</v>
      </c>
    </row>
    <row r="40" spans="1:4" ht="18" customHeight="1" x14ac:dyDescent="0.15">
      <c r="A40" s="5">
        <v>29</v>
      </c>
      <c r="B40" s="22">
        <v>8</v>
      </c>
      <c r="C40" s="14">
        <v>8</v>
      </c>
      <c r="D40" s="18">
        <v>16</v>
      </c>
    </row>
    <row r="41" spans="1:4" ht="18" customHeight="1" x14ac:dyDescent="0.15">
      <c r="A41" s="5" t="s">
        <v>2</v>
      </c>
      <c r="B41" s="22">
        <v>33</v>
      </c>
      <c r="C41" s="14">
        <v>25</v>
      </c>
      <c r="D41" s="18">
        <v>58</v>
      </c>
    </row>
    <row r="42" spans="1:4" ht="18" customHeight="1" x14ac:dyDescent="0.15">
      <c r="A42" s="5">
        <v>30</v>
      </c>
      <c r="B42" s="22">
        <v>7</v>
      </c>
      <c r="C42" s="14">
        <v>3</v>
      </c>
      <c r="D42" s="18">
        <v>10</v>
      </c>
    </row>
    <row r="43" spans="1:4" ht="18" customHeight="1" x14ac:dyDescent="0.15">
      <c r="A43" s="5">
        <v>31</v>
      </c>
      <c r="B43" s="22">
        <v>7</v>
      </c>
      <c r="C43" s="14">
        <v>7</v>
      </c>
      <c r="D43" s="18">
        <v>14</v>
      </c>
    </row>
    <row r="44" spans="1:4" ht="18" customHeight="1" x14ac:dyDescent="0.15">
      <c r="A44" s="5">
        <v>32</v>
      </c>
      <c r="B44" s="22">
        <v>8</v>
      </c>
      <c r="C44" s="14">
        <v>2</v>
      </c>
      <c r="D44" s="18">
        <v>10</v>
      </c>
    </row>
    <row r="45" spans="1:4" ht="18" customHeight="1" x14ac:dyDescent="0.15">
      <c r="A45" s="5">
        <v>33</v>
      </c>
      <c r="B45" s="22">
        <v>6</v>
      </c>
      <c r="C45" s="14">
        <v>3</v>
      </c>
      <c r="D45" s="18">
        <v>9</v>
      </c>
    </row>
    <row r="46" spans="1:4" ht="18" customHeight="1" x14ac:dyDescent="0.15">
      <c r="A46" s="5">
        <v>34</v>
      </c>
      <c r="B46" s="22">
        <v>10</v>
      </c>
      <c r="C46" s="14">
        <v>7</v>
      </c>
      <c r="D46" s="18">
        <v>17</v>
      </c>
    </row>
    <row r="47" spans="1:4" ht="18" customHeight="1" x14ac:dyDescent="0.15">
      <c r="A47" s="5" t="s">
        <v>15</v>
      </c>
      <c r="B47" s="22">
        <v>38</v>
      </c>
      <c r="C47" s="14">
        <v>22</v>
      </c>
      <c r="D47" s="18">
        <v>60</v>
      </c>
    </row>
    <row r="48" spans="1:4" ht="18" customHeight="1" x14ac:dyDescent="0.15">
      <c r="A48" s="5">
        <v>35</v>
      </c>
      <c r="B48" s="22">
        <v>10</v>
      </c>
      <c r="C48" s="14">
        <v>8</v>
      </c>
      <c r="D48" s="18">
        <v>18</v>
      </c>
    </row>
    <row r="49" spans="1:4" ht="18" customHeight="1" x14ac:dyDescent="0.15">
      <c r="A49" s="5">
        <v>36</v>
      </c>
      <c r="B49" s="22">
        <v>11</v>
      </c>
      <c r="C49" s="14">
        <v>6</v>
      </c>
      <c r="D49" s="18">
        <v>17</v>
      </c>
    </row>
    <row r="50" spans="1:4" ht="18" customHeight="1" x14ac:dyDescent="0.15">
      <c r="A50" s="5">
        <v>37</v>
      </c>
      <c r="B50" s="22">
        <v>7</v>
      </c>
      <c r="C50" s="14">
        <v>9</v>
      </c>
      <c r="D50" s="18">
        <v>16</v>
      </c>
    </row>
    <row r="51" spans="1:4" ht="18" customHeight="1" x14ac:dyDescent="0.15">
      <c r="A51" s="5">
        <v>38</v>
      </c>
      <c r="B51" s="22">
        <v>6</v>
      </c>
      <c r="C51" s="14">
        <v>8</v>
      </c>
      <c r="D51" s="18">
        <v>14</v>
      </c>
    </row>
    <row r="52" spans="1:4" ht="18" customHeight="1" x14ac:dyDescent="0.15">
      <c r="A52" s="5">
        <v>39</v>
      </c>
      <c r="B52" s="22">
        <v>9</v>
      </c>
      <c r="C52" s="14">
        <v>9</v>
      </c>
      <c r="D52" s="18">
        <v>18</v>
      </c>
    </row>
    <row r="53" spans="1:4" ht="18" customHeight="1" x14ac:dyDescent="0.15">
      <c r="A53" s="5" t="s">
        <v>18</v>
      </c>
      <c r="B53" s="22">
        <v>43</v>
      </c>
      <c r="C53" s="14">
        <v>40</v>
      </c>
      <c r="D53" s="18">
        <v>83</v>
      </c>
    </row>
    <row r="54" spans="1:4" ht="18" customHeight="1" x14ac:dyDescent="0.15">
      <c r="A54" s="5">
        <v>40</v>
      </c>
      <c r="B54" s="22">
        <v>6</v>
      </c>
      <c r="C54" s="14">
        <v>11</v>
      </c>
      <c r="D54" s="18">
        <v>17</v>
      </c>
    </row>
    <row r="55" spans="1:4" ht="18" customHeight="1" x14ac:dyDescent="0.15">
      <c r="A55" s="5">
        <v>41</v>
      </c>
      <c r="B55" s="22">
        <v>12</v>
      </c>
      <c r="C55" s="14">
        <v>6</v>
      </c>
      <c r="D55" s="18">
        <v>18</v>
      </c>
    </row>
    <row r="56" spans="1:4" ht="18" customHeight="1" x14ac:dyDescent="0.15">
      <c r="A56" s="5">
        <v>42</v>
      </c>
      <c r="B56" s="22">
        <v>6</v>
      </c>
      <c r="C56" s="14">
        <v>9</v>
      </c>
      <c r="D56" s="18">
        <v>15</v>
      </c>
    </row>
    <row r="57" spans="1:4" ht="18" customHeight="1" x14ac:dyDescent="0.15">
      <c r="A57" s="5">
        <v>43</v>
      </c>
      <c r="B57" s="22">
        <v>8</v>
      </c>
      <c r="C57" s="14">
        <v>14</v>
      </c>
      <c r="D57" s="18">
        <v>22</v>
      </c>
    </row>
    <row r="58" spans="1:4" ht="18" customHeight="1" x14ac:dyDescent="0.15">
      <c r="A58" s="5">
        <v>44</v>
      </c>
      <c r="B58" s="22">
        <v>3</v>
      </c>
      <c r="C58" s="14">
        <v>6</v>
      </c>
      <c r="D58" s="18">
        <v>9</v>
      </c>
    </row>
    <row r="59" spans="1:4" ht="18" customHeight="1" x14ac:dyDescent="0.15">
      <c r="A59" s="5" t="s">
        <v>21</v>
      </c>
      <c r="B59" s="22">
        <v>35</v>
      </c>
      <c r="C59" s="14">
        <v>46</v>
      </c>
      <c r="D59" s="18">
        <v>81</v>
      </c>
    </row>
    <row r="60" spans="1:4" ht="18" customHeight="1" x14ac:dyDescent="0.15">
      <c r="A60" s="5">
        <v>45</v>
      </c>
      <c r="B60" s="22">
        <v>6</v>
      </c>
      <c r="C60" s="14">
        <v>4</v>
      </c>
      <c r="D60" s="18">
        <v>10</v>
      </c>
    </row>
    <row r="61" spans="1:4" ht="18" customHeight="1" x14ac:dyDescent="0.15">
      <c r="A61" s="5">
        <v>46</v>
      </c>
      <c r="B61" s="22">
        <v>13</v>
      </c>
      <c r="C61" s="14">
        <v>6</v>
      </c>
      <c r="D61" s="18">
        <v>19</v>
      </c>
    </row>
    <row r="62" spans="1:4" ht="18" customHeight="1" x14ac:dyDescent="0.15">
      <c r="A62" s="5">
        <v>47</v>
      </c>
      <c r="B62" s="22">
        <v>12</v>
      </c>
      <c r="C62" s="14">
        <v>7</v>
      </c>
      <c r="D62" s="18">
        <v>19</v>
      </c>
    </row>
    <row r="63" spans="1:4" ht="18" customHeight="1" x14ac:dyDescent="0.15">
      <c r="A63" s="5">
        <v>48</v>
      </c>
      <c r="B63" s="22">
        <v>11</v>
      </c>
      <c r="C63" s="14">
        <v>7</v>
      </c>
      <c r="D63" s="18">
        <v>18</v>
      </c>
    </row>
    <row r="64" spans="1:4" ht="18" customHeight="1" x14ac:dyDescent="0.15">
      <c r="A64" s="5">
        <v>49</v>
      </c>
      <c r="B64" s="22">
        <v>4</v>
      </c>
      <c r="C64" s="14">
        <v>6</v>
      </c>
      <c r="D64" s="18">
        <v>10</v>
      </c>
    </row>
    <row r="65" spans="1:4" ht="18" customHeight="1" x14ac:dyDescent="0.15">
      <c r="A65" s="5" t="s">
        <v>17</v>
      </c>
      <c r="B65" s="22">
        <v>46</v>
      </c>
      <c r="C65" s="14">
        <v>30</v>
      </c>
      <c r="D65" s="18">
        <v>76</v>
      </c>
    </row>
    <row r="66" spans="1:4" ht="18" customHeight="1" x14ac:dyDescent="0.15">
      <c r="A66" s="5">
        <v>50</v>
      </c>
      <c r="B66" s="22">
        <v>5</v>
      </c>
      <c r="C66" s="14">
        <v>5</v>
      </c>
      <c r="D66" s="18">
        <v>10</v>
      </c>
    </row>
    <row r="67" spans="1:4" ht="18" customHeight="1" x14ac:dyDescent="0.15">
      <c r="A67" s="5">
        <v>51</v>
      </c>
      <c r="B67" s="22">
        <v>8</v>
      </c>
      <c r="C67" s="14">
        <v>9</v>
      </c>
      <c r="D67" s="18">
        <v>17</v>
      </c>
    </row>
    <row r="68" spans="1:4" ht="18" customHeight="1" x14ac:dyDescent="0.15">
      <c r="A68" s="5">
        <v>52</v>
      </c>
      <c r="B68" s="22">
        <v>11</v>
      </c>
      <c r="C68" s="14">
        <v>12</v>
      </c>
      <c r="D68" s="18">
        <v>23</v>
      </c>
    </row>
    <row r="69" spans="1:4" ht="18" customHeight="1" x14ac:dyDescent="0.15">
      <c r="A69" s="5">
        <v>53</v>
      </c>
      <c r="B69" s="22">
        <v>10</v>
      </c>
      <c r="C69" s="14">
        <v>8</v>
      </c>
      <c r="D69" s="18">
        <v>18</v>
      </c>
    </row>
    <row r="70" spans="1:4" ht="18" customHeight="1" x14ac:dyDescent="0.15">
      <c r="A70" s="5">
        <v>54</v>
      </c>
      <c r="B70" s="22">
        <v>8</v>
      </c>
      <c r="C70" s="14">
        <v>10</v>
      </c>
      <c r="D70" s="18">
        <v>18</v>
      </c>
    </row>
    <row r="71" spans="1:4" ht="18" customHeight="1" x14ac:dyDescent="0.15">
      <c r="A71" s="5" t="s">
        <v>22</v>
      </c>
      <c r="B71" s="22">
        <v>42</v>
      </c>
      <c r="C71" s="14">
        <v>44</v>
      </c>
      <c r="D71" s="18">
        <v>86</v>
      </c>
    </row>
    <row r="72" spans="1:4" ht="18" customHeight="1" x14ac:dyDescent="0.15">
      <c r="A72" s="5">
        <v>55</v>
      </c>
      <c r="B72" s="22">
        <v>3</v>
      </c>
      <c r="C72" s="14">
        <v>8</v>
      </c>
      <c r="D72" s="18">
        <v>11</v>
      </c>
    </row>
    <row r="73" spans="1:4" ht="18" customHeight="1" x14ac:dyDescent="0.15">
      <c r="A73" s="5">
        <v>56</v>
      </c>
      <c r="B73" s="22">
        <v>10</v>
      </c>
      <c r="C73" s="14">
        <v>7</v>
      </c>
      <c r="D73" s="18">
        <v>17</v>
      </c>
    </row>
    <row r="74" spans="1:4" ht="18" customHeight="1" x14ac:dyDescent="0.15">
      <c r="A74" s="5">
        <v>57</v>
      </c>
      <c r="B74" s="22">
        <v>10</v>
      </c>
      <c r="C74" s="14">
        <v>12</v>
      </c>
      <c r="D74" s="18">
        <v>22</v>
      </c>
    </row>
    <row r="75" spans="1:4" ht="18" customHeight="1" x14ac:dyDescent="0.15">
      <c r="A75" s="5">
        <v>58</v>
      </c>
      <c r="B75" s="22">
        <v>11</v>
      </c>
      <c r="C75" s="14">
        <v>10</v>
      </c>
      <c r="D75" s="18">
        <v>21</v>
      </c>
    </row>
    <row r="76" spans="1:4" ht="18" customHeight="1" x14ac:dyDescent="0.15">
      <c r="A76" s="5">
        <v>59</v>
      </c>
      <c r="B76" s="22">
        <v>9</v>
      </c>
      <c r="C76" s="14">
        <v>5</v>
      </c>
      <c r="D76" s="18">
        <v>14</v>
      </c>
    </row>
    <row r="77" spans="1:4" ht="18" customHeight="1" x14ac:dyDescent="0.15">
      <c r="A77" s="5" t="s">
        <v>27</v>
      </c>
      <c r="B77" s="22">
        <v>43</v>
      </c>
      <c r="C77" s="14">
        <v>42</v>
      </c>
      <c r="D77" s="18">
        <v>85</v>
      </c>
    </row>
    <row r="78" spans="1:4" ht="18" customHeight="1" x14ac:dyDescent="0.15">
      <c r="A78" s="5">
        <v>60</v>
      </c>
      <c r="B78" s="22">
        <v>6</v>
      </c>
      <c r="C78" s="14">
        <v>14</v>
      </c>
      <c r="D78" s="18">
        <v>20</v>
      </c>
    </row>
    <row r="79" spans="1:4" ht="18" customHeight="1" x14ac:dyDescent="0.15">
      <c r="A79" s="5">
        <v>61</v>
      </c>
      <c r="B79" s="22">
        <v>13</v>
      </c>
      <c r="C79" s="14">
        <v>5</v>
      </c>
      <c r="D79" s="18">
        <v>18</v>
      </c>
    </row>
    <row r="80" spans="1:4" ht="18" customHeight="1" x14ac:dyDescent="0.15">
      <c r="A80" s="5">
        <v>62</v>
      </c>
      <c r="B80" s="22">
        <v>10</v>
      </c>
      <c r="C80" s="14">
        <v>13</v>
      </c>
      <c r="D80" s="18">
        <v>23</v>
      </c>
    </row>
    <row r="81" spans="1:4" ht="18" customHeight="1" x14ac:dyDescent="0.15">
      <c r="A81" s="5">
        <v>63</v>
      </c>
      <c r="B81" s="22">
        <v>9</v>
      </c>
      <c r="C81" s="14">
        <v>13</v>
      </c>
      <c r="D81" s="18">
        <v>22</v>
      </c>
    </row>
    <row r="82" spans="1:4" ht="18" customHeight="1" x14ac:dyDescent="0.15">
      <c r="A82" s="5">
        <v>64</v>
      </c>
      <c r="B82" s="22">
        <v>3</v>
      </c>
      <c r="C82" s="14">
        <v>12</v>
      </c>
      <c r="D82" s="18">
        <v>15</v>
      </c>
    </row>
    <row r="83" spans="1:4" ht="18" customHeight="1" x14ac:dyDescent="0.15">
      <c r="A83" s="5" t="s">
        <v>28</v>
      </c>
      <c r="B83" s="22">
        <v>41</v>
      </c>
      <c r="C83" s="14">
        <v>57</v>
      </c>
      <c r="D83" s="18">
        <v>98</v>
      </c>
    </row>
    <row r="84" spans="1:4" ht="18" customHeight="1" x14ac:dyDescent="0.15">
      <c r="A84" s="5" t="s">
        <v>31</v>
      </c>
      <c r="B84" s="22">
        <v>355</v>
      </c>
      <c r="C84" s="14">
        <v>351</v>
      </c>
      <c r="D84" s="18">
        <v>706</v>
      </c>
    </row>
    <row r="85" spans="1:4" ht="18" customHeight="1" x14ac:dyDescent="0.15">
      <c r="A85" s="5">
        <v>65</v>
      </c>
      <c r="B85" s="22">
        <v>5</v>
      </c>
      <c r="C85" s="14">
        <v>15</v>
      </c>
      <c r="D85" s="18">
        <v>20</v>
      </c>
    </row>
    <row r="86" spans="1:4" ht="18" customHeight="1" x14ac:dyDescent="0.15">
      <c r="A86" s="5">
        <v>66</v>
      </c>
      <c r="B86" s="22">
        <v>14</v>
      </c>
      <c r="C86" s="14">
        <v>7</v>
      </c>
      <c r="D86" s="18">
        <v>21</v>
      </c>
    </row>
    <row r="87" spans="1:4" ht="18" customHeight="1" x14ac:dyDescent="0.15">
      <c r="A87" s="5">
        <v>67</v>
      </c>
      <c r="B87" s="22">
        <v>14</v>
      </c>
      <c r="C87" s="14">
        <v>15</v>
      </c>
      <c r="D87" s="18">
        <v>29</v>
      </c>
    </row>
    <row r="88" spans="1:4" ht="18" customHeight="1" x14ac:dyDescent="0.15">
      <c r="A88" s="5">
        <v>68</v>
      </c>
      <c r="B88" s="22">
        <v>10</v>
      </c>
      <c r="C88" s="14">
        <v>6</v>
      </c>
      <c r="D88" s="18">
        <v>16</v>
      </c>
    </row>
    <row r="89" spans="1:4" ht="18" customHeight="1" x14ac:dyDescent="0.15">
      <c r="A89" s="5">
        <v>69</v>
      </c>
      <c r="B89" s="22">
        <v>11</v>
      </c>
      <c r="C89" s="14">
        <v>8</v>
      </c>
      <c r="D89" s="18">
        <v>19</v>
      </c>
    </row>
    <row r="90" spans="1:4" ht="18" customHeight="1" x14ac:dyDescent="0.15">
      <c r="A90" s="5" t="s">
        <v>20</v>
      </c>
      <c r="B90" s="22">
        <v>54</v>
      </c>
      <c r="C90" s="14">
        <v>51</v>
      </c>
      <c r="D90" s="18">
        <v>105</v>
      </c>
    </row>
    <row r="91" spans="1:4" ht="18" customHeight="1" x14ac:dyDescent="0.15">
      <c r="A91" s="5">
        <v>70</v>
      </c>
      <c r="B91" s="22">
        <v>9</v>
      </c>
      <c r="C91" s="14">
        <v>11</v>
      </c>
      <c r="D91" s="18">
        <v>20</v>
      </c>
    </row>
    <row r="92" spans="1:4" ht="18" customHeight="1" x14ac:dyDescent="0.15">
      <c r="A92" s="5">
        <v>71</v>
      </c>
      <c r="B92" s="22">
        <v>9</v>
      </c>
      <c r="C92" s="14">
        <v>13</v>
      </c>
      <c r="D92" s="18">
        <v>22</v>
      </c>
    </row>
    <row r="93" spans="1:4" ht="18" customHeight="1" x14ac:dyDescent="0.15">
      <c r="A93" s="5">
        <v>72</v>
      </c>
      <c r="B93" s="22">
        <v>11</v>
      </c>
      <c r="C93" s="14">
        <v>6</v>
      </c>
      <c r="D93" s="18">
        <v>17</v>
      </c>
    </row>
    <row r="94" spans="1:4" ht="18" customHeight="1" x14ac:dyDescent="0.15">
      <c r="A94" s="5">
        <v>73</v>
      </c>
      <c r="B94" s="22">
        <v>12</v>
      </c>
      <c r="C94" s="14">
        <v>12</v>
      </c>
      <c r="D94" s="18">
        <v>24</v>
      </c>
    </row>
    <row r="95" spans="1:4" ht="18" customHeight="1" x14ac:dyDescent="0.15">
      <c r="A95" s="5">
        <v>74</v>
      </c>
      <c r="B95" s="22">
        <v>11</v>
      </c>
      <c r="C95" s="14">
        <v>11</v>
      </c>
      <c r="D95" s="18">
        <v>22</v>
      </c>
    </row>
    <row r="96" spans="1:4" ht="18" customHeight="1" x14ac:dyDescent="0.15">
      <c r="A96" s="5" t="s">
        <v>33</v>
      </c>
      <c r="B96" s="22">
        <v>52</v>
      </c>
      <c r="C96" s="14">
        <v>53</v>
      </c>
      <c r="D96" s="18">
        <v>105</v>
      </c>
    </row>
    <row r="97" spans="1:4" ht="18" customHeight="1" x14ac:dyDescent="0.15">
      <c r="A97" s="5">
        <v>75</v>
      </c>
      <c r="B97" s="22">
        <v>9</v>
      </c>
      <c r="C97" s="14">
        <v>12</v>
      </c>
      <c r="D97" s="18">
        <v>21</v>
      </c>
    </row>
    <row r="98" spans="1:4" ht="18" customHeight="1" x14ac:dyDescent="0.15">
      <c r="A98" s="5">
        <v>76</v>
      </c>
      <c r="B98" s="22">
        <v>8</v>
      </c>
      <c r="C98" s="14">
        <v>14</v>
      </c>
      <c r="D98" s="18">
        <v>22</v>
      </c>
    </row>
    <row r="99" spans="1:4" ht="18" customHeight="1" x14ac:dyDescent="0.15">
      <c r="A99" s="5">
        <v>77</v>
      </c>
      <c r="B99" s="22">
        <v>12</v>
      </c>
      <c r="C99" s="14">
        <v>7</v>
      </c>
      <c r="D99" s="18">
        <v>19</v>
      </c>
    </row>
    <row r="100" spans="1:4" ht="18" customHeight="1" x14ac:dyDescent="0.15">
      <c r="A100" s="5">
        <v>78</v>
      </c>
      <c r="B100" s="22">
        <v>9</v>
      </c>
      <c r="C100" s="14">
        <v>12</v>
      </c>
      <c r="D100" s="18">
        <v>21</v>
      </c>
    </row>
    <row r="101" spans="1:4" ht="18" customHeight="1" x14ac:dyDescent="0.15">
      <c r="A101" s="5">
        <v>79</v>
      </c>
      <c r="B101" s="22">
        <v>9</v>
      </c>
      <c r="C101" s="14">
        <v>9</v>
      </c>
      <c r="D101" s="18">
        <v>18</v>
      </c>
    </row>
    <row r="102" spans="1:4" ht="18" customHeight="1" x14ac:dyDescent="0.15">
      <c r="A102" s="5" t="s">
        <v>0</v>
      </c>
      <c r="B102" s="22">
        <v>47</v>
      </c>
      <c r="C102" s="14">
        <v>54</v>
      </c>
      <c r="D102" s="18">
        <v>101</v>
      </c>
    </row>
    <row r="103" spans="1:4" ht="18" customHeight="1" x14ac:dyDescent="0.15">
      <c r="A103" s="5">
        <v>80</v>
      </c>
      <c r="B103" s="22">
        <v>2</v>
      </c>
      <c r="C103" s="14">
        <v>4</v>
      </c>
      <c r="D103" s="18">
        <v>6</v>
      </c>
    </row>
    <row r="104" spans="1:4" ht="18" customHeight="1" x14ac:dyDescent="0.15">
      <c r="A104" s="5">
        <v>81</v>
      </c>
      <c r="B104" s="22">
        <v>9</v>
      </c>
      <c r="C104" s="14">
        <v>10</v>
      </c>
      <c r="D104" s="18">
        <v>19</v>
      </c>
    </row>
    <row r="105" spans="1:4" ht="18" customHeight="1" x14ac:dyDescent="0.15">
      <c r="A105" s="5">
        <v>82</v>
      </c>
      <c r="B105" s="22">
        <v>5</v>
      </c>
      <c r="C105" s="14">
        <v>13</v>
      </c>
      <c r="D105" s="18">
        <v>18</v>
      </c>
    </row>
    <row r="106" spans="1:4" ht="18" customHeight="1" x14ac:dyDescent="0.15">
      <c r="A106" s="5">
        <v>83</v>
      </c>
      <c r="B106" s="22">
        <v>8</v>
      </c>
      <c r="C106" s="14">
        <v>13</v>
      </c>
      <c r="D106" s="18">
        <v>21</v>
      </c>
    </row>
    <row r="107" spans="1:4" ht="18" customHeight="1" x14ac:dyDescent="0.15">
      <c r="A107" s="5">
        <v>84</v>
      </c>
      <c r="B107" s="22">
        <v>5</v>
      </c>
      <c r="C107" s="14">
        <v>7</v>
      </c>
      <c r="D107" s="18">
        <v>12</v>
      </c>
    </row>
    <row r="108" spans="1:4" ht="18" customHeight="1" x14ac:dyDescent="0.15">
      <c r="A108" s="5" t="s">
        <v>35</v>
      </c>
      <c r="B108" s="22">
        <v>29</v>
      </c>
      <c r="C108" s="14">
        <v>47</v>
      </c>
      <c r="D108" s="18">
        <v>76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5</v>
      </c>
      <c r="C110" s="14">
        <v>7</v>
      </c>
      <c r="D110" s="18">
        <v>12</v>
      </c>
    </row>
    <row r="111" spans="1:4" ht="18" customHeight="1" x14ac:dyDescent="0.15">
      <c r="A111" s="5">
        <v>87</v>
      </c>
      <c r="B111" s="22">
        <v>1</v>
      </c>
      <c r="C111" s="14">
        <v>3</v>
      </c>
      <c r="D111" s="18">
        <v>4</v>
      </c>
    </row>
    <row r="112" spans="1:4" ht="18" customHeight="1" x14ac:dyDescent="0.15">
      <c r="A112" s="5">
        <v>88</v>
      </c>
      <c r="B112" s="22">
        <v>2</v>
      </c>
      <c r="C112" s="14">
        <v>7</v>
      </c>
      <c r="D112" s="18">
        <v>9</v>
      </c>
    </row>
    <row r="113" spans="1:4" ht="18" customHeight="1" x14ac:dyDescent="0.15">
      <c r="A113" s="5">
        <v>89</v>
      </c>
      <c r="B113" s="22">
        <v>4</v>
      </c>
      <c r="C113" s="14">
        <v>6</v>
      </c>
      <c r="D113" s="18">
        <v>10</v>
      </c>
    </row>
    <row r="114" spans="1:4" ht="18" customHeight="1" x14ac:dyDescent="0.15">
      <c r="A114" s="5" t="s">
        <v>37</v>
      </c>
      <c r="B114" s="22">
        <v>17</v>
      </c>
      <c r="C114" s="14">
        <v>32</v>
      </c>
      <c r="D114" s="18">
        <v>49</v>
      </c>
    </row>
    <row r="115" spans="1:4" ht="18" customHeight="1" x14ac:dyDescent="0.15">
      <c r="A115" s="5">
        <v>90</v>
      </c>
      <c r="B115" s="22">
        <v>8</v>
      </c>
      <c r="C115" s="14">
        <v>5</v>
      </c>
      <c r="D115" s="18">
        <v>13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1</v>
      </c>
      <c r="C117" s="14">
        <v>11</v>
      </c>
      <c r="D117" s="18">
        <v>12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7</v>
      </c>
      <c r="C120" s="14">
        <v>31</v>
      </c>
      <c r="D120" s="18">
        <v>48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1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7</v>
      </c>
      <c r="C130" s="14">
        <v>281</v>
      </c>
      <c r="D130" s="18">
        <v>498</v>
      </c>
    </row>
    <row r="131" spans="1:4" ht="18" customHeight="1" x14ac:dyDescent="0.15">
      <c r="A131" s="7" t="s">
        <v>45</v>
      </c>
      <c r="B131" s="23">
        <v>650</v>
      </c>
      <c r="C131" s="15">
        <v>707</v>
      </c>
      <c r="D131" s="19">
        <v>13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4</v>
      </c>
      <c r="D5" s="31">
        <v>8</v>
      </c>
    </row>
    <row r="6" spans="1:4" ht="18" customHeight="1" x14ac:dyDescent="0.15">
      <c r="A6" s="5">
        <v>1</v>
      </c>
      <c r="B6" s="27">
        <v>5</v>
      </c>
      <c r="C6" s="14">
        <v>6</v>
      </c>
      <c r="D6" s="18">
        <v>11</v>
      </c>
    </row>
    <row r="7" spans="1:4" ht="18" customHeight="1" x14ac:dyDescent="0.15">
      <c r="A7" s="5">
        <v>2</v>
      </c>
      <c r="B7" s="27">
        <v>8</v>
      </c>
      <c r="C7" s="14">
        <v>8</v>
      </c>
      <c r="D7" s="18">
        <v>16</v>
      </c>
    </row>
    <row r="8" spans="1:4" ht="18" customHeight="1" x14ac:dyDescent="0.15">
      <c r="A8" s="5">
        <v>3</v>
      </c>
      <c r="B8" s="27">
        <v>7</v>
      </c>
      <c r="C8" s="14">
        <v>3</v>
      </c>
      <c r="D8" s="18">
        <v>10</v>
      </c>
    </row>
    <row r="9" spans="1:4" ht="18" customHeight="1" x14ac:dyDescent="0.15">
      <c r="A9" s="5">
        <v>4</v>
      </c>
      <c r="B9" s="28">
        <v>9</v>
      </c>
      <c r="C9" s="30">
        <v>14</v>
      </c>
      <c r="D9" s="32">
        <v>23</v>
      </c>
    </row>
    <row r="10" spans="1:4" ht="18" customHeight="1" x14ac:dyDescent="0.15">
      <c r="A10" s="5" t="s">
        <v>7</v>
      </c>
      <c r="B10" s="22">
        <v>33</v>
      </c>
      <c r="C10" s="14">
        <v>35</v>
      </c>
      <c r="D10" s="18">
        <v>68</v>
      </c>
    </row>
    <row r="11" spans="1:4" ht="18" customHeight="1" x14ac:dyDescent="0.15">
      <c r="A11" s="5">
        <v>5</v>
      </c>
      <c r="B11" s="27">
        <v>7</v>
      </c>
      <c r="C11" s="14">
        <v>8</v>
      </c>
      <c r="D11" s="18">
        <v>15</v>
      </c>
    </row>
    <row r="12" spans="1:4" ht="18" customHeight="1" x14ac:dyDescent="0.15">
      <c r="A12" s="5">
        <v>6</v>
      </c>
      <c r="B12" s="27">
        <v>11</v>
      </c>
      <c r="C12" s="14">
        <v>16</v>
      </c>
      <c r="D12" s="18">
        <v>27</v>
      </c>
    </row>
    <row r="13" spans="1:4" ht="18" customHeight="1" x14ac:dyDescent="0.15">
      <c r="A13" s="5">
        <v>7</v>
      </c>
      <c r="B13" s="27">
        <v>11</v>
      </c>
      <c r="C13" s="14">
        <v>12</v>
      </c>
      <c r="D13" s="18">
        <v>23</v>
      </c>
    </row>
    <row r="14" spans="1:4" ht="18" customHeight="1" x14ac:dyDescent="0.15">
      <c r="A14" s="5">
        <v>8</v>
      </c>
      <c r="B14" s="27">
        <v>14</v>
      </c>
      <c r="C14" s="14">
        <v>12</v>
      </c>
      <c r="D14" s="18">
        <v>26</v>
      </c>
    </row>
    <row r="15" spans="1:4" ht="18" customHeight="1" x14ac:dyDescent="0.15">
      <c r="A15" s="5">
        <v>9</v>
      </c>
      <c r="B15" s="27">
        <v>12</v>
      </c>
      <c r="C15" s="14">
        <v>13</v>
      </c>
      <c r="D15" s="18">
        <v>25</v>
      </c>
    </row>
    <row r="16" spans="1:4" ht="18" customHeight="1" x14ac:dyDescent="0.15">
      <c r="A16" s="5" t="s">
        <v>11</v>
      </c>
      <c r="B16" s="22">
        <v>55</v>
      </c>
      <c r="C16" s="14">
        <v>61</v>
      </c>
      <c r="D16" s="18">
        <v>116</v>
      </c>
    </row>
    <row r="17" spans="1:4" ht="18" customHeight="1" x14ac:dyDescent="0.15">
      <c r="A17" s="5">
        <v>10</v>
      </c>
      <c r="B17" s="22">
        <v>18</v>
      </c>
      <c r="C17" s="14">
        <v>11</v>
      </c>
      <c r="D17" s="18">
        <v>29</v>
      </c>
    </row>
    <row r="18" spans="1:4" ht="18" customHeight="1" x14ac:dyDescent="0.15">
      <c r="A18" s="5">
        <v>11</v>
      </c>
      <c r="B18" s="22">
        <v>11</v>
      </c>
      <c r="C18" s="14">
        <v>9</v>
      </c>
      <c r="D18" s="18">
        <v>20</v>
      </c>
    </row>
    <row r="19" spans="1:4" ht="18" customHeight="1" x14ac:dyDescent="0.15">
      <c r="A19" s="5">
        <v>12</v>
      </c>
      <c r="B19" s="22">
        <v>13</v>
      </c>
      <c r="C19" s="14">
        <v>12</v>
      </c>
      <c r="D19" s="18">
        <v>25</v>
      </c>
    </row>
    <row r="20" spans="1:4" ht="18" customHeight="1" x14ac:dyDescent="0.15">
      <c r="A20" s="5">
        <v>13</v>
      </c>
      <c r="B20" s="22">
        <v>14</v>
      </c>
      <c r="C20" s="14">
        <v>12</v>
      </c>
      <c r="D20" s="18">
        <v>26</v>
      </c>
    </row>
    <row r="21" spans="1:4" ht="18" customHeight="1" x14ac:dyDescent="0.15">
      <c r="A21" s="5">
        <v>14</v>
      </c>
      <c r="B21" s="22">
        <v>10</v>
      </c>
      <c r="C21" s="14">
        <v>11</v>
      </c>
      <c r="D21" s="18">
        <v>21</v>
      </c>
    </row>
    <row r="22" spans="1:4" ht="18" customHeight="1" x14ac:dyDescent="0.15">
      <c r="A22" s="5" t="s">
        <v>12</v>
      </c>
      <c r="B22" s="22">
        <v>66</v>
      </c>
      <c r="C22" s="14">
        <v>55</v>
      </c>
      <c r="D22" s="18">
        <v>121</v>
      </c>
    </row>
    <row r="23" spans="1:4" ht="18" customHeight="1" x14ac:dyDescent="0.15">
      <c r="A23" s="5" t="s">
        <v>6</v>
      </c>
      <c r="B23" s="22">
        <v>154</v>
      </c>
      <c r="C23" s="14">
        <v>151</v>
      </c>
      <c r="D23" s="18">
        <v>305</v>
      </c>
    </row>
    <row r="24" spans="1:4" ht="18" customHeight="1" x14ac:dyDescent="0.15">
      <c r="A24" s="5">
        <v>15</v>
      </c>
      <c r="B24" s="22">
        <v>6</v>
      </c>
      <c r="C24" s="14">
        <v>11</v>
      </c>
      <c r="D24" s="18">
        <v>17</v>
      </c>
    </row>
    <row r="25" spans="1:4" ht="18" customHeight="1" x14ac:dyDescent="0.15">
      <c r="A25" s="5">
        <v>16</v>
      </c>
      <c r="B25" s="22">
        <v>11</v>
      </c>
      <c r="C25" s="14">
        <v>6</v>
      </c>
      <c r="D25" s="18">
        <v>17</v>
      </c>
    </row>
    <row r="26" spans="1:4" ht="18" customHeight="1" x14ac:dyDescent="0.15">
      <c r="A26" s="5">
        <v>17</v>
      </c>
      <c r="B26" s="22">
        <v>1</v>
      </c>
      <c r="C26" s="14">
        <v>7</v>
      </c>
      <c r="D26" s="18">
        <v>8</v>
      </c>
    </row>
    <row r="27" spans="1:4" ht="18" customHeight="1" x14ac:dyDescent="0.15">
      <c r="A27" s="5">
        <v>18</v>
      </c>
      <c r="B27" s="22">
        <v>12</v>
      </c>
      <c r="C27" s="14">
        <v>5</v>
      </c>
      <c r="D27" s="18">
        <v>17</v>
      </c>
    </row>
    <row r="28" spans="1:4" ht="18" customHeight="1" x14ac:dyDescent="0.15">
      <c r="A28" s="5">
        <v>19</v>
      </c>
      <c r="B28" s="22">
        <v>9</v>
      </c>
      <c r="C28" s="14">
        <v>6</v>
      </c>
      <c r="D28" s="18">
        <v>15</v>
      </c>
    </row>
    <row r="29" spans="1:4" ht="18" customHeight="1" x14ac:dyDescent="0.15">
      <c r="A29" s="5" t="s">
        <v>14</v>
      </c>
      <c r="B29" s="22">
        <v>39</v>
      </c>
      <c r="C29" s="14">
        <v>35</v>
      </c>
      <c r="D29" s="18">
        <v>74</v>
      </c>
    </row>
    <row r="30" spans="1:4" ht="18" customHeight="1" x14ac:dyDescent="0.15">
      <c r="A30" s="5">
        <v>20</v>
      </c>
      <c r="B30" s="22">
        <v>3</v>
      </c>
      <c r="C30" s="14">
        <v>4</v>
      </c>
      <c r="D30" s="18">
        <v>7</v>
      </c>
    </row>
    <row r="31" spans="1:4" ht="18" customHeight="1" x14ac:dyDescent="0.15">
      <c r="A31" s="5">
        <v>21</v>
      </c>
      <c r="B31" s="22">
        <v>4</v>
      </c>
      <c r="C31" s="14">
        <v>6</v>
      </c>
      <c r="D31" s="18">
        <v>10</v>
      </c>
    </row>
    <row r="32" spans="1:4" ht="18" customHeight="1" x14ac:dyDescent="0.15">
      <c r="A32" s="5">
        <v>22</v>
      </c>
      <c r="B32" s="22">
        <v>2</v>
      </c>
      <c r="C32" s="14">
        <v>6</v>
      </c>
      <c r="D32" s="18">
        <v>8</v>
      </c>
    </row>
    <row r="33" spans="1:4" ht="18" customHeight="1" x14ac:dyDescent="0.15">
      <c r="A33" s="5">
        <v>23</v>
      </c>
      <c r="B33" s="22">
        <v>9</v>
      </c>
      <c r="C33" s="14">
        <v>8</v>
      </c>
      <c r="D33" s="18">
        <v>17</v>
      </c>
    </row>
    <row r="34" spans="1:4" ht="18" customHeight="1" x14ac:dyDescent="0.15">
      <c r="A34" s="5">
        <v>24</v>
      </c>
      <c r="B34" s="22">
        <v>12</v>
      </c>
      <c r="C34" s="14">
        <v>4</v>
      </c>
      <c r="D34" s="18">
        <v>16</v>
      </c>
    </row>
    <row r="35" spans="1:4" ht="18" customHeight="1" x14ac:dyDescent="0.15">
      <c r="A35" s="5" t="s">
        <v>9</v>
      </c>
      <c r="B35" s="22">
        <v>30</v>
      </c>
      <c r="C35" s="14">
        <v>28</v>
      </c>
      <c r="D35" s="18">
        <v>58</v>
      </c>
    </row>
    <row r="36" spans="1:4" ht="18" customHeight="1" x14ac:dyDescent="0.15">
      <c r="A36" s="5">
        <v>25</v>
      </c>
      <c r="B36" s="22">
        <v>7</v>
      </c>
      <c r="C36" s="14">
        <v>6</v>
      </c>
      <c r="D36" s="18">
        <v>13</v>
      </c>
    </row>
    <row r="37" spans="1:4" ht="18" customHeight="1" x14ac:dyDescent="0.15">
      <c r="A37" s="5">
        <v>26</v>
      </c>
      <c r="B37" s="22">
        <v>10</v>
      </c>
      <c r="C37" s="14">
        <v>7</v>
      </c>
      <c r="D37" s="18">
        <v>17</v>
      </c>
    </row>
    <row r="38" spans="1:4" ht="18" customHeight="1" x14ac:dyDescent="0.15">
      <c r="A38" s="5">
        <v>27</v>
      </c>
      <c r="B38" s="22">
        <v>7</v>
      </c>
      <c r="C38" s="14">
        <v>9</v>
      </c>
      <c r="D38" s="18">
        <v>16</v>
      </c>
    </row>
    <row r="39" spans="1:4" ht="18" customHeight="1" x14ac:dyDescent="0.15">
      <c r="A39" s="5">
        <v>28</v>
      </c>
      <c r="B39" s="22">
        <v>8</v>
      </c>
      <c r="C39" s="14">
        <v>6</v>
      </c>
      <c r="D39" s="18">
        <v>14</v>
      </c>
    </row>
    <row r="40" spans="1:4" ht="18" customHeight="1" x14ac:dyDescent="0.15">
      <c r="A40" s="5">
        <v>29</v>
      </c>
      <c r="B40" s="22">
        <v>6</v>
      </c>
      <c r="C40" s="14">
        <v>6</v>
      </c>
      <c r="D40" s="18">
        <v>12</v>
      </c>
    </row>
    <row r="41" spans="1:4" ht="18" customHeight="1" x14ac:dyDescent="0.15">
      <c r="A41" s="5" t="s">
        <v>2</v>
      </c>
      <c r="B41" s="22">
        <v>38</v>
      </c>
      <c r="C41" s="14">
        <v>34</v>
      </c>
      <c r="D41" s="18">
        <v>72</v>
      </c>
    </row>
    <row r="42" spans="1:4" ht="18" customHeight="1" x14ac:dyDescent="0.15">
      <c r="A42" s="5">
        <v>30</v>
      </c>
      <c r="B42" s="22">
        <v>8</v>
      </c>
      <c r="C42" s="14">
        <v>13</v>
      </c>
      <c r="D42" s="18">
        <v>21</v>
      </c>
    </row>
    <row r="43" spans="1:4" ht="18" customHeight="1" x14ac:dyDescent="0.15">
      <c r="A43" s="5">
        <v>31</v>
      </c>
      <c r="B43" s="22">
        <v>10</v>
      </c>
      <c r="C43" s="14">
        <v>8</v>
      </c>
      <c r="D43" s="18">
        <v>18</v>
      </c>
    </row>
    <row r="44" spans="1:4" ht="18" customHeight="1" x14ac:dyDescent="0.15">
      <c r="A44" s="5">
        <v>32</v>
      </c>
      <c r="B44" s="22">
        <v>9</v>
      </c>
      <c r="C44" s="14">
        <v>9</v>
      </c>
      <c r="D44" s="18">
        <v>18</v>
      </c>
    </row>
    <row r="45" spans="1:4" ht="18" customHeight="1" x14ac:dyDescent="0.15">
      <c r="A45" s="5">
        <v>33</v>
      </c>
      <c r="B45" s="22">
        <v>10</v>
      </c>
      <c r="C45" s="14">
        <v>7</v>
      </c>
      <c r="D45" s="18">
        <v>17</v>
      </c>
    </row>
    <row r="46" spans="1:4" ht="18" customHeight="1" x14ac:dyDescent="0.15">
      <c r="A46" s="5">
        <v>34</v>
      </c>
      <c r="B46" s="22">
        <v>7</v>
      </c>
      <c r="C46" s="14">
        <v>12</v>
      </c>
      <c r="D46" s="18">
        <v>19</v>
      </c>
    </row>
    <row r="47" spans="1:4" ht="18" customHeight="1" x14ac:dyDescent="0.15">
      <c r="A47" s="5" t="s">
        <v>15</v>
      </c>
      <c r="B47" s="22">
        <v>44</v>
      </c>
      <c r="C47" s="14">
        <v>49</v>
      </c>
      <c r="D47" s="18">
        <v>93</v>
      </c>
    </row>
    <row r="48" spans="1:4" ht="18" customHeight="1" x14ac:dyDescent="0.15">
      <c r="A48" s="5">
        <v>35</v>
      </c>
      <c r="B48" s="22">
        <v>15</v>
      </c>
      <c r="C48" s="14">
        <v>11</v>
      </c>
      <c r="D48" s="18">
        <v>26</v>
      </c>
    </row>
    <row r="49" spans="1:4" ht="18" customHeight="1" x14ac:dyDescent="0.15">
      <c r="A49" s="5">
        <v>36</v>
      </c>
      <c r="B49" s="22">
        <v>14</v>
      </c>
      <c r="C49" s="14">
        <v>6</v>
      </c>
      <c r="D49" s="18">
        <v>20</v>
      </c>
    </row>
    <row r="50" spans="1:4" ht="18" customHeight="1" x14ac:dyDescent="0.15">
      <c r="A50" s="5">
        <v>37</v>
      </c>
      <c r="B50" s="22">
        <v>20</v>
      </c>
      <c r="C50" s="14">
        <v>21</v>
      </c>
      <c r="D50" s="18">
        <v>41</v>
      </c>
    </row>
    <row r="51" spans="1:4" ht="18" customHeight="1" x14ac:dyDescent="0.15">
      <c r="A51" s="5">
        <v>38</v>
      </c>
      <c r="B51" s="22">
        <v>10</v>
      </c>
      <c r="C51" s="14">
        <v>16</v>
      </c>
      <c r="D51" s="18">
        <v>26</v>
      </c>
    </row>
    <row r="52" spans="1:4" ht="18" customHeight="1" x14ac:dyDescent="0.15">
      <c r="A52" s="5">
        <v>39</v>
      </c>
      <c r="B52" s="22">
        <v>18</v>
      </c>
      <c r="C52" s="14">
        <v>14</v>
      </c>
      <c r="D52" s="18">
        <v>32</v>
      </c>
    </row>
    <row r="53" spans="1:4" ht="18" customHeight="1" x14ac:dyDescent="0.15">
      <c r="A53" s="5" t="s">
        <v>18</v>
      </c>
      <c r="B53" s="22">
        <v>77</v>
      </c>
      <c r="C53" s="14">
        <v>68</v>
      </c>
      <c r="D53" s="18">
        <v>145</v>
      </c>
    </row>
    <row r="54" spans="1:4" ht="18" customHeight="1" x14ac:dyDescent="0.15">
      <c r="A54" s="5">
        <v>40</v>
      </c>
      <c r="B54" s="22">
        <v>16</v>
      </c>
      <c r="C54" s="14">
        <v>16</v>
      </c>
      <c r="D54" s="18">
        <v>32</v>
      </c>
    </row>
    <row r="55" spans="1:4" ht="18" customHeight="1" x14ac:dyDescent="0.15">
      <c r="A55" s="5">
        <v>41</v>
      </c>
      <c r="B55" s="22">
        <v>19</v>
      </c>
      <c r="C55" s="14">
        <v>12</v>
      </c>
      <c r="D55" s="18">
        <v>31</v>
      </c>
    </row>
    <row r="56" spans="1:4" ht="18" customHeight="1" x14ac:dyDescent="0.15">
      <c r="A56" s="5">
        <v>42</v>
      </c>
      <c r="B56" s="22">
        <v>13</v>
      </c>
      <c r="C56" s="14">
        <v>16</v>
      </c>
      <c r="D56" s="18">
        <v>29</v>
      </c>
    </row>
    <row r="57" spans="1:4" ht="18" customHeight="1" x14ac:dyDescent="0.15">
      <c r="A57" s="5">
        <v>43</v>
      </c>
      <c r="B57" s="22">
        <v>17</v>
      </c>
      <c r="C57" s="14">
        <v>15</v>
      </c>
      <c r="D57" s="18">
        <v>32</v>
      </c>
    </row>
    <row r="58" spans="1:4" ht="18" customHeight="1" x14ac:dyDescent="0.15">
      <c r="A58" s="5">
        <v>44</v>
      </c>
      <c r="B58" s="22">
        <v>15</v>
      </c>
      <c r="C58" s="14">
        <v>10</v>
      </c>
      <c r="D58" s="18">
        <v>25</v>
      </c>
    </row>
    <row r="59" spans="1:4" ht="18" customHeight="1" x14ac:dyDescent="0.15">
      <c r="A59" s="5" t="s">
        <v>21</v>
      </c>
      <c r="B59" s="22">
        <v>80</v>
      </c>
      <c r="C59" s="14">
        <v>69</v>
      </c>
      <c r="D59" s="18">
        <v>149</v>
      </c>
    </row>
    <row r="60" spans="1:4" ht="18" customHeight="1" x14ac:dyDescent="0.15">
      <c r="A60" s="5">
        <v>45</v>
      </c>
      <c r="B60" s="22">
        <v>15</v>
      </c>
      <c r="C60" s="14">
        <v>10</v>
      </c>
      <c r="D60" s="18">
        <v>25</v>
      </c>
    </row>
    <row r="61" spans="1:4" ht="18" customHeight="1" x14ac:dyDescent="0.15">
      <c r="A61" s="5">
        <v>46</v>
      </c>
      <c r="B61" s="22">
        <v>16</v>
      </c>
      <c r="C61" s="14">
        <v>11</v>
      </c>
      <c r="D61" s="18">
        <v>27</v>
      </c>
    </row>
    <row r="62" spans="1:4" ht="18" customHeight="1" x14ac:dyDescent="0.15">
      <c r="A62" s="5">
        <v>47</v>
      </c>
      <c r="B62" s="22">
        <v>13</v>
      </c>
      <c r="C62" s="14">
        <v>11</v>
      </c>
      <c r="D62" s="18">
        <v>24</v>
      </c>
    </row>
    <row r="63" spans="1:4" ht="18" customHeight="1" x14ac:dyDescent="0.15">
      <c r="A63" s="5">
        <v>48</v>
      </c>
      <c r="B63" s="22">
        <v>15</v>
      </c>
      <c r="C63" s="14">
        <v>5</v>
      </c>
      <c r="D63" s="18">
        <v>20</v>
      </c>
    </row>
    <row r="64" spans="1:4" ht="18" customHeight="1" x14ac:dyDescent="0.15">
      <c r="A64" s="5">
        <v>49</v>
      </c>
      <c r="B64" s="22">
        <v>21</v>
      </c>
      <c r="C64" s="14">
        <v>10</v>
      </c>
      <c r="D64" s="18">
        <v>31</v>
      </c>
    </row>
    <row r="65" spans="1:4" ht="18" customHeight="1" x14ac:dyDescent="0.15">
      <c r="A65" s="5" t="s">
        <v>17</v>
      </c>
      <c r="B65" s="22">
        <v>80</v>
      </c>
      <c r="C65" s="14">
        <v>47</v>
      </c>
      <c r="D65" s="18">
        <v>127</v>
      </c>
    </row>
    <row r="66" spans="1:4" ht="18" customHeight="1" x14ac:dyDescent="0.15">
      <c r="A66" s="5">
        <v>50</v>
      </c>
      <c r="B66" s="22">
        <v>8</v>
      </c>
      <c r="C66" s="14">
        <v>17</v>
      </c>
      <c r="D66" s="18">
        <v>25</v>
      </c>
    </row>
    <row r="67" spans="1:4" ht="18" customHeight="1" x14ac:dyDescent="0.15">
      <c r="A67" s="5">
        <v>51</v>
      </c>
      <c r="B67" s="22">
        <v>17</v>
      </c>
      <c r="C67" s="14">
        <v>15</v>
      </c>
      <c r="D67" s="18">
        <v>32</v>
      </c>
    </row>
    <row r="68" spans="1:4" ht="18" customHeight="1" x14ac:dyDescent="0.15">
      <c r="A68" s="5">
        <v>52</v>
      </c>
      <c r="B68" s="22">
        <v>10</v>
      </c>
      <c r="C68" s="14">
        <v>12</v>
      </c>
      <c r="D68" s="18">
        <v>22</v>
      </c>
    </row>
    <row r="69" spans="1:4" ht="18" customHeight="1" x14ac:dyDescent="0.15">
      <c r="A69" s="5">
        <v>53</v>
      </c>
      <c r="B69" s="22">
        <v>18</v>
      </c>
      <c r="C69" s="14">
        <v>10</v>
      </c>
      <c r="D69" s="18">
        <v>28</v>
      </c>
    </row>
    <row r="70" spans="1:4" ht="18" customHeight="1" x14ac:dyDescent="0.15">
      <c r="A70" s="5">
        <v>54</v>
      </c>
      <c r="B70" s="22">
        <v>13</v>
      </c>
      <c r="C70" s="14">
        <v>7</v>
      </c>
      <c r="D70" s="18">
        <v>20</v>
      </c>
    </row>
    <row r="71" spans="1:4" ht="18" customHeight="1" x14ac:dyDescent="0.15">
      <c r="A71" s="5" t="s">
        <v>22</v>
      </c>
      <c r="B71" s="22">
        <v>66</v>
      </c>
      <c r="C71" s="14">
        <v>61</v>
      </c>
      <c r="D71" s="18">
        <v>127</v>
      </c>
    </row>
    <row r="72" spans="1:4" ht="18" customHeight="1" x14ac:dyDescent="0.15">
      <c r="A72" s="5">
        <v>55</v>
      </c>
      <c r="B72" s="22">
        <v>14</v>
      </c>
      <c r="C72" s="14">
        <v>21</v>
      </c>
      <c r="D72" s="18">
        <v>35</v>
      </c>
    </row>
    <row r="73" spans="1:4" ht="18" customHeight="1" x14ac:dyDescent="0.15">
      <c r="A73" s="5">
        <v>56</v>
      </c>
      <c r="B73" s="22">
        <v>14</v>
      </c>
      <c r="C73" s="14">
        <v>10</v>
      </c>
      <c r="D73" s="18">
        <v>24</v>
      </c>
    </row>
    <row r="74" spans="1:4" ht="18" customHeight="1" x14ac:dyDescent="0.15">
      <c r="A74" s="5">
        <v>57</v>
      </c>
      <c r="B74" s="22">
        <v>10</v>
      </c>
      <c r="C74" s="14">
        <v>12</v>
      </c>
      <c r="D74" s="18">
        <v>22</v>
      </c>
    </row>
    <row r="75" spans="1:4" ht="18" customHeight="1" x14ac:dyDescent="0.15">
      <c r="A75" s="5">
        <v>58</v>
      </c>
      <c r="B75" s="22">
        <v>6</v>
      </c>
      <c r="C75" s="14">
        <v>14</v>
      </c>
      <c r="D75" s="18">
        <v>20</v>
      </c>
    </row>
    <row r="76" spans="1:4" ht="18" customHeight="1" x14ac:dyDescent="0.15">
      <c r="A76" s="5">
        <v>59</v>
      </c>
      <c r="B76" s="22">
        <v>12</v>
      </c>
      <c r="C76" s="14">
        <v>10</v>
      </c>
      <c r="D76" s="18">
        <v>22</v>
      </c>
    </row>
    <row r="77" spans="1:4" ht="18" customHeight="1" x14ac:dyDescent="0.15">
      <c r="A77" s="5" t="s">
        <v>27</v>
      </c>
      <c r="B77" s="22">
        <v>56</v>
      </c>
      <c r="C77" s="14">
        <v>67</v>
      </c>
      <c r="D77" s="18">
        <v>123</v>
      </c>
    </row>
    <row r="78" spans="1:4" ht="18" customHeight="1" x14ac:dyDescent="0.15">
      <c r="A78" s="5">
        <v>60</v>
      </c>
      <c r="B78" s="22">
        <v>9</v>
      </c>
      <c r="C78" s="14">
        <v>10</v>
      </c>
      <c r="D78" s="18">
        <v>19</v>
      </c>
    </row>
    <row r="79" spans="1:4" ht="18" customHeight="1" x14ac:dyDescent="0.15">
      <c r="A79" s="5">
        <v>61</v>
      </c>
      <c r="B79" s="22">
        <v>14</v>
      </c>
      <c r="C79" s="14">
        <v>15</v>
      </c>
      <c r="D79" s="18">
        <v>29</v>
      </c>
    </row>
    <row r="80" spans="1:4" ht="18" customHeight="1" x14ac:dyDescent="0.15">
      <c r="A80" s="5">
        <v>62</v>
      </c>
      <c r="B80" s="22">
        <v>6</v>
      </c>
      <c r="C80" s="14">
        <v>12</v>
      </c>
      <c r="D80" s="18">
        <v>18</v>
      </c>
    </row>
    <row r="81" spans="1:4" ht="18" customHeight="1" x14ac:dyDescent="0.15">
      <c r="A81" s="5">
        <v>63</v>
      </c>
      <c r="B81" s="22">
        <v>11</v>
      </c>
      <c r="C81" s="14">
        <v>11</v>
      </c>
      <c r="D81" s="18">
        <v>22</v>
      </c>
    </row>
    <row r="82" spans="1:4" ht="18" customHeight="1" x14ac:dyDescent="0.15">
      <c r="A82" s="5">
        <v>64</v>
      </c>
      <c r="B82" s="22">
        <v>14</v>
      </c>
      <c r="C82" s="14">
        <v>18</v>
      </c>
      <c r="D82" s="18">
        <v>32</v>
      </c>
    </row>
    <row r="83" spans="1:4" ht="18" customHeight="1" x14ac:dyDescent="0.15">
      <c r="A83" s="5" t="s">
        <v>28</v>
      </c>
      <c r="B83" s="22">
        <v>54</v>
      </c>
      <c r="C83" s="14">
        <v>66</v>
      </c>
      <c r="D83" s="18">
        <v>120</v>
      </c>
    </row>
    <row r="84" spans="1:4" ht="18" customHeight="1" x14ac:dyDescent="0.15">
      <c r="A84" s="5" t="s">
        <v>31</v>
      </c>
      <c r="B84" s="22">
        <v>564</v>
      </c>
      <c r="C84" s="14">
        <v>524</v>
      </c>
      <c r="D84" s="18">
        <v>1088</v>
      </c>
    </row>
    <row r="85" spans="1:4" ht="18" customHeight="1" x14ac:dyDescent="0.15">
      <c r="A85" s="5">
        <v>65</v>
      </c>
      <c r="B85" s="22">
        <v>11</v>
      </c>
      <c r="C85" s="14">
        <v>24</v>
      </c>
      <c r="D85" s="18">
        <v>35</v>
      </c>
    </row>
    <row r="86" spans="1:4" ht="18" customHeight="1" x14ac:dyDescent="0.15">
      <c r="A86" s="5">
        <v>66</v>
      </c>
      <c r="B86" s="22">
        <v>19</v>
      </c>
      <c r="C86" s="14">
        <v>12</v>
      </c>
      <c r="D86" s="18">
        <v>31</v>
      </c>
    </row>
    <row r="87" spans="1:4" ht="18" customHeight="1" x14ac:dyDescent="0.15">
      <c r="A87" s="5">
        <v>67</v>
      </c>
      <c r="B87" s="22">
        <v>16</v>
      </c>
      <c r="C87" s="14">
        <v>16</v>
      </c>
      <c r="D87" s="18">
        <v>32</v>
      </c>
    </row>
    <row r="88" spans="1:4" ht="18" customHeight="1" x14ac:dyDescent="0.15">
      <c r="A88" s="5">
        <v>68</v>
      </c>
      <c r="B88" s="22">
        <v>20</v>
      </c>
      <c r="C88" s="14">
        <v>20</v>
      </c>
      <c r="D88" s="18">
        <v>40</v>
      </c>
    </row>
    <row r="89" spans="1:4" ht="18" customHeight="1" x14ac:dyDescent="0.15">
      <c r="A89" s="5">
        <v>69</v>
      </c>
      <c r="B89" s="22">
        <v>14</v>
      </c>
      <c r="C89" s="14">
        <v>13</v>
      </c>
      <c r="D89" s="18">
        <v>27</v>
      </c>
    </row>
    <row r="90" spans="1:4" ht="18" customHeight="1" x14ac:dyDescent="0.15">
      <c r="A90" s="5" t="s">
        <v>20</v>
      </c>
      <c r="B90" s="22">
        <v>80</v>
      </c>
      <c r="C90" s="14">
        <v>85</v>
      </c>
      <c r="D90" s="18">
        <v>165</v>
      </c>
    </row>
    <row r="91" spans="1:4" ht="18" customHeight="1" x14ac:dyDescent="0.15">
      <c r="A91" s="5">
        <v>70</v>
      </c>
      <c r="B91" s="22">
        <v>23</v>
      </c>
      <c r="C91" s="14">
        <v>19</v>
      </c>
      <c r="D91" s="18">
        <v>42</v>
      </c>
    </row>
    <row r="92" spans="1:4" ht="18" customHeight="1" x14ac:dyDescent="0.15">
      <c r="A92" s="5">
        <v>71</v>
      </c>
      <c r="B92" s="22">
        <v>10</v>
      </c>
      <c r="C92" s="14">
        <v>15</v>
      </c>
      <c r="D92" s="18">
        <v>25</v>
      </c>
    </row>
    <row r="93" spans="1:4" ht="18" customHeight="1" x14ac:dyDescent="0.15">
      <c r="A93" s="5">
        <v>72</v>
      </c>
      <c r="B93" s="22">
        <v>9</v>
      </c>
      <c r="C93" s="14">
        <v>13</v>
      </c>
      <c r="D93" s="18">
        <v>22</v>
      </c>
    </row>
    <row r="94" spans="1:4" ht="18" customHeight="1" x14ac:dyDescent="0.15">
      <c r="A94" s="5">
        <v>73</v>
      </c>
      <c r="B94" s="22">
        <v>18</v>
      </c>
      <c r="C94" s="14">
        <v>18</v>
      </c>
      <c r="D94" s="18">
        <v>36</v>
      </c>
    </row>
    <row r="95" spans="1:4" ht="18" customHeight="1" x14ac:dyDescent="0.15">
      <c r="A95" s="5">
        <v>74</v>
      </c>
      <c r="B95" s="22">
        <v>16</v>
      </c>
      <c r="C95" s="14">
        <v>18</v>
      </c>
      <c r="D95" s="18">
        <v>34</v>
      </c>
    </row>
    <row r="96" spans="1:4" ht="18" customHeight="1" x14ac:dyDescent="0.15">
      <c r="A96" s="5" t="s">
        <v>33</v>
      </c>
      <c r="B96" s="22">
        <v>76</v>
      </c>
      <c r="C96" s="14">
        <v>83</v>
      </c>
      <c r="D96" s="18">
        <v>159</v>
      </c>
    </row>
    <row r="97" spans="1:4" ht="18" customHeight="1" x14ac:dyDescent="0.15">
      <c r="A97" s="5">
        <v>75</v>
      </c>
      <c r="B97" s="22">
        <v>13</v>
      </c>
      <c r="C97" s="14">
        <v>26</v>
      </c>
      <c r="D97" s="18">
        <v>39</v>
      </c>
    </row>
    <row r="98" spans="1:4" ht="18" customHeight="1" x14ac:dyDescent="0.15">
      <c r="A98" s="5">
        <v>76</v>
      </c>
      <c r="B98" s="22">
        <v>23</v>
      </c>
      <c r="C98" s="14">
        <v>19</v>
      </c>
      <c r="D98" s="18">
        <v>42</v>
      </c>
    </row>
    <row r="99" spans="1:4" ht="18" customHeight="1" x14ac:dyDescent="0.15">
      <c r="A99" s="5">
        <v>77</v>
      </c>
      <c r="B99" s="22">
        <v>26</v>
      </c>
      <c r="C99" s="14">
        <v>19</v>
      </c>
      <c r="D99" s="18">
        <v>45</v>
      </c>
    </row>
    <row r="100" spans="1:4" ht="18" customHeight="1" x14ac:dyDescent="0.15">
      <c r="A100" s="5">
        <v>78</v>
      </c>
      <c r="B100" s="22">
        <v>25</v>
      </c>
      <c r="C100" s="14">
        <v>24</v>
      </c>
      <c r="D100" s="18">
        <v>49</v>
      </c>
    </row>
    <row r="101" spans="1:4" ht="18" customHeight="1" x14ac:dyDescent="0.15">
      <c r="A101" s="5">
        <v>79</v>
      </c>
      <c r="B101" s="22">
        <v>11</v>
      </c>
      <c r="C101" s="14">
        <v>17</v>
      </c>
      <c r="D101" s="18">
        <v>28</v>
      </c>
    </row>
    <row r="102" spans="1:4" ht="18" customHeight="1" x14ac:dyDescent="0.15">
      <c r="A102" s="5" t="s">
        <v>0</v>
      </c>
      <c r="B102" s="22">
        <v>98</v>
      </c>
      <c r="C102" s="14">
        <v>105</v>
      </c>
      <c r="D102" s="18">
        <v>203</v>
      </c>
    </row>
    <row r="103" spans="1:4" ht="18" customHeight="1" x14ac:dyDescent="0.15">
      <c r="A103" s="5">
        <v>80</v>
      </c>
      <c r="B103" s="22">
        <v>4</v>
      </c>
      <c r="C103" s="14">
        <v>7</v>
      </c>
      <c r="D103" s="18">
        <v>11</v>
      </c>
    </row>
    <row r="104" spans="1:4" ht="18" customHeight="1" x14ac:dyDescent="0.15">
      <c r="A104" s="5">
        <v>81</v>
      </c>
      <c r="B104" s="22">
        <v>10</v>
      </c>
      <c r="C104" s="14">
        <v>11</v>
      </c>
      <c r="D104" s="18">
        <v>21</v>
      </c>
    </row>
    <row r="105" spans="1:4" ht="18" customHeight="1" x14ac:dyDescent="0.15">
      <c r="A105" s="5">
        <v>82</v>
      </c>
      <c r="B105" s="22">
        <v>7</v>
      </c>
      <c r="C105" s="14">
        <v>16</v>
      </c>
      <c r="D105" s="18">
        <v>23</v>
      </c>
    </row>
    <row r="106" spans="1:4" ht="18" customHeight="1" x14ac:dyDescent="0.15">
      <c r="A106" s="5">
        <v>83</v>
      </c>
      <c r="B106" s="22">
        <v>13</v>
      </c>
      <c r="C106" s="14">
        <v>10</v>
      </c>
      <c r="D106" s="18">
        <v>23</v>
      </c>
    </row>
    <row r="107" spans="1:4" ht="18" customHeight="1" x14ac:dyDescent="0.15">
      <c r="A107" s="5">
        <v>84</v>
      </c>
      <c r="B107" s="22">
        <v>14</v>
      </c>
      <c r="C107" s="14">
        <v>12</v>
      </c>
      <c r="D107" s="18">
        <v>26</v>
      </c>
    </row>
    <row r="108" spans="1:4" ht="18" customHeight="1" x14ac:dyDescent="0.15">
      <c r="A108" s="5" t="s">
        <v>35</v>
      </c>
      <c r="B108" s="22">
        <v>48</v>
      </c>
      <c r="C108" s="14">
        <v>56</v>
      </c>
      <c r="D108" s="18">
        <v>104</v>
      </c>
    </row>
    <row r="109" spans="1:4" ht="18" customHeight="1" x14ac:dyDescent="0.15">
      <c r="A109" s="5">
        <v>85</v>
      </c>
      <c r="B109" s="22">
        <v>7</v>
      </c>
      <c r="C109" s="14">
        <v>9</v>
      </c>
      <c r="D109" s="18">
        <v>16</v>
      </c>
    </row>
    <row r="110" spans="1:4" ht="18" customHeight="1" x14ac:dyDescent="0.15">
      <c r="A110" s="5">
        <v>86</v>
      </c>
      <c r="B110" s="22">
        <v>5</v>
      </c>
      <c r="C110" s="14">
        <v>12</v>
      </c>
      <c r="D110" s="18">
        <v>17</v>
      </c>
    </row>
    <row r="111" spans="1:4" ht="18" customHeight="1" x14ac:dyDescent="0.15">
      <c r="A111" s="5">
        <v>87</v>
      </c>
      <c r="B111" s="22">
        <v>5</v>
      </c>
      <c r="C111" s="14">
        <v>5</v>
      </c>
      <c r="D111" s="18">
        <v>10</v>
      </c>
    </row>
    <row r="112" spans="1:4" ht="18" customHeight="1" x14ac:dyDescent="0.15">
      <c r="A112" s="5">
        <v>88</v>
      </c>
      <c r="B112" s="22">
        <v>2</v>
      </c>
      <c r="C112" s="14">
        <v>11</v>
      </c>
      <c r="D112" s="18">
        <v>13</v>
      </c>
    </row>
    <row r="113" spans="1:4" ht="18" customHeight="1" x14ac:dyDescent="0.15">
      <c r="A113" s="5">
        <v>89</v>
      </c>
      <c r="B113" s="22">
        <v>10</v>
      </c>
      <c r="C113" s="14">
        <v>8</v>
      </c>
      <c r="D113" s="18">
        <v>18</v>
      </c>
    </row>
    <row r="114" spans="1:4" ht="18" customHeight="1" x14ac:dyDescent="0.15">
      <c r="A114" s="5" t="s">
        <v>37</v>
      </c>
      <c r="B114" s="22">
        <v>29</v>
      </c>
      <c r="C114" s="14">
        <v>45</v>
      </c>
      <c r="D114" s="18">
        <v>74</v>
      </c>
    </row>
    <row r="115" spans="1:4" ht="18" customHeight="1" x14ac:dyDescent="0.15">
      <c r="A115" s="5">
        <v>90</v>
      </c>
      <c r="B115" s="22">
        <v>3</v>
      </c>
      <c r="C115" s="14">
        <v>7</v>
      </c>
      <c r="D115" s="18">
        <v>10</v>
      </c>
    </row>
    <row r="116" spans="1:4" ht="18" customHeight="1" x14ac:dyDescent="0.15">
      <c r="A116" s="5">
        <v>91</v>
      </c>
      <c r="B116" s="22">
        <v>3</v>
      </c>
      <c r="C116" s="14">
        <v>2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7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22">
        <v>8</v>
      </c>
      <c r="C120" s="14">
        <v>29</v>
      </c>
      <c r="D120" s="18">
        <v>37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5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40</v>
      </c>
      <c r="C130" s="14">
        <v>420</v>
      </c>
      <c r="D130" s="18">
        <v>760</v>
      </c>
    </row>
    <row r="131" spans="1:4" ht="18" customHeight="1" x14ac:dyDescent="0.15">
      <c r="A131" s="7" t="s">
        <v>45</v>
      </c>
      <c r="B131" s="23">
        <v>1058</v>
      </c>
      <c r="C131" s="15">
        <v>1095</v>
      </c>
      <c r="D131" s="19">
        <v>21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2</v>
      </c>
      <c r="C5" s="29">
        <v>10</v>
      </c>
      <c r="D5" s="31">
        <v>22</v>
      </c>
    </row>
    <row r="6" spans="1:4" ht="18" customHeight="1" x14ac:dyDescent="0.15">
      <c r="A6" s="5">
        <v>1</v>
      </c>
      <c r="B6" s="27">
        <v>14</v>
      </c>
      <c r="C6" s="14">
        <v>12</v>
      </c>
      <c r="D6" s="18">
        <v>26</v>
      </c>
    </row>
    <row r="7" spans="1:4" ht="18" customHeight="1" x14ac:dyDescent="0.15">
      <c r="A7" s="5">
        <v>2</v>
      </c>
      <c r="B7" s="27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27">
        <v>17</v>
      </c>
      <c r="C8" s="14">
        <v>10</v>
      </c>
      <c r="D8" s="18">
        <v>27</v>
      </c>
    </row>
    <row r="9" spans="1:4" ht="18" customHeight="1" x14ac:dyDescent="0.15">
      <c r="A9" s="5">
        <v>4</v>
      </c>
      <c r="B9" s="28">
        <v>13</v>
      </c>
      <c r="C9" s="30">
        <v>16</v>
      </c>
      <c r="D9" s="32">
        <v>29</v>
      </c>
    </row>
    <row r="10" spans="1:4" ht="18" customHeight="1" x14ac:dyDescent="0.15">
      <c r="A10" s="5" t="s">
        <v>7</v>
      </c>
      <c r="B10" s="22">
        <v>64</v>
      </c>
      <c r="C10" s="14">
        <v>58</v>
      </c>
      <c r="D10" s="18">
        <v>122</v>
      </c>
    </row>
    <row r="11" spans="1:4" ht="18" customHeight="1" x14ac:dyDescent="0.15">
      <c r="A11" s="5">
        <v>5</v>
      </c>
      <c r="B11" s="27">
        <v>23</v>
      </c>
      <c r="C11" s="14">
        <v>12</v>
      </c>
      <c r="D11" s="18">
        <v>35</v>
      </c>
    </row>
    <row r="12" spans="1:4" ht="18" customHeight="1" x14ac:dyDescent="0.15">
      <c r="A12" s="5">
        <v>6</v>
      </c>
      <c r="B12" s="27">
        <v>19</v>
      </c>
      <c r="C12" s="14">
        <v>15</v>
      </c>
      <c r="D12" s="18">
        <v>34</v>
      </c>
    </row>
    <row r="13" spans="1:4" ht="18" customHeight="1" x14ac:dyDescent="0.15">
      <c r="A13" s="5">
        <v>7</v>
      </c>
      <c r="B13" s="27">
        <v>27</v>
      </c>
      <c r="C13" s="14">
        <v>23</v>
      </c>
      <c r="D13" s="18">
        <v>50</v>
      </c>
    </row>
    <row r="14" spans="1:4" ht="18" customHeight="1" x14ac:dyDescent="0.15">
      <c r="A14" s="5">
        <v>8</v>
      </c>
      <c r="B14" s="27">
        <v>25</v>
      </c>
      <c r="C14" s="14">
        <v>15</v>
      </c>
      <c r="D14" s="18">
        <v>40</v>
      </c>
    </row>
    <row r="15" spans="1:4" ht="18" customHeight="1" x14ac:dyDescent="0.15">
      <c r="A15" s="5">
        <v>9</v>
      </c>
      <c r="B15" s="27">
        <v>12</v>
      </c>
      <c r="C15" s="14">
        <v>13</v>
      </c>
      <c r="D15" s="18">
        <v>25</v>
      </c>
    </row>
    <row r="16" spans="1:4" ht="18" customHeight="1" x14ac:dyDescent="0.15">
      <c r="A16" s="5" t="s">
        <v>11</v>
      </c>
      <c r="B16" s="22">
        <v>106</v>
      </c>
      <c r="C16" s="14">
        <v>78</v>
      </c>
      <c r="D16" s="18">
        <v>184</v>
      </c>
    </row>
    <row r="17" spans="1:4" ht="18" customHeight="1" x14ac:dyDescent="0.15">
      <c r="A17" s="5">
        <v>10</v>
      </c>
      <c r="B17" s="22">
        <v>20</v>
      </c>
      <c r="C17" s="14">
        <v>17</v>
      </c>
      <c r="D17" s="18">
        <v>37</v>
      </c>
    </row>
    <row r="18" spans="1:4" ht="18" customHeight="1" x14ac:dyDescent="0.15">
      <c r="A18" s="5">
        <v>11</v>
      </c>
      <c r="B18" s="22">
        <v>23</v>
      </c>
      <c r="C18" s="14">
        <v>15</v>
      </c>
      <c r="D18" s="18">
        <v>38</v>
      </c>
    </row>
    <row r="19" spans="1:4" ht="18" customHeight="1" x14ac:dyDescent="0.15">
      <c r="A19" s="5">
        <v>12</v>
      </c>
      <c r="B19" s="22">
        <v>22</v>
      </c>
      <c r="C19" s="14">
        <v>13</v>
      </c>
      <c r="D19" s="18">
        <v>35</v>
      </c>
    </row>
    <row r="20" spans="1:4" ht="18" customHeight="1" x14ac:dyDescent="0.15">
      <c r="A20" s="5">
        <v>13</v>
      </c>
      <c r="B20" s="22">
        <v>19</v>
      </c>
      <c r="C20" s="14">
        <v>13</v>
      </c>
      <c r="D20" s="18">
        <v>32</v>
      </c>
    </row>
    <row r="21" spans="1:4" ht="18" customHeight="1" x14ac:dyDescent="0.15">
      <c r="A21" s="5">
        <v>14</v>
      </c>
      <c r="B21" s="22">
        <v>9</v>
      </c>
      <c r="C21" s="14">
        <v>15</v>
      </c>
      <c r="D21" s="18">
        <v>24</v>
      </c>
    </row>
    <row r="22" spans="1:4" ht="18" customHeight="1" x14ac:dyDescent="0.15">
      <c r="A22" s="5" t="s">
        <v>12</v>
      </c>
      <c r="B22" s="22">
        <v>93</v>
      </c>
      <c r="C22" s="14">
        <v>73</v>
      </c>
      <c r="D22" s="18">
        <v>166</v>
      </c>
    </row>
    <row r="23" spans="1:4" ht="18" customHeight="1" x14ac:dyDescent="0.15">
      <c r="A23" s="5" t="s">
        <v>6</v>
      </c>
      <c r="B23" s="22">
        <v>263</v>
      </c>
      <c r="C23" s="14">
        <v>209</v>
      </c>
      <c r="D23" s="18">
        <v>472</v>
      </c>
    </row>
    <row r="24" spans="1:4" ht="18" customHeight="1" x14ac:dyDescent="0.15">
      <c r="A24" s="5">
        <v>15</v>
      </c>
      <c r="B24" s="22">
        <v>16</v>
      </c>
      <c r="C24" s="14">
        <v>17</v>
      </c>
      <c r="D24" s="18">
        <v>33</v>
      </c>
    </row>
    <row r="25" spans="1:4" ht="18" customHeight="1" x14ac:dyDescent="0.15">
      <c r="A25" s="5">
        <v>16</v>
      </c>
      <c r="B25" s="22">
        <v>13</v>
      </c>
      <c r="C25" s="14">
        <v>20</v>
      </c>
      <c r="D25" s="18">
        <v>33</v>
      </c>
    </row>
    <row r="26" spans="1:4" ht="18" customHeight="1" x14ac:dyDescent="0.15">
      <c r="A26" s="5">
        <v>17</v>
      </c>
      <c r="B26" s="22">
        <v>14</v>
      </c>
      <c r="C26" s="14">
        <v>19</v>
      </c>
      <c r="D26" s="18">
        <v>33</v>
      </c>
    </row>
    <row r="27" spans="1:4" ht="18" customHeight="1" x14ac:dyDescent="0.15">
      <c r="A27" s="5">
        <v>18</v>
      </c>
      <c r="B27" s="22">
        <v>18</v>
      </c>
      <c r="C27" s="14">
        <v>16</v>
      </c>
      <c r="D27" s="18">
        <v>34</v>
      </c>
    </row>
    <row r="28" spans="1:4" ht="18" customHeight="1" x14ac:dyDescent="0.15">
      <c r="A28" s="5">
        <v>19</v>
      </c>
      <c r="B28" s="22">
        <v>17</v>
      </c>
      <c r="C28" s="14">
        <v>15</v>
      </c>
      <c r="D28" s="18">
        <v>32</v>
      </c>
    </row>
    <row r="29" spans="1:4" ht="18" customHeight="1" x14ac:dyDescent="0.15">
      <c r="A29" s="5" t="s">
        <v>14</v>
      </c>
      <c r="B29" s="22">
        <v>78</v>
      </c>
      <c r="C29" s="14">
        <v>87</v>
      </c>
      <c r="D29" s="18">
        <v>165</v>
      </c>
    </row>
    <row r="30" spans="1:4" ht="18" customHeight="1" x14ac:dyDescent="0.15">
      <c r="A30" s="5">
        <v>20</v>
      </c>
      <c r="B30" s="22">
        <v>19</v>
      </c>
      <c r="C30" s="14">
        <v>14</v>
      </c>
      <c r="D30" s="18">
        <v>33</v>
      </c>
    </row>
    <row r="31" spans="1:4" ht="18" customHeight="1" x14ac:dyDescent="0.15">
      <c r="A31" s="5">
        <v>21</v>
      </c>
      <c r="B31" s="22">
        <v>16</v>
      </c>
      <c r="C31" s="14">
        <v>10</v>
      </c>
      <c r="D31" s="18">
        <v>26</v>
      </c>
    </row>
    <row r="32" spans="1:4" ht="18" customHeight="1" x14ac:dyDescent="0.15">
      <c r="A32" s="5">
        <v>22</v>
      </c>
      <c r="B32" s="22">
        <v>10</v>
      </c>
      <c r="C32" s="14">
        <v>13</v>
      </c>
      <c r="D32" s="18">
        <v>23</v>
      </c>
    </row>
    <row r="33" spans="1:4" ht="18" customHeight="1" x14ac:dyDescent="0.15">
      <c r="A33" s="5">
        <v>23</v>
      </c>
      <c r="B33" s="22">
        <v>26</v>
      </c>
      <c r="C33" s="14">
        <v>20</v>
      </c>
      <c r="D33" s="18">
        <v>46</v>
      </c>
    </row>
    <row r="34" spans="1:4" ht="18" customHeight="1" x14ac:dyDescent="0.15">
      <c r="A34" s="5">
        <v>24</v>
      </c>
      <c r="B34" s="22">
        <v>22</v>
      </c>
      <c r="C34" s="14">
        <v>15</v>
      </c>
      <c r="D34" s="18">
        <v>37</v>
      </c>
    </row>
    <row r="35" spans="1:4" ht="18" customHeight="1" x14ac:dyDescent="0.15">
      <c r="A35" s="5" t="s">
        <v>9</v>
      </c>
      <c r="B35" s="22">
        <v>93</v>
      </c>
      <c r="C35" s="14">
        <v>72</v>
      </c>
      <c r="D35" s="18">
        <v>165</v>
      </c>
    </row>
    <row r="36" spans="1:4" ht="18" customHeight="1" x14ac:dyDescent="0.15">
      <c r="A36" s="5">
        <v>25</v>
      </c>
      <c r="B36" s="22">
        <v>20</v>
      </c>
      <c r="C36" s="14">
        <v>12</v>
      </c>
      <c r="D36" s="18">
        <v>32</v>
      </c>
    </row>
    <row r="37" spans="1:4" ht="18" customHeight="1" x14ac:dyDescent="0.15">
      <c r="A37" s="5">
        <v>26</v>
      </c>
      <c r="B37" s="22">
        <v>13</v>
      </c>
      <c r="C37" s="14">
        <v>21</v>
      </c>
      <c r="D37" s="18">
        <v>34</v>
      </c>
    </row>
    <row r="38" spans="1:4" ht="18" customHeight="1" x14ac:dyDescent="0.15">
      <c r="A38" s="5">
        <v>27</v>
      </c>
      <c r="B38" s="22">
        <v>19</v>
      </c>
      <c r="C38" s="14">
        <v>23</v>
      </c>
      <c r="D38" s="18">
        <v>42</v>
      </c>
    </row>
    <row r="39" spans="1:4" ht="18" customHeight="1" x14ac:dyDescent="0.15">
      <c r="A39" s="5">
        <v>28</v>
      </c>
      <c r="B39" s="22">
        <v>10</v>
      </c>
      <c r="C39" s="14">
        <v>24</v>
      </c>
      <c r="D39" s="18">
        <v>34</v>
      </c>
    </row>
    <row r="40" spans="1:4" ht="18" customHeight="1" x14ac:dyDescent="0.15">
      <c r="A40" s="5">
        <v>29</v>
      </c>
      <c r="B40" s="22">
        <v>16</v>
      </c>
      <c r="C40" s="14">
        <v>19</v>
      </c>
      <c r="D40" s="18">
        <v>35</v>
      </c>
    </row>
    <row r="41" spans="1:4" ht="18" customHeight="1" x14ac:dyDescent="0.15">
      <c r="A41" s="5" t="s">
        <v>2</v>
      </c>
      <c r="B41" s="22">
        <v>78</v>
      </c>
      <c r="C41" s="14">
        <v>99</v>
      </c>
      <c r="D41" s="18">
        <v>177</v>
      </c>
    </row>
    <row r="42" spans="1:4" ht="18" customHeight="1" x14ac:dyDescent="0.15">
      <c r="A42" s="5">
        <v>30</v>
      </c>
      <c r="B42" s="22">
        <v>20</v>
      </c>
      <c r="C42" s="14">
        <v>21</v>
      </c>
      <c r="D42" s="18">
        <v>41</v>
      </c>
    </row>
    <row r="43" spans="1:4" ht="18" customHeight="1" x14ac:dyDescent="0.15">
      <c r="A43" s="5">
        <v>31</v>
      </c>
      <c r="B43" s="22">
        <v>22</v>
      </c>
      <c r="C43" s="14">
        <v>26</v>
      </c>
      <c r="D43" s="18">
        <v>48</v>
      </c>
    </row>
    <row r="44" spans="1:4" ht="18" customHeight="1" x14ac:dyDescent="0.15">
      <c r="A44" s="5">
        <v>32</v>
      </c>
      <c r="B44" s="22">
        <v>18</v>
      </c>
      <c r="C44" s="14">
        <v>21</v>
      </c>
      <c r="D44" s="18">
        <v>39</v>
      </c>
    </row>
    <row r="45" spans="1:4" ht="18" customHeight="1" x14ac:dyDescent="0.15">
      <c r="A45" s="5">
        <v>33</v>
      </c>
      <c r="B45" s="22">
        <v>13</v>
      </c>
      <c r="C45" s="14">
        <v>15</v>
      </c>
      <c r="D45" s="18">
        <v>28</v>
      </c>
    </row>
    <row r="46" spans="1:4" ht="18" customHeight="1" x14ac:dyDescent="0.15">
      <c r="A46" s="5">
        <v>34</v>
      </c>
      <c r="B46" s="22">
        <v>16</v>
      </c>
      <c r="C46" s="14">
        <v>20</v>
      </c>
      <c r="D46" s="18">
        <v>36</v>
      </c>
    </row>
    <row r="47" spans="1:4" ht="18" customHeight="1" x14ac:dyDescent="0.15">
      <c r="A47" s="5" t="s">
        <v>15</v>
      </c>
      <c r="B47" s="22">
        <v>89</v>
      </c>
      <c r="C47" s="14">
        <v>103</v>
      </c>
      <c r="D47" s="18">
        <v>192</v>
      </c>
    </row>
    <row r="48" spans="1:4" ht="18" customHeight="1" x14ac:dyDescent="0.15">
      <c r="A48" s="5">
        <v>35</v>
      </c>
      <c r="B48" s="22">
        <v>20</v>
      </c>
      <c r="C48" s="14">
        <v>20</v>
      </c>
      <c r="D48" s="18">
        <v>40</v>
      </c>
    </row>
    <row r="49" spans="1:4" ht="18" customHeight="1" x14ac:dyDescent="0.15">
      <c r="A49" s="5">
        <v>36</v>
      </c>
      <c r="B49" s="22">
        <v>27</v>
      </c>
      <c r="C49" s="14">
        <v>16</v>
      </c>
      <c r="D49" s="18">
        <v>43</v>
      </c>
    </row>
    <row r="50" spans="1:4" ht="18" customHeight="1" x14ac:dyDescent="0.15">
      <c r="A50" s="5">
        <v>37</v>
      </c>
      <c r="B50" s="22">
        <v>27</v>
      </c>
      <c r="C50" s="14">
        <v>21</v>
      </c>
      <c r="D50" s="18">
        <v>48</v>
      </c>
    </row>
    <row r="51" spans="1:4" ht="18" customHeight="1" x14ac:dyDescent="0.15">
      <c r="A51" s="5">
        <v>38</v>
      </c>
      <c r="B51" s="22">
        <v>24</v>
      </c>
      <c r="C51" s="14">
        <v>19</v>
      </c>
      <c r="D51" s="18">
        <v>43</v>
      </c>
    </row>
    <row r="52" spans="1:4" ht="18" customHeight="1" x14ac:dyDescent="0.15">
      <c r="A52" s="5">
        <v>39</v>
      </c>
      <c r="B52" s="22">
        <v>29</v>
      </c>
      <c r="C52" s="14">
        <v>24</v>
      </c>
      <c r="D52" s="18">
        <v>53</v>
      </c>
    </row>
    <row r="53" spans="1:4" ht="18" customHeight="1" x14ac:dyDescent="0.15">
      <c r="A53" s="5" t="s">
        <v>18</v>
      </c>
      <c r="B53" s="22">
        <v>127</v>
      </c>
      <c r="C53" s="14">
        <v>100</v>
      </c>
      <c r="D53" s="18">
        <v>227</v>
      </c>
    </row>
    <row r="54" spans="1:4" ht="18" customHeight="1" x14ac:dyDescent="0.15">
      <c r="A54" s="5">
        <v>40</v>
      </c>
      <c r="B54" s="22">
        <v>28</v>
      </c>
      <c r="C54" s="14">
        <v>26</v>
      </c>
      <c r="D54" s="18">
        <v>54</v>
      </c>
    </row>
    <row r="55" spans="1:4" ht="18" customHeight="1" x14ac:dyDescent="0.15">
      <c r="A55" s="5">
        <v>41</v>
      </c>
      <c r="B55" s="22">
        <v>20</v>
      </c>
      <c r="C55" s="14">
        <v>25</v>
      </c>
      <c r="D55" s="18">
        <v>45</v>
      </c>
    </row>
    <row r="56" spans="1:4" ht="18" customHeight="1" x14ac:dyDescent="0.15">
      <c r="A56" s="5">
        <v>42</v>
      </c>
      <c r="B56" s="22">
        <v>22</v>
      </c>
      <c r="C56" s="14">
        <v>12</v>
      </c>
      <c r="D56" s="18">
        <v>34</v>
      </c>
    </row>
    <row r="57" spans="1:4" ht="18" customHeight="1" x14ac:dyDescent="0.15">
      <c r="A57" s="5">
        <v>43</v>
      </c>
      <c r="B57" s="22">
        <v>27</v>
      </c>
      <c r="C57" s="14">
        <v>30</v>
      </c>
      <c r="D57" s="18">
        <v>57</v>
      </c>
    </row>
    <row r="58" spans="1:4" ht="18" customHeight="1" x14ac:dyDescent="0.15">
      <c r="A58" s="5">
        <v>44</v>
      </c>
      <c r="B58" s="22">
        <v>19</v>
      </c>
      <c r="C58" s="14">
        <v>22</v>
      </c>
      <c r="D58" s="18">
        <v>41</v>
      </c>
    </row>
    <row r="59" spans="1:4" ht="18" customHeight="1" x14ac:dyDescent="0.15">
      <c r="A59" s="5" t="s">
        <v>21</v>
      </c>
      <c r="B59" s="22">
        <v>116</v>
      </c>
      <c r="C59" s="14">
        <v>115</v>
      </c>
      <c r="D59" s="18">
        <v>231</v>
      </c>
    </row>
    <row r="60" spans="1:4" ht="18" customHeight="1" x14ac:dyDescent="0.15">
      <c r="A60" s="5">
        <v>45</v>
      </c>
      <c r="B60" s="22">
        <v>27</v>
      </c>
      <c r="C60" s="14">
        <v>20</v>
      </c>
      <c r="D60" s="18">
        <v>47</v>
      </c>
    </row>
    <row r="61" spans="1:4" ht="18" customHeight="1" x14ac:dyDescent="0.15">
      <c r="A61" s="5">
        <v>46</v>
      </c>
      <c r="B61" s="22">
        <v>25</v>
      </c>
      <c r="C61" s="14">
        <v>29</v>
      </c>
      <c r="D61" s="18">
        <v>54</v>
      </c>
    </row>
    <row r="62" spans="1:4" ht="18" customHeight="1" x14ac:dyDescent="0.15">
      <c r="A62" s="5">
        <v>47</v>
      </c>
      <c r="B62" s="22">
        <v>29</v>
      </c>
      <c r="C62" s="14">
        <v>27</v>
      </c>
      <c r="D62" s="18">
        <v>56</v>
      </c>
    </row>
    <row r="63" spans="1:4" ht="18" customHeight="1" x14ac:dyDescent="0.15">
      <c r="A63" s="5">
        <v>48</v>
      </c>
      <c r="B63" s="22">
        <v>45</v>
      </c>
      <c r="C63" s="14">
        <v>26</v>
      </c>
      <c r="D63" s="18">
        <v>71</v>
      </c>
    </row>
    <row r="64" spans="1:4" ht="18" customHeight="1" x14ac:dyDescent="0.15">
      <c r="A64" s="5">
        <v>49</v>
      </c>
      <c r="B64" s="22">
        <v>27</v>
      </c>
      <c r="C64" s="14">
        <v>25</v>
      </c>
      <c r="D64" s="18">
        <v>52</v>
      </c>
    </row>
    <row r="65" spans="1:4" ht="18" customHeight="1" x14ac:dyDescent="0.15">
      <c r="A65" s="5" t="s">
        <v>17</v>
      </c>
      <c r="B65" s="22">
        <v>153</v>
      </c>
      <c r="C65" s="14">
        <v>127</v>
      </c>
      <c r="D65" s="18">
        <v>280</v>
      </c>
    </row>
    <row r="66" spans="1:4" ht="18" customHeight="1" x14ac:dyDescent="0.15">
      <c r="A66" s="5">
        <v>50</v>
      </c>
      <c r="B66" s="22">
        <v>34</v>
      </c>
      <c r="C66" s="14">
        <v>31</v>
      </c>
      <c r="D66" s="18">
        <v>65</v>
      </c>
    </row>
    <row r="67" spans="1:4" ht="18" customHeight="1" x14ac:dyDescent="0.15">
      <c r="A67" s="5">
        <v>51</v>
      </c>
      <c r="B67" s="22">
        <v>33</v>
      </c>
      <c r="C67" s="14">
        <v>33</v>
      </c>
      <c r="D67" s="18">
        <v>66</v>
      </c>
    </row>
    <row r="68" spans="1:4" ht="18" customHeight="1" x14ac:dyDescent="0.15">
      <c r="A68" s="5">
        <v>52</v>
      </c>
      <c r="B68" s="22">
        <v>37</v>
      </c>
      <c r="C68" s="14">
        <v>33</v>
      </c>
      <c r="D68" s="18">
        <v>70</v>
      </c>
    </row>
    <row r="69" spans="1:4" ht="18" customHeight="1" x14ac:dyDescent="0.15">
      <c r="A69" s="5">
        <v>53</v>
      </c>
      <c r="B69" s="22">
        <v>21</v>
      </c>
      <c r="C69" s="14">
        <v>18</v>
      </c>
      <c r="D69" s="18">
        <v>39</v>
      </c>
    </row>
    <row r="70" spans="1:4" ht="18" customHeight="1" x14ac:dyDescent="0.15">
      <c r="A70" s="5">
        <v>54</v>
      </c>
      <c r="B70" s="22">
        <v>18</v>
      </c>
      <c r="C70" s="14">
        <v>16</v>
      </c>
      <c r="D70" s="18">
        <v>34</v>
      </c>
    </row>
    <row r="71" spans="1:4" ht="18" customHeight="1" x14ac:dyDescent="0.15">
      <c r="A71" s="5" t="s">
        <v>22</v>
      </c>
      <c r="B71" s="22">
        <v>143</v>
      </c>
      <c r="C71" s="14">
        <v>131</v>
      </c>
      <c r="D71" s="18">
        <v>274</v>
      </c>
    </row>
    <row r="72" spans="1:4" ht="18" customHeight="1" x14ac:dyDescent="0.15">
      <c r="A72" s="5">
        <v>55</v>
      </c>
      <c r="B72" s="22">
        <v>13</v>
      </c>
      <c r="C72" s="14">
        <v>23</v>
      </c>
      <c r="D72" s="18">
        <v>36</v>
      </c>
    </row>
    <row r="73" spans="1:4" ht="18" customHeight="1" x14ac:dyDescent="0.15">
      <c r="A73" s="5">
        <v>56</v>
      </c>
      <c r="B73" s="22">
        <v>24</v>
      </c>
      <c r="C73" s="14">
        <v>28</v>
      </c>
      <c r="D73" s="18">
        <v>52</v>
      </c>
    </row>
    <row r="74" spans="1:4" ht="18" customHeight="1" x14ac:dyDescent="0.15">
      <c r="A74" s="5">
        <v>57</v>
      </c>
      <c r="B74" s="22">
        <v>16</v>
      </c>
      <c r="C74" s="14">
        <v>22</v>
      </c>
      <c r="D74" s="18">
        <v>38</v>
      </c>
    </row>
    <row r="75" spans="1:4" ht="18" customHeight="1" x14ac:dyDescent="0.15">
      <c r="A75" s="5">
        <v>58</v>
      </c>
      <c r="B75" s="22">
        <v>12</v>
      </c>
      <c r="C75" s="14">
        <v>22</v>
      </c>
      <c r="D75" s="18">
        <v>34</v>
      </c>
    </row>
    <row r="76" spans="1:4" ht="18" customHeight="1" x14ac:dyDescent="0.15">
      <c r="A76" s="5">
        <v>59</v>
      </c>
      <c r="B76" s="22">
        <v>22</v>
      </c>
      <c r="C76" s="14">
        <v>10</v>
      </c>
      <c r="D76" s="18">
        <v>32</v>
      </c>
    </row>
    <row r="77" spans="1:4" ht="18" customHeight="1" x14ac:dyDescent="0.15">
      <c r="A77" s="5" t="s">
        <v>27</v>
      </c>
      <c r="B77" s="22">
        <v>87</v>
      </c>
      <c r="C77" s="14">
        <v>105</v>
      </c>
      <c r="D77" s="18">
        <v>192</v>
      </c>
    </row>
    <row r="78" spans="1:4" ht="18" customHeight="1" x14ac:dyDescent="0.15">
      <c r="A78" s="5">
        <v>60</v>
      </c>
      <c r="B78" s="22">
        <v>16</v>
      </c>
      <c r="C78" s="14">
        <v>21</v>
      </c>
      <c r="D78" s="18">
        <v>37</v>
      </c>
    </row>
    <row r="79" spans="1:4" ht="18" customHeight="1" x14ac:dyDescent="0.15">
      <c r="A79" s="5">
        <v>61</v>
      </c>
      <c r="B79" s="22">
        <v>21</v>
      </c>
      <c r="C79" s="14">
        <v>15</v>
      </c>
      <c r="D79" s="18">
        <v>36</v>
      </c>
    </row>
    <row r="80" spans="1:4" ht="18" customHeight="1" x14ac:dyDescent="0.15">
      <c r="A80" s="5">
        <v>62</v>
      </c>
      <c r="B80" s="22">
        <v>16</v>
      </c>
      <c r="C80" s="14">
        <v>22</v>
      </c>
      <c r="D80" s="18">
        <v>38</v>
      </c>
    </row>
    <row r="81" spans="1:4" ht="18" customHeight="1" x14ac:dyDescent="0.15">
      <c r="A81" s="5">
        <v>63</v>
      </c>
      <c r="B81" s="22">
        <v>20</v>
      </c>
      <c r="C81" s="14">
        <v>20</v>
      </c>
      <c r="D81" s="18">
        <v>40</v>
      </c>
    </row>
    <row r="82" spans="1:4" ht="18" customHeight="1" x14ac:dyDescent="0.15">
      <c r="A82" s="5">
        <v>64</v>
      </c>
      <c r="B82" s="22">
        <v>15</v>
      </c>
      <c r="C82" s="14">
        <v>16</v>
      </c>
      <c r="D82" s="18">
        <v>31</v>
      </c>
    </row>
    <row r="83" spans="1:4" ht="18" customHeight="1" x14ac:dyDescent="0.15">
      <c r="A83" s="5" t="s">
        <v>28</v>
      </c>
      <c r="B83" s="22">
        <v>88</v>
      </c>
      <c r="C83" s="14">
        <v>94</v>
      </c>
      <c r="D83" s="18">
        <v>182</v>
      </c>
    </row>
    <row r="84" spans="1:4" ht="18" customHeight="1" x14ac:dyDescent="0.15">
      <c r="A84" s="5" t="s">
        <v>31</v>
      </c>
      <c r="B84" s="22">
        <v>1052</v>
      </c>
      <c r="C84" s="14">
        <v>1033</v>
      </c>
      <c r="D84" s="18">
        <v>2085</v>
      </c>
    </row>
    <row r="85" spans="1:4" ht="18" customHeight="1" x14ac:dyDescent="0.15">
      <c r="A85" s="5">
        <v>65</v>
      </c>
      <c r="B85" s="22">
        <v>20</v>
      </c>
      <c r="C85" s="14">
        <v>20</v>
      </c>
      <c r="D85" s="18">
        <v>40</v>
      </c>
    </row>
    <row r="86" spans="1:4" ht="18" customHeight="1" x14ac:dyDescent="0.15">
      <c r="A86" s="5">
        <v>66</v>
      </c>
      <c r="B86" s="22">
        <v>13</v>
      </c>
      <c r="C86" s="14">
        <v>23</v>
      </c>
      <c r="D86" s="18">
        <v>36</v>
      </c>
    </row>
    <row r="87" spans="1:4" ht="18" customHeight="1" x14ac:dyDescent="0.15">
      <c r="A87" s="5">
        <v>67</v>
      </c>
      <c r="B87" s="22">
        <v>11</v>
      </c>
      <c r="C87" s="14">
        <v>18</v>
      </c>
      <c r="D87" s="18">
        <v>29</v>
      </c>
    </row>
    <row r="88" spans="1:4" ht="18" customHeight="1" x14ac:dyDescent="0.15">
      <c r="A88" s="5">
        <v>68</v>
      </c>
      <c r="B88" s="22">
        <v>12</v>
      </c>
      <c r="C88" s="14">
        <v>31</v>
      </c>
      <c r="D88" s="18">
        <v>43</v>
      </c>
    </row>
    <row r="89" spans="1:4" ht="18" customHeight="1" x14ac:dyDescent="0.15">
      <c r="A89" s="5">
        <v>69</v>
      </c>
      <c r="B89" s="22">
        <v>23</v>
      </c>
      <c r="C89" s="14">
        <v>20</v>
      </c>
      <c r="D89" s="18">
        <v>43</v>
      </c>
    </row>
    <row r="90" spans="1:4" ht="18" customHeight="1" x14ac:dyDescent="0.15">
      <c r="A90" s="5" t="s">
        <v>20</v>
      </c>
      <c r="B90" s="22">
        <v>79</v>
      </c>
      <c r="C90" s="14">
        <v>112</v>
      </c>
      <c r="D90" s="18">
        <v>191</v>
      </c>
    </row>
    <row r="91" spans="1:4" ht="18" customHeight="1" x14ac:dyDescent="0.15">
      <c r="A91" s="5">
        <v>70</v>
      </c>
      <c r="B91" s="22">
        <v>19</v>
      </c>
      <c r="C91" s="14">
        <v>28</v>
      </c>
      <c r="D91" s="18">
        <v>47</v>
      </c>
    </row>
    <row r="92" spans="1:4" ht="18" customHeight="1" x14ac:dyDescent="0.15">
      <c r="A92" s="5">
        <v>71</v>
      </c>
      <c r="B92" s="22">
        <v>21</v>
      </c>
      <c r="C92" s="14">
        <v>18</v>
      </c>
      <c r="D92" s="18">
        <v>39</v>
      </c>
    </row>
    <row r="93" spans="1:4" ht="18" customHeight="1" x14ac:dyDescent="0.15">
      <c r="A93" s="5">
        <v>72</v>
      </c>
      <c r="B93" s="22">
        <v>24</v>
      </c>
      <c r="C93" s="14">
        <v>23</v>
      </c>
      <c r="D93" s="18">
        <v>47</v>
      </c>
    </row>
    <row r="94" spans="1:4" ht="18" customHeight="1" x14ac:dyDescent="0.15">
      <c r="A94" s="5">
        <v>73</v>
      </c>
      <c r="B94" s="22">
        <v>30</v>
      </c>
      <c r="C94" s="14">
        <v>25</v>
      </c>
      <c r="D94" s="18">
        <v>55</v>
      </c>
    </row>
    <row r="95" spans="1:4" ht="18" customHeight="1" x14ac:dyDescent="0.15">
      <c r="A95" s="5">
        <v>74</v>
      </c>
      <c r="B95" s="22">
        <v>23</v>
      </c>
      <c r="C95" s="14">
        <v>40</v>
      </c>
      <c r="D95" s="18">
        <v>63</v>
      </c>
    </row>
    <row r="96" spans="1:4" ht="18" customHeight="1" x14ac:dyDescent="0.15">
      <c r="A96" s="5" t="s">
        <v>33</v>
      </c>
      <c r="B96" s="22">
        <v>117</v>
      </c>
      <c r="C96" s="14">
        <v>134</v>
      </c>
      <c r="D96" s="18">
        <v>251</v>
      </c>
    </row>
    <row r="97" spans="1:4" ht="18" customHeight="1" x14ac:dyDescent="0.15">
      <c r="A97" s="5">
        <v>75</v>
      </c>
      <c r="B97" s="22">
        <v>32</v>
      </c>
      <c r="C97" s="14">
        <v>28</v>
      </c>
      <c r="D97" s="18">
        <v>60</v>
      </c>
    </row>
    <row r="98" spans="1:4" ht="18" customHeight="1" x14ac:dyDescent="0.15">
      <c r="A98" s="5">
        <v>76</v>
      </c>
      <c r="B98" s="22">
        <v>30</v>
      </c>
      <c r="C98" s="14">
        <v>30</v>
      </c>
      <c r="D98" s="18">
        <v>60</v>
      </c>
    </row>
    <row r="99" spans="1:4" ht="18" customHeight="1" x14ac:dyDescent="0.15">
      <c r="A99" s="5">
        <v>77</v>
      </c>
      <c r="B99" s="22">
        <v>33</v>
      </c>
      <c r="C99" s="14">
        <v>40</v>
      </c>
      <c r="D99" s="18">
        <v>73</v>
      </c>
    </row>
    <row r="100" spans="1:4" ht="18" customHeight="1" x14ac:dyDescent="0.15">
      <c r="A100" s="5">
        <v>78</v>
      </c>
      <c r="B100" s="22">
        <v>31</v>
      </c>
      <c r="C100" s="14">
        <v>30</v>
      </c>
      <c r="D100" s="18">
        <v>61</v>
      </c>
    </row>
    <row r="101" spans="1:4" ht="18" customHeight="1" x14ac:dyDescent="0.15">
      <c r="A101" s="5">
        <v>79</v>
      </c>
      <c r="B101" s="22">
        <v>26</v>
      </c>
      <c r="C101" s="14">
        <v>31</v>
      </c>
      <c r="D101" s="18">
        <v>57</v>
      </c>
    </row>
    <row r="102" spans="1:4" ht="18" customHeight="1" x14ac:dyDescent="0.15">
      <c r="A102" s="5" t="s">
        <v>0</v>
      </c>
      <c r="B102" s="22">
        <v>152</v>
      </c>
      <c r="C102" s="14">
        <v>159</v>
      </c>
      <c r="D102" s="18">
        <v>311</v>
      </c>
    </row>
    <row r="103" spans="1:4" ht="18" customHeight="1" x14ac:dyDescent="0.15">
      <c r="A103" s="5">
        <v>80</v>
      </c>
      <c r="B103" s="22">
        <v>11</v>
      </c>
      <c r="C103" s="14">
        <v>16</v>
      </c>
      <c r="D103" s="18">
        <v>27</v>
      </c>
    </row>
    <row r="104" spans="1:4" ht="18" customHeight="1" x14ac:dyDescent="0.15">
      <c r="A104" s="5">
        <v>81</v>
      </c>
      <c r="B104" s="22">
        <v>14</v>
      </c>
      <c r="C104" s="14">
        <v>12</v>
      </c>
      <c r="D104" s="18">
        <v>26</v>
      </c>
    </row>
    <row r="105" spans="1:4" ht="18" customHeight="1" x14ac:dyDescent="0.15">
      <c r="A105" s="5">
        <v>82</v>
      </c>
      <c r="B105" s="22">
        <v>14</v>
      </c>
      <c r="C105" s="14">
        <v>17</v>
      </c>
      <c r="D105" s="18">
        <v>31</v>
      </c>
    </row>
    <row r="106" spans="1:4" ht="18" customHeight="1" x14ac:dyDescent="0.15">
      <c r="A106" s="5">
        <v>83</v>
      </c>
      <c r="B106" s="22">
        <v>15</v>
      </c>
      <c r="C106" s="14">
        <v>18</v>
      </c>
      <c r="D106" s="18">
        <v>33</v>
      </c>
    </row>
    <row r="107" spans="1:4" ht="18" customHeight="1" x14ac:dyDescent="0.15">
      <c r="A107" s="5">
        <v>84</v>
      </c>
      <c r="B107" s="22">
        <v>13</v>
      </c>
      <c r="C107" s="14">
        <v>16</v>
      </c>
      <c r="D107" s="18">
        <v>29</v>
      </c>
    </row>
    <row r="108" spans="1:4" ht="18" customHeight="1" x14ac:dyDescent="0.15">
      <c r="A108" s="5" t="s">
        <v>35</v>
      </c>
      <c r="B108" s="22">
        <v>67</v>
      </c>
      <c r="C108" s="14">
        <v>79</v>
      </c>
      <c r="D108" s="18">
        <v>146</v>
      </c>
    </row>
    <row r="109" spans="1:4" ht="18" customHeight="1" x14ac:dyDescent="0.15">
      <c r="A109" s="5">
        <v>85</v>
      </c>
      <c r="B109" s="22">
        <v>14</v>
      </c>
      <c r="C109" s="14">
        <v>12</v>
      </c>
      <c r="D109" s="18">
        <v>26</v>
      </c>
    </row>
    <row r="110" spans="1:4" ht="18" customHeight="1" x14ac:dyDescent="0.15">
      <c r="A110" s="5">
        <v>86</v>
      </c>
      <c r="B110" s="22">
        <v>10</v>
      </c>
      <c r="C110" s="14">
        <v>15</v>
      </c>
      <c r="D110" s="18">
        <v>25</v>
      </c>
    </row>
    <row r="111" spans="1:4" ht="18" customHeight="1" x14ac:dyDescent="0.15">
      <c r="A111" s="5">
        <v>87</v>
      </c>
      <c r="B111" s="22">
        <v>4</v>
      </c>
      <c r="C111" s="14">
        <v>10</v>
      </c>
      <c r="D111" s="18">
        <v>14</v>
      </c>
    </row>
    <row r="112" spans="1:4" ht="18" customHeight="1" x14ac:dyDescent="0.15">
      <c r="A112" s="5">
        <v>88</v>
      </c>
      <c r="B112" s="22">
        <v>5</v>
      </c>
      <c r="C112" s="14">
        <v>3</v>
      </c>
      <c r="D112" s="18">
        <v>8</v>
      </c>
    </row>
    <row r="113" spans="1:4" ht="18" customHeight="1" x14ac:dyDescent="0.15">
      <c r="A113" s="5">
        <v>89</v>
      </c>
      <c r="B113" s="22">
        <v>4</v>
      </c>
      <c r="C113" s="14">
        <v>11</v>
      </c>
      <c r="D113" s="18">
        <v>15</v>
      </c>
    </row>
    <row r="114" spans="1:4" ht="18" customHeight="1" x14ac:dyDescent="0.15">
      <c r="A114" s="5" t="s">
        <v>37</v>
      </c>
      <c r="B114" s="22">
        <v>37</v>
      </c>
      <c r="C114" s="14">
        <v>51</v>
      </c>
      <c r="D114" s="18">
        <v>88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9</v>
      </c>
      <c r="C120" s="14">
        <v>32</v>
      </c>
      <c r="D120" s="18">
        <v>41</v>
      </c>
    </row>
    <row r="121" spans="1:4" ht="18" customHeight="1" x14ac:dyDescent="0.15">
      <c r="A121" s="5">
        <v>95</v>
      </c>
      <c r="B121" s="22">
        <v>3</v>
      </c>
      <c r="C121" s="14">
        <v>2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2</v>
      </c>
      <c r="C123" s="14">
        <v>2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7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0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469</v>
      </c>
      <c r="C130" s="14">
        <v>576</v>
      </c>
      <c r="D130" s="18">
        <v>1045</v>
      </c>
    </row>
    <row r="131" spans="1:4" ht="18" customHeight="1" x14ac:dyDescent="0.15">
      <c r="A131" s="7" t="s">
        <v>45</v>
      </c>
      <c r="B131" s="23">
        <v>1784</v>
      </c>
      <c r="C131" s="15">
        <v>1818</v>
      </c>
      <c r="D131" s="19">
        <v>360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7</v>
      </c>
      <c r="C5" s="29">
        <v>7</v>
      </c>
      <c r="D5" s="31">
        <v>14</v>
      </c>
    </row>
    <row r="6" spans="1:4" ht="18" customHeight="1" x14ac:dyDescent="0.15">
      <c r="A6" s="5">
        <v>1</v>
      </c>
      <c r="B6" s="27">
        <v>6</v>
      </c>
      <c r="C6" s="14">
        <v>9</v>
      </c>
      <c r="D6" s="18">
        <v>15</v>
      </c>
    </row>
    <row r="7" spans="1:4" ht="18" customHeight="1" x14ac:dyDescent="0.15">
      <c r="A7" s="5">
        <v>2</v>
      </c>
      <c r="B7" s="27">
        <v>8</v>
      </c>
      <c r="C7" s="14">
        <v>6</v>
      </c>
      <c r="D7" s="18">
        <v>14</v>
      </c>
    </row>
    <row r="8" spans="1:4" ht="18" customHeight="1" x14ac:dyDescent="0.15">
      <c r="A8" s="5">
        <v>3</v>
      </c>
      <c r="B8" s="27">
        <v>6</v>
      </c>
      <c r="C8" s="14">
        <v>10</v>
      </c>
      <c r="D8" s="18">
        <v>16</v>
      </c>
    </row>
    <row r="9" spans="1:4" ht="18" customHeight="1" x14ac:dyDescent="0.15">
      <c r="A9" s="5">
        <v>4</v>
      </c>
      <c r="B9" s="28">
        <v>8</v>
      </c>
      <c r="C9" s="30">
        <v>13</v>
      </c>
      <c r="D9" s="32">
        <v>21</v>
      </c>
    </row>
    <row r="10" spans="1:4" ht="18" customHeight="1" x14ac:dyDescent="0.15">
      <c r="A10" s="5" t="s">
        <v>7</v>
      </c>
      <c r="B10" s="22">
        <v>35</v>
      </c>
      <c r="C10" s="14">
        <v>45</v>
      </c>
      <c r="D10" s="18">
        <v>80</v>
      </c>
    </row>
    <row r="11" spans="1:4" ht="18" customHeight="1" x14ac:dyDescent="0.15">
      <c r="A11" s="5">
        <v>5</v>
      </c>
      <c r="B11" s="27">
        <v>7</v>
      </c>
      <c r="C11" s="14">
        <v>18</v>
      </c>
      <c r="D11" s="18">
        <v>25</v>
      </c>
    </row>
    <row r="12" spans="1:4" ht="18" customHeight="1" x14ac:dyDescent="0.15">
      <c r="A12" s="5">
        <v>6</v>
      </c>
      <c r="B12" s="27">
        <v>12</v>
      </c>
      <c r="C12" s="14">
        <v>9</v>
      </c>
      <c r="D12" s="18">
        <v>21</v>
      </c>
    </row>
    <row r="13" spans="1:4" ht="18" customHeight="1" x14ac:dyDescent="0.15">
      <c r="A13" s="5">
        <v>7</v>
      </c>
      <c r="B13" s="27">
        <v>11</v>
      </c>
      <c r="C13" s="14">
        <v>4</v>
      </c>
      <c r="D13" s="18">
        <v>15</v>
      </c>
    </row>
    <row r="14" spans="1:4" ht="18" customHeight="1" x14ac:dyDescent="0.15">
      <c r="A14" s="5">
        <v>8</v>
      </c>
      <c r="B14" s="27">
        <v>10</v>
      </c>
      <c r="C14" s="14">
        <v>13</v>
      </c>
      <c r="D14" s="18">
        <v>23</v>
      </c>
    </row>
    <row r="15" spans="1:4" ht="18" customHeight="1" x14ac:dyDescent="0.15">
      <c r="A15" s="5">
        <v>9</v>
      </c>
      <c r="B15" s="27">
        <v>8</v>
      </c>
      <c r="C15" s="14">
        <v>18</v>
      </c>
      <c r="D15" s="18">
        <v>26</v>
      </c>
    </row>
    <row r="16" spans="1:4" ht="18" customHeight="1" x14ac:dyDescent="0.15">
      <c r="A16" s="5" t="s">
        <v>11</v>
      </c>
      <c r="B16" s="22">
        <v>48</v>
      </c>
      <c r="C16" s="14">
        <v>62</v>
      </c>
      <c r="D16" s="18">
        <v>110</v>
      </c>
    </row>
    <row r="17" spans="1:4" ht="18" customHeight="1" x14ac:dyDescent="0.15">
      <c r="A17" s="5">
        <v>10</v>
      </c>
      <c r="B17" s="22">
        <v>17</v>
      </c>
      <c r="C17" s="14">
        <v>12</v>
      </c>
      <c r="D17" s="18">
        <v>29</v>
      </c>
    </row>
    <row r="18" spans="1:4" ht="18" customHeight="1" x14ac:dyDescent="0.15">
      <c r="A18" s="5">
        <v>11</v>
      </c>
      <c r="B18" s="22">
        <v>15</v>
      </c>
      <c r="C18" s="14">
        <v>11</v>
      </c>
      <c r="D18" s="18">
        <v>26</v>
      </c>
    </row>
    <row r="19" spans="1:4" ht="18" customHeight="1" x14ac:dyDescent="0.15">
      <c r="A19" s="5">
        <v>12</v>
      </c>
      <c r="B19" s="22">
        <v>12</v>
      </c>
      <c r="C19" s="14">
        <v>19</v>
      </c>
      <c r="D19" s="18">
        <v>31</v>
      </c>
    </row>
    <row r="20" spans="1:4" ht="18" customHeight="1" x14ac:dyDescent="0.15">
      <c r="A20" s="5">
        <v>13</v>
      </c>
      <c r="B20" s="22">
        <v>18</v>
      </c>
      <c r="C20" s="14">
        <v>18</v>
      </c>
      <c r="D20" s="18">
        <v>36</v>
      </c>
    </row>
    <row r="21" spans="1:4" ht="18" customHeight="1" x14ac:dyDescent="0.15">
      <c r="A21" s="5">
        <v>14</v>
      </c>
      <c r="B21" s="22">
        <v>20</v>
      </c>
      <c r="C21" s="14">
        <v>17</v>
      </c>
      <c r="D21" s="18">
        <v>37</v>
      </c>
    </row>
    <row r="22" spans="1:4" ht="18" customHeight="1" x14ac:dyDescent="0.15">
      <c r="A22" s="5" t="s">
        <v>12</v>
      </c>
      <c r="B22" s="22">
        <v>82</v>
      </c>
      <c r="C22" s="14">
        <v>77</v>
      </c>
      <c r="D22" s="18">
        <v>159</v>
      </c>
    </row>
    <row r="23" spans="1:4" ht="18" customHeight="1" x14ac:dyDescent="0.15">
      <c r="A23" s="5" t="s">
        <v>6</v>
      </c>
      <c r="B23" s="22">
        <v>165</v>
      </c>
      <c r="C23" s="14">
        <v>184</v>
      </c>
      <c r="D23" s="18">
        <v>349</v>
      </c>
    </row>
    <row r="24" spans="1:4" ht="18" customHeight="1" x14ac:dyDescent="0.15">
      <c r="A24" s="5">
        <v>15</v>
      </c>
      <c r="B24" s="22">
        <v>13</v>
      </c>
      <c r="C24" s="14">
        <v>17</v>
      </c>
      <c r="D24" s="18">
        <v>30</v>
      </c>
    </row>
    <row r="25" spans="1:4" ht="18" customHeight="1" x14ac:dyDescent="0.15">
      <c r="A25" s="5">
        <v>16</v>
      </c>
      <c r="B25" s="22">
        <v>19</v>
      </c>
      <c r="C25" s="14">
        <v>18</v>
      </c>
      <c r="D25" s="18">
        <v>37</v>
      </c>
    </row>
    <row r="26" spans="1:4" ht="18" customHeight="1" x14ac:dyDescent="0.15">
      <c r="A26" s="5">
        <v>17</v>
      </c>
      <c r="B26" s="22">
        <v>25</v>
      </c>
      <c r="C26" s="14">
        <v>14</v>
      </c>
      <c r="D26" s="18">
        <v>39</v>
      </c>
    </row>
    <row r="27" spans="1:4" ht="18" customHeight="1" x14ac:dyDescent="0.15">
      <c r="A27" s="5">
        <v>18</v>
      </c>
      <c r="B27" s="22">
        <v>18</v>
      </c>
      <c r="C27" s="14">
        <v>11</v>
      </c>
      <c r="D27" s="18">
        <v>29</v>
      </c>
    </row>
    <row r="28" spans="1:4" ht="18" customHeight="1" x14ac:dyDescent="0.15">
      <c r="A28" s="5">
        <v>19</v>
      </c>
      <c r="B28" s="22">
        <v>19</v>
      </c>
      <c r="C28" s="14">
        <v>16</v>
      </c>
      <c r="D28" s="18">
        <v>35</v>
      </c>
    </row>
    <row r="29" spans="1:4" ht="18" customHeight="1" x14ac:dyDescent="0.15">
      <c r="A29" s="5" t="s">
        <v>14</v>
      </c>
      <c r="B29" s="22">
        <v>94</v>
      </c>
      <c r="C29" s="14">
        <v>76</v>
      </c>
      <c r="D29" s="18">
        <v>170</v>
      </c>
    </row>
    <row r="30" spans="1:4" ht="18" customHeight="1" x14ac:dyDescent="0.15">
      <c r="A30" s="5">
        <v>20</v>
      </c>
      <c r="B30" s="22">
        <v>19</v>
      </c>
      <c r="C30" s="14">
        <v>12</v>
      </c>
      <c r="D30" s="18">
        <v>31</v>
      </c>
    </row>
    <row r="31" spans="1:4" ht="18" customHeight="1" x14ac:dyDescent="0.15">
      <c r="A31" s="5">
        <v>21</v>
      </c>
      <c r="B31" s="22">
        <v>20</v>
      </c>
      <c r="C31" s="14">
        <v>14</v>
      </c>
      <c r="D31" s="18">
        <v>34</v>
      </c>
    </row>
    <row r="32" spans="1:4" ht="18" customHeight="1" x14ac:dyDescent="0.15">
      <c r="A32" s="5">
        <v>22</v>
      </c>
      <c r="B32" s="22">
        <v>23</v>
      </c>
      <c r="C32" s="14">
        <v>10</v>
      </c>
      <c r="D32" s="18">
        <v>33</v>
      </c>
    </row>
    <row r="33" spans="1:4" ht="18" customHeight="1" x14ac:dyDescent="0.15">
      <c r="A33" s="5">
        <v>23</v>
      </c>
      <c r="B33" s="22">
        <v>12</v>
      </c>
      <c r="C33" s="14">
        <v>13</v>
      </c>
      <c r="D33" s="18">
        <v>25</v>
      </c>
    </row>
    <row r="34" spans="1:4" ht="18" customHeight="1" x14ac:dyDescent="0.15">
      <c r="A34" s="5">
        <v>24</v>
      </c>
      <c r="B34" s="22">
        <v>10</v>
      </c>
      <c r="C34" s="14">
        <v>15</v>
      </c>
      <c r="D34" s="18">
        <v>25</v>
      </c>
    </row>
    <row r="35" spans="1:4" ht="18" customHeight="1" x14ac:dyDescent="0.15">
      <c r="A35" s="5" t="s">
        <v>9</v>
      </c>
      <c r="B35" s="22">
        <v>84</v>
      </c>
      <c r="C35" s="14">
        <v>64</v>
      </c>
      <c r="D35" s="18">
        <v>148</v>
      </c>
    </row>
    <row r="36" spans="1:4" ht="18" customHeight="1" x14ac:dyDescent="0.15">
      <c r="A36" s="5">
        <v>25</v>
      </c>
      <c r="B36" s="22">
        <v>19</v>
      </c>
      <c r="C36" s="14">
        <v>14</v>
      </c>
      <c r="D36" s="18">
        <v>33</v>
      </c>
    </row>
    <row r="37" spans="1:4" ht="18" customHeight="1" x14ac:dyDescent="0.15">
      <c r="A37" s="5">
        <v>26</v>
      </c>
      <c r="B37" s="22">
        <v>14</v>
      </c>
      <c r="C37" s="14">
        <v>16</v>
      </c>
      <c r="D37" s="18">
        <v>30</v>
      </c>
    </row>
    <row r="38" spans="1:4" ht="18" customHeight="1" x14ac:dyDescent="0.15">
      <c r="A38" s="5">
        <v>27</v>
      </c>
      <c r="B38" s="22">
        <v>6</v>
      </c>
      <c r="C38" s="14">
        <v>13</v>
      </c>
      <c r="D38" s="18">
        <v>19</v>
      </c>
    </row>
    <row r="39" spans="1:4" ht="18" customHeight="1" x14ac:dyDescent="0.15">
      <c r="A39" s="5">
        <v>28</v>
      </c>
      <c r="B39" s="22">
        <v>15</v>
      </c>
      <c r="C39" s="14">
        <v>13</v>
      </c>
      <c r="D39" s="18">
        <v>28</v>
      </c>
    </row>
    <row r="40" spans="1:4" ht="18" customHeight="1" x14ac:dyDescent="0.15">
      <c r="A40" s="5">
        <v>29</v>
      </c>
      <c r="B40" s="22">
        <v>19</v>
      </c>
      <c r="C40" s="14">
        <v>19</v>
      </c>
      <c r="D40" s="18">
        <v>38</v>
      </c>
    </row>
    <row r="41" spans="1:4" ht="18" customHeight="1" x14ac:dyDescent="0.15">
      <c r="A41" s="5" t="s">
        <v>2</v>
      </c>
      <c r="B41" s="22">
        <v>73</v>
      </c>
      <c r="C41" s="14">
        <v>75</v>
      </c>
      <c r="D41" s="18">
        <v>148</v>
      </c>
    </row>
    <row r="42" spans="1:4" ht="18" customHeight="1" x14ac:dyDescent="0.15">
      <c r="A42" s="5">
        <v>30</v>
      </c>
      <c r="B42" s="22">
        <v>8</v>
      </c>
      <c r="C42" s="14">
        <v>7</v>
      </c>
      <c r="D42" s="18">
        <v>15</v>
      </c>
    </row>
    <row r="43" spans="1:4" ht="18" customHeight="1" x14ac:dyDescent="0.15">
      <c r="A43" s="5">
        <v>31</v>
      </c>
      <c r="B43" s="22">
        <v>19</v>
      </c>
      <c r="C43" s="14">
        <v>20</v>
      </c>
      <c r="D43" s="18">
        <v>39</v>
      </c>
    </row>
    <row r="44" spans="1:4" ht="18" customHeight="1" x14ac:dyDescent="0.15">
      <c r="A44" s="5">
        <v>32</v>
      </c>
      <c r="B44" s="22">
        <v>15</v>
      </c>
      <c r="C44" s="14">
        <v>14</v>
      </c>
      <c r="D44" s="18">
        <v>29</v>
      </c>
    </row>
    <row r="45" spans="1:4" ht="18" customHeight="1" x14ac:dyDescent="0.15">
      <c r="A45" s="5">
        <v>33</v>
      </c>
      <c r="B45" s="22">
        <v>16</v>
      </c>
      <c r="C45" s="14">
        <v>7</v>
      </c>
      <c r="D45" s="18">
        <v>23</v>
      </c>
    </row>
    <row r="46" spans="1:4" ht="18" customHeight="1" x14ac:dyDescent="0.15">
      <c r="A46" s="5">
        <v>34</v>
      </c>
      <c r="B46" s="22">
        <v>12</v>
      </c>
      <c r="C46" s="14">
        <v>18</v>
      </c>
      <c r="D46" s="18">
        <v>30</v>
      </c>
    </row>
    <row r="47" spans="1:4" ht="18" customHeight="1" x14ac:dyDescent="0.15">
      <c r="A47" s="5" t="s">
        <v>15</v>
      </c>
      <c r="B47" s="22">
        <v>70</v>
      </c>
      <c r="C47" s="14">
        <v>66</v>
      </c>
      <c r="D47" s="18">
        <v>136</v>
      </c>
    </row>
    <row r="48" spans="1:4" ht="18" customHeight="1" x14ac:dyDescent="0.15">
      <c r="A48" s="5">
        <v>35</v>
      </c>
      <c r="B48" s="22">
        <v>18</v>
      </c>
      <c r="C48" s="14">
        <v>12</v>
      </c>
      <c r="D48" s="18">
        <v>30</v>
      </c>
    </row>
    <row r="49" spans="1:4" ht="18" customHeight="1" x14ac:dyDescent="0.15">
      <c r="A49" s="5">
        <v>36</v>
      </c>
      <c r="B49" s="22">
        <v>19</v>
      </c>
      <c r="C49" s="14">
        <v>16</v>
      </c>
      <c r="D49" s="18">
        <v>35</v>
      </c>
    </row>
    <row r="50" spans="1:4" ht="18" customHeight="1" x14ac:dyDescent="0.15">
      <c r="A50" s="5">
        <v>37</v>
      </c>
      <c r="B50" s="22">
        <v>17</v>
      </c>
      <c r="C50" s="14">
        <v>20</v>
      </c>
      <c r="D50" s="18">
        <v>37</v>
      </c>
    </row>
    <row r="51" spans="1:4" ht="18" customHeight="1" x14ac:dyDescent="0.15">
      <c r="A51" s="5">
        <v>38</v>
      </c>
      <c r="B51" s="22">
        <v>15</v>
      </c>
      <c r="C51" s="14">
        <v>17</v>
      </c>
      <c r="D51" s="18">
        <v>32</v>
      </c>
    </row>
    <row r="52" spans="1:4" ht="18" customHeight="1" x14ac:dyDescent="0.15">
      <c r="A52" s="5">
        <v>39</v>
      </c>
      <c r="B52" s="22">
        <v>19</v>
      </c>
      <c r="C52" s="14">
        <v>21</v>
      </c>
      <c r="D52" s="18">
        <v>40</v>
      </c>
    </row>
    <row r="53" spans="1:4" ht="18" customHeight="1" x14ac:dyDescent="0.15">
      <c r="A53" s="5" t="s">
        <v>18</v>
      </c>
      <c r="B53" s="22">
        <v>88</v>
      </c>
      <c r="C53" s="14">
        <v>86</v>
      </c>
      <c r="D53" s="18">
        <v>174</v>
      </c>
    </row>
    <row r="54" spans="1:4" ht="18" customHeight="1" x14ac:dyDescent="0.15">
      <c r="A54" s="5">
        <v>40</v>
      </c>
      <c r="B54" s="22">
        <v>25</v>
      </c>
      <c r="C54" s="14">
        <v>17</v>
      </c>
      <c r="D54" s="18">
        <v>42</v>
      </c>
    </row>
    <row r="55" spans="1:4" ht="18" customHeight="1" x14ac:dyDescent="0.15">
      <c r="A55" s="5">
        <v>41</v>
      </c>
      <c r="B55" s="22">
        <v>19</v>
      </c>
      <c r="C55" s="14">
        <v>14</v>
      </c>
      <c r="D55" s="18">
        <v>33</v>
      </c>
    </row>
    <row r="56" spans="1:4" ht="18" customHeight="1" x14ac:dyDescent="0.15">
      <c r="A56" s="5">
        <v>42</v>
      </c>
      <c r="B56" s="22">
        <v>14</v>
      </c>
      <c r="C56" s="14">
        <v>17</v>
      </c>
      <c r="D56" s="18">
        <v>31</v>
      </c>
    </row>
    <row r="57" spans="1:4" ht="18" customHeight="1" x14ac:dyDescent="0.15">
      <c r="A57" s="5">
        <v>43</v>
      </c>
      <c r="B57" s="22">
        <v>17</v>
      </c>
      <c r="C57" s="14">
        <v>14</v>
      </c>
      <c r="D57" s="18">
        <v>31</v>
      </c>
    </row>
    <row r="58" spans="1:4" ht="18" customHeight="1" x14ac:dyDescent="0.15">
      <c r="A58" s="5">
        <v>44</v>
      </c>
      <c r="B58" s="22">
        <v>23</v>
      </c>
      <c r="C58" s="14">
        <v>22</v>
      </c>
      <c r="D58" s="18">
        <v>45</v>
      </c>
    </row>
    <row r="59" spans="1:4" ht="18" customHeight="1" x14ac:dyDescent="0.15">
      <c r="A59" s="5" t="s">
        <v>21</v>
      </c>
      <c r="B59" s="22">
        <v>98</v>
      </c>
      <c r="C59" s="14">
        <v>84</v>
      </c>
      <c r="D59" s="18">
        <v>182</v>
      </c>
    </row>
    <row r="60" spans="1:4" ht="18" customHeight="1" x14ac:dyDescent="0.15">
      <c r="A60" s="5">
        <v>45</v>
      </c>
      <c r="B60" s="22">
        <v>21</v>
      </c>
      <c r="C60" s="14">
        <v>13</v>
      </c>
      <c r="D60" s="18">
        <v>34</v>
      </c>
    </row>
    <row r="61" spans="1:4" ht="18" customHeight="1" x14ac:dyDescent="0.15">
      <c r="A61" s="5">
        <v>46</v>
      </c>
      <c r="B61" s="22">
        <v>26</v>
      </c>
      <c r="C61" s="14">
        <v>26</v>
      </c>
      <c r="D61" s="18">
        <v>52</v>
      </c>
    </row>
    <row r="62" spans="1:4" ht="18" customHeight="1" x14ac:dyDescent="0.15">
      <c r="A62" s="5">
        <v>47</v>
      </c>
      <c r="B62" s="22">
        <v>31</v>
      </c>
      <c r="C62" s="14">
        <v>21</v>
      </c>
      <c r="D62" s="18">
        <v>52</v>
      </c>
    </row>
    <row r="63" spans="1:4" ht="18" customHeight="1" x14ac:dyDescent="0.15">
      <c r="A63" s="5">
        <v>48</v>
      </c>
      <c r="B63" s="22">
        <v>21</v>
      </c>
      <c r="C63" s="14">
        <v>27</v>
      </c>
      <c r="D63" s="18">
        <v>48</v>
      </c>
    </row>
    <row r="64" spans="1:4" ht="18" customHeight="1" x14ac:dyDescent="0.15">
      <c r="A64" s="5">
        <v>49</v>
      </c>
      <c r="B64" s="22">
        <v>19</v>
      </c>
      <c r="C64" s="14">
        <v>21</v>
      </c>
      <c r="D64" s="18">
        <v>40</v>
      </c>
    </row>
    <row r="65" spans="1:4" ht="18" customHeight="1" x14ac:dyDescent="0.15">
      <c r="A65" s="5" t="s">
        <v>17</v>
      </c>
      <c r="B65" s="22">
        <v>118</v>
      </c>
      <c r="C65" s="14">
        <v>108</v>
      </c>
      <c r="D65" s="18">
        <v>226</v>
      </c>
    </row>
    <row r="66" spans="1:4" ht="18" customHeight="1" x14ac:dyDescent="0.15">
      <c r="A66" s="5">
        <v>50</v>
      </c>
      <c r="B66" s="22">
        <v>29</v>
      </c>
      <c r="C66" s="14">
        <v>21</v>
      </c>
      <c r="D66" s="18">
        <v>50</v>
      </c>
    </row>
    <row r="67" spans="1:4" ht="18" customHeight="1" x14ac:dyDescent="0.15">
      <c r="A67" s="5">
        <v>51</v>
      </c>
      <c r="B67" s="22">
        <v>21</v>
      </c>
      <c r="C67" s="14">
        <v>41</v>
      </c>
      <c r="D67" s="18">
        <v>62</v>
      </c>
    </row>
    <row r="68" spans="1:4" ht="18" customHeight="1" x14ac:dyDescent="0.15">
      <c r="A68" s="5">
        <v>52</v>
      </c>
      <c r="B68" s="22">
        <v>30</v>
      </c>
      <c r="C68" s="14">
        <v>31</v>
      </c>
      <c r="D68" s="18">
        <v>61</v>
      </c>
    </row>
    <row r="69" spans="1:4" ht="18" customHeight="1" x14ac:dyDescent="0.15">
      <c r="A69" s="5">
        <v>53</v>
      </c>
      <c r="B69" s="22">
        <v>22</v>
      </c>
      <c r="C69" s="14">
        <v>22</v>
      </c>
      <c r="D69" s="18">
        <v>44</v>
      </c>
    </row>
    <row r="70" spans="1:4" ht="18" customHeight="1" x14ac:dyDescent="0.15">
      <c r="A70" s="5">
        <v>54</v>
      </c>
      <c r="B70" s="22">
        <v>31</v>
      </c>
      <c r="C70" s="14">
        <v>29</v>
      </c>
      <c r="D70" s="18">
        <v>60</v>
      </c>
    </row>
    <row r="71" spans="1:4" ht="18" customHeight="1" x14ac:dyDescent="0.15">
      <c r="A71" s="5" t="s">
        <v>22</v>
      </c>
      <c r="B71" s="22">
        <v>133</v>
      </c>
      <c r="C71" s="14">
        <v>144</v>
      </c>
      <c r="D71" s="18">
        <v>277</v>
      </c>
    </row>
    <row r="72" spans="1:4" ht="18" customHeight="1" x14ac:dyDescent="0.15">
      <c r="A72" s="5">
        <v>55</v>
      </c>
      <c r="B72" s="22">
        <v>23</v>
      </c>
      <c r="C72" s="14">
        <v>17</v>
      </c>
      <c r="D72" s="18">
        <v>40</v>
      </c>
    </row>
    <row r="73" spans="1:4" ht="18" customHeight="1" x14ac:dyDescent="0.15">
      <c r="A73" s="5">
        <v>56</v>
      </c>
      <c r="B73" s="22">
        <v>30</v>
      </c>
      <c r="C73" s="14">
        <v>28</v>
      </c>
      <c r="D73" s="18">
        <v>58</v>
      </c>
    </row>
    <row r="74" spans="1:4" ht="18" customHeight="1" x14ac:dyDescent="0.15">
      <c r="A74" s="5">
        <v>57</v>
      </c>
      <c r="B74" s="22">
        <v>27</v>
      </c>
      <c r="C74" s="14">
        <v>25</v>
      </c>
      <c r="D74" s="18">
        <v>52</v>
      </c>
    </row>
    <row r="75" spans="1:4" ht="18" customHeight="1" x14ac:dyDescent="0.15">
      <c r="A75" s="5">
        <v>58</v>
      </c>
      <c r="B75" s="22">
        <v>23</v>
      </c>
      <c r="C75" s="14">
        <v>29</v>
      </c>
      <c r="D75" s="18">
        <v>52</v>
      </c>
    </row>
    <row r="76" spans="1:4" ht="18" customHeight="1" x14ac:dyDescent="0.15">
      <c r="A76" s="5">
        <v>59</v>
      </c>
      <c r="B76" s="22">
        <v>24</v>
      </c>
      <c r="C76" s="14">
        <v>22</v>
      </c>
      <c r="D76" s="18">
        <v>46</v>
      </c>
    </row>
    <row r="77" spans="1:4" ht="18" customHeight="1" x14ac:dyDescent="0.15">
      <c r="A77" s="5" t="s">
        <v>27</v>
      </c>
      <c r="B77" s="22">
        <v>127</v>
      </c>
      <c r="C77" s="14">
        <v>121</v>
      </c>
      <c r="D77" s="18">
        <v>248</v>
      </c>
    </row>
    <row r="78" spans="1:4" ht="18" customHeight="1" x14ac:dyDescent="0.15">
      <c r="A78" s="5">
        <v>60</v>
      </c>
      <c r="B78" s="22">
        <v>28</v>
      </c>
      <c r="C78" s="14">
        <v>25</v>
      </c>
      <c r="D78" s="18">
        <v>53</v>
      </c>
    </row>
    <row r="79" spans="1:4" ht="18" customHeight="1" x14ac:dyDescent="0.15">
      <c r="A79" s="5">
        <v>61</v>
      </c>
      <c r="B79" s="22">
        <v>30</v>
      </c>
      <c r="C79" s="14">
        <v>22</v>
      </c>
      <c r="D79" s="18">
        <v>52</v>
      </c>
    </row>
    <row r="80" spans="1:4" ht="18" customHeight="1" x14ac:dyDescent="0.15">
      <c r="A80" s="5">
        <v>62</v>
      </c>
      <c r="B80" s="22">
        <v>28</v>
      </c>
      <c r="C80" s="14">
        <v>33</v>
      </c>
      <c r="D80" s="18">
        <v>61</v>
      </c>
    </row>
    <row r="81" spans="1:4" ht="18" customHeight="1" x14ac:dyDescent="0.15">
      <c r="A81" s="5">
        <v>63</v>
      </c>
      <c r="B81" s="22">
        <v>16</v>
      </c>
      <c r="C81" s="14">
        <v>33</v>
      </c>
      <c r="D81" s="18">
        <v>49</v>
      </c>
    </row>
    <row r="82" spans="1:4" ht="18" customHeight="1" x14ac:dyDescent="0.15">
      <c r="A82" s="5">
        <v>64</v>
      </c>
      <c r="B82" s="22">
        <v>21</v>
      </c>
      <c r="C82" s="14">
        <v>27</v>
      </c>
      <c r="D82" s="18">
        <v>48</v>
      </c>
    </row>
    <row r="83" spans="1:4" ht="18" customHeight="1" x14ac:dyDescent="0.15">
      <c r="A83" s="5" t="s">
        <v>28</v>
      </c>
      <c r="B83" s="22">
        <v>123</v>
      </c>
      <c r="C83" s="14">
        <v>140</v>
      </c>
      <c r="D83" s="18">
        <v>263</v>
      </c>
    </row>
    <row r="84" spans="1:4" ht="18" customHeight="1" x14ac:dyDescent="0.15">
      <c r="A84" s="5" t="s">
        <v>31</v>
      </c>
      <c r="B84" s="22">
        <v>1008</v>
      </c>
      <c r="C84" s="14">
        <v>964</v>
      </c>
      <c r="D84" s="18">
        <v>1972</v>
      </c>
    </row>
    <row r="85" spans="1:4" ht="18" customHeight="1" x14ac:dyDescent="0.15">
      <c r="A85" s="5">
        <v>65</v>
      </c>
      <c r="B85" s="22">
        <v>25</v>
      </c>
      <c r="C85" s="14">
        <v>23</v>
      </c>
      <c r="D85" s="18">
        <v>48</v>
      </c>
    </row>
    <row r="86" spans="1:4" ht="18" customHeight="1" x14ac:dyDescent="0.15">
      <c r="A86" s="5">
        <v>66</v>
      </c>
      <c r="B86" s="22">
        <v>26</v>
      </c>
      <c r="C86" s="14">
        <v>11</v>
      </c>
      <c r="D86" s="18">
        <v>37</v>
      </c>
    </row>
    <row r="87" spans="1:4" ht="18" customHeight="1" x14ac:dyDescent="0.15">
      <c r="A87" s="5">
        <v>67</v>
      </c>
      <c r="B87" s="22">
        <v>23</v>
      </c>
      <c r="C87" s="14">
        <v>28</v>
      </c>
      <c r="D87" s="18">
        <v>51</v>
      </c>
    </row>
    <row r="88" spans="1:4" ht="18" customHeight="1" x14ac:dyDescent="0.15">
      <c r="A88" s="5">
        <v>68</v>
      </c>
      <c r="B88" s="22">
        <v>24</v>
      </c>
      <c r="C88" s="14">
        <v>27</v>
      </c>
      <c r="D88" s="18">
        <v>51</v>
      </c>
    </row>
    <row r="89" spans="1:4" ht="18" customHeight="1" x14ac:dyDescent="0.15">
      <c r="A89" s="5">
        <v>69</v>
      </c>
      <c r="B89" s="22">
        <v>21</v>
      </c>
      <c r="C89" s="14">
        <v>27</v>
      </c>
      <c r="D89" s="18">
        <v>48</v>
      </c>
    </row>
    <row r="90" spans="1:4" ht="18" customHeight="1" x14ac:dyDescent="0.15">
      <c r="A90" s="5" t="s">
        <v>20</v>
      </c>
      <c r="B90" s="22">
        <v>119</v>
      </c>
      <c r="C90" s="14">
        <v>116</v>
      </c>
      <c r="D90" s="18">
        <v>235</v>
      </c>
    </row>
    <row r="91" spans="1:4" ht="18" customHeight="1" x14ac:dyDescent="0.15">
      <c r="A91" s="5">
        <v>70</v>
      </c>
      <c r="B91" s="22">
        <v>32</v>
      </c>
      <c r="C91" s="14">
        <v>31</v>
      </c>
      <c r="D91" s="18">
        <v>63</v>
      </c>
    </row>
    <row r="92" spans="1:4" ht="18" customHeight="1" x14ac:dyDescent="0.15">
      <c r="A92" s="5">
        <v>71</v>
      </c>
      <c r="B92" s="22">
        <v>28</v>
      </c>
      <c r="C92" s="14">
        <v>32</v>
      </c>
      <c r="D92" s="18">
        <v>60</v>
      </c>
    </row>
    <row r="93" spans="1:4" ht="18" customHeight="1" x14ac:dyDescent="0.15">
      <c r="A93" s="5">
        <v>72</v>
      </c>
      <c r="B93" s="22">
        <v>21</v>
      </c>
      <c r="C93" s="14">
        <v>28</v>
      </c>
      <c r="D93" s="18">
        <v>49</v>
      </c>
    </row>
    <row r="94" spans="1:4" ht="18" customHeight="1" x14ac:dyDescent="0.15">
      <c r="A94" s="5">
        <v>73</v>
      </c>
      <c r="B94" s="22">
        <v>20</v>
      </c>
      <c r="C94" s="14">
        <v>31</v>
      </c>
      <c r="D94" s="18">
        <v>51</v>
      </c>
    </row>
    <row r="95" spans="1:4" ht="18" customHeight="1" x14ac:dyDescent="0.15">
      <c r="A95" s="5">
        <v>74</v>
      </c>
      <c r="B95" s="22">
        <v>33</v>
      </c>
      <c r="C95" s="14">
        <v>25</v>
      </c>
      <c r="D95" s="18">
        <v>58</v>
      </c>
    </row>
    <row r="96" spans="1:4" ht="18" customHeight="1" x14ac:dyDescent="0.15">
      <c r="A96" s="5" t="s">
        <v>33</v>
      </c>
      <c r="B96" s="22">
        <v>134</v>
      </c>
      <c r="C96" s="14">
        <v>147</v>
      </c>
      <c r="D96" s="18">
        <v>281</v>
      </c>
    </row>
    <row r="97" spans="1:4" ht="18" customHeight="1" x14ac:dyDescent="0.15">
      <c r="A97" s="5">
        <v>75</v>
      </c>
      <c r="B97" s="22">
        <v>33</v>
      </c>
      <c r="C97" s="14">
        <v>23</v>
      </c>
      <c r="D97" s="18">
        <v>56</v>
      </c>
    </row>
    <row r="98" spans="1:4" ht="18" customHeight="1" x14ac:dyDescent="0.15">
      <c r="A98" s="5">
        <v>76</v>
      </c>
      <c r="B98" s="22">
        <v>20</v>
      </c>
      <c r="C98" s="14">
        <v>43</v>
      </c>
      <c r="D98" s="18">
        <v>63</v>
      </c>
    </row>
    <row r="99" spans="1:4" ht="18" customHeight="1" x14ac:dyDescent="0.15">
      <c r="A99" s="5">
        <v>77</v>
      </c>
      <c r="B99" s="22">
        <v>36</v>
      </c>
      <c r="C99" s="14">
        <v>41</v>
      </c>
      <c r="D99" s="18">
        <v>77</v>
      </c>
    </row>
    <row r="100" spans="1:4" ht="18" customHeight="1" x14ac:dyDescent="0.15">
      <c r="A100" s="5">
        <v>78</v>
      </c>
      <c r="B100" s="22">
        <v>30</v>
      </c>
      <c r="C100" s="14">
        <v>28</v>
      </c>
      <c r="D100" s="18">
        <v>58</v>
      </c>
    </row>
    <row r="101" spans="1:4" ht="18" customHeight="1" x14ac:dyDescent="0.15">
      <c r="A101" s="5">
        <v>79</v>
      </c>
      <c r="B101" s="22">
        <v>35</v>
      </c>
      <c r="C101" s="14">
        <v>33</v>
      </c>
      <c r="D101" s="18">
        <v>68</v>
      </c>
    </row>
    <row r="102" spans="1:4" ht="18" customHeight="1" x14ac:dyDescent="0.15">
      <c r="A102" s="5" t="s">
        <v>0</v>
      </c>
      <c r="B102" s="22">
        <v>154</v>
      </c>
      <c r="C102" s="14">
        <v>168</v>
      </c>
      <c r="D102" s="18">
        <v>322</v>
      </c>
    </row>
    <row r="103" spans="1:4" ht="18" customHeight="1" x14ac:dyDescent="0.15">
      <c r="A103" s="5">
        <v>80</v>
      </c>
      <c r="B103" s="22">
        <v>19</v>
      </c>
      <c r="C103" s="14">
        <v>11</v>
      </c>
      <c r="D103" s="18">
        <v>30</v>
      </c>
    </row>
    <row r="104" spans="1:4" ht="18" customHeight="1" x14ac:dyDescent="0.15">
      <c r="A104" s="5">
        <v>81</v>
      </c>
      <c r="B104" s="22">
        <v>12</v>
      </c>
      <c r="C104" s="14">
        <v>22</v>
      </c>
      <c r="D104" s="18">
        <v>34</v>
      </c>
    </row>
    <row r="105" spans="1:4" ht="18" customHeight="1" x14ac:dyDescent="0.15">
      <c r="A105" s="5">
        <v>82</v>
      </c>
      <c r="B105" s="22">
        <v>26</v>
      </c>
      <c r="C105" s="14">
        <v>28</v>
      </c>
      <c r="D105" s="18">
        <v>54</v>
      </c>
    </row>
    <row r="106" spans="1:4" ht="18" customHeight="1" x14ac:dyDescent="0.15">
      <c r="A106" s="5">
        <v>83</v>
      </c>
      <c r="B106" s="22">
        <v>11</v>
      </c>
      <c r="C106" s="14">
        <v>26</v>
      </c>
      <c r="D106" s="18">
        <v>37</v>
      </c>
    </row>
    <row r="107" spans="1:4" ht="18" customHeight="1" x14ac:dyDescent="0.15">
      <c r="A107" s="5">
        <v>84</v>
      </c>
      <c r="B107" s="22">
        <v>15</v>
      </c>
      <c r="C107" s="14">
        <v>26</v>
      </c>
      <c r="D107" s="18">
        <v>41</v>
      </c>
    </row>
    <row r="108" spans="1:4" ht="18" customHeight="1" x14ac:dyDescent="0.15">
      <c r="A108" s="5" t="s">
        <v>35</v>
      </c>
      <c r="B108" s="22">
        <v>83</v>
      </c>
      <c r="C108" s="14">
        <v>113</v>
      </c>
      <c r="D108" s="18">
        <v>196</v>
      </c>
    </row>
    <row r="109" spans="1:4" ht="18" customHeight="1" x14ac:dyDescent="0.15">
      <c r="A109" s="5">
        <v>85</v>
      </c>
      <c r="B109" s="22">
        <v>12</v>
      </c>
      <c r="C109" s="14">
        <v>19</v>
      </c>
      <c r="D109" s="18">
        <v>31</v>
      </c>
    </row>
    <row r="110" spans="1:4" ht="18" customHeight="1" x14ac:dyDescent="0.15">
      <c r="A110" s="5">
        <v>86</v>
      </c>
      <c r="B110" s="22">
        <v>15</v>
      </c>
      <c r="C110" s="14">
        <v>17</v>
      </c>
      <c r="D110" s="18">
        <v>32</v>
      </c>
    </row>
    <row r="111" spans="1:4" ht="18" customHeight="1" x14ac:dyDescent="0.15">
      <c r="A111" s="5">
        <v>87</v>
      </c>
      <c r="B111" s="22">
        <v>6</v>
      </c>
      <c r="C111" s="14">
        <v>14</v>
      </c>
      <c r="D111" s="18">
        <v>20</v>
      </c>
    </row>
    <row r="112" spans="1:4" ht="18" customHeight="1" x14ac:dyDescent="0.15">
      <c r="A112" s="5">
        <v>88</v>
      </c>
      <c r="B112" s="22">
        <v>9</v>
      </c>
      <c r="C112" s="14">
        <v>13</v>
      </c>
      <c r="D112" s="18">
        <v>22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48</v>
      </c>
      <c r="C114" s="14">
        <v>75</v>
      </c>
      <c r="D114" s="18">
        <v>123</v>
      </c>
    </row>
    <row r="115" spans="1:4" ht="18" customHeight="1" x14ac:dyDescent="0.15">
      <c r="A115" s="5">
        <v>90</v>
      </c>
      <c r="B115" s="22">
        <v>11</v>
      </c>
      <c r="C115" s="14">
        <v>10</v>
      </c>
      <c r="D115" s="18">
        <v>21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2</v>
      </c>
      <c r="D117" s="18">
        <v>15</v>
      </c>
    </row>
    <row r="118" spans="1:4" ht="18" customHeight="1" x14ac:dyDescent="0.15">
      <c r="A118" s="5">
        <v>93</v>
      </c>
      <c r="B118" s="22">
        <v>1</v>
      </c>
      <c r="C118" s="14">
        <v>12</v>
      </c>
      <c r="D118" s="18">
        <v>13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19</v>
      </c>
      <c r="C120" s="14">
        <v>54</v>
      </c>
      <c r="D120" s="18">
        <v>73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15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64</v>
      </c>
      <c r="C130" s="14">
        <v>692</v>
      </c>
      <c r="D130" s="18">
        <v>1256</v>
      </c>
    </row>
    <row r="131" spans="1:4" ht="18" customHeight="1" x14ac:dyDescent="0.15">
      <c r="A131" s="7" t="s">
        <v>45</v>
      </c>
      <c r="B131" s="23">
        <v>1737</v>
      </c>
      <c r="C131" s="15">
        <v>1840</v>
      </c>
      <c r="D131" s="19">
        <v>357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0</v>
      </c>
      <c r="D5" s="17">
        <v>26</v>
      </c>
    </row>
    <row r="6" spans="1:4" ht="18" customHeight="1" x14ac:dyDescent="0.15">
      <c r="A6" s="5">
        <v>1</v>
      </c>
      <c r="B6" s="22">
        <v>6</v>
      </c>
      <c r="C6" s="14">
        <v>4</v>
      </c>
      <c r="D6" s="18">
        <v>10</v>
      </c>
    </row>
    <row r="7" spans="1:4" ht="18" customHeight="1" x14ac:dyDescent="0.15">
      <c r="A7" s="5">
        <v>2</v>
      </c>
      <c r="B7" s="22">
        <v>4</v>
      </c>
      <c r="C7" s="14">
        <v>8</v>
      </c>
      <c r="D7" s="18">
        <v>12</v>
      </c>
    </row>
    <row r="8" spans="1:4" ht="18" customHeight="1" x14ac:dyDescent="0.15">
      <c r="A8" s="5">
        <v>3</v>
      </c>
      <c r="B8" s="22">
        <v>10</v>
      </c>
      <c r="C8" s="14">
        <v>13</v>
      </c>
      <c r="D8" s="18">
        <v>23</v>
      </c>
    </row>
    <row r="9" spans="1:4" ht="18" customHeight="1" x14ac:dyDescent="0.15">
      <c r="A9" s="5">
        <v>4</v>
      </c>
      <c r="B9" s="22">
        <v>8</v>
      </c>
      <c r="C9" s="14">
        <v>13</v>
      </c>
      <c r="D9" s="18">
        <v>21</v>
      </c>
    </row>
    <row r="10" spans="1:4" ht="18" customHeight="1" x14ac:dyDescent="0.15">
      <c r="A10" s="5" t="s">
        <v>7</v>
      </c>
      <c r="B10" s="22">
        <v>44</v>
      </c>
      <c r="C10" s="14">
        <v>48</v>
      </c>
      <c r="D10" s="18">
        <v>92</v>
      </c>
    </row>
    <row r="11" spans="1:4" ht="18" customHeight="1" x14ac:dyDescent="0.15">
      <c r="A11" s="5">
        <v>5</v>
      </c>
      <c r="B11" s="22">
        <v>18</v>
      </c>
      <c r="C11" s="14">
        <v>8</v>
      </c>
      <c r="D11" s="18">
        <v>26</v>
      </c>
    </row>
    <row r="12" spans="1:4" ht="18" customHeight="1" x14ac:dyDescent="0.15">
      <c r="A12" s="5">
        <v>6</v>
      </c>
      <c r="B12" s="22">
        <v>17</v>
      </c>
      <c r="C12" s="14">
        <v>7</v>
      </c>
      <c r="D12" s="18">
        <v>24</v>
      </c>
    </row>
    <row r="13" spans="1:4" ht="18" customHeight="1" x14ac:dyDescent="0.15">
      <c r="A13" s="5">
        <v>7</v>
      </c>
      <c r="B13" s="22">
        <v>10</v>
      </c>
      <c r="C13" s="14">
        <v>16</v>
      </c>
      <c r="D13" s="18">
        <v>26</v>
      </c>
    </row>
    <row r="14" spans="1:4" ht="18" customHeight="1" x14ac:dyDescent="0.15">
      <c r="A14" s="5">
        <v>8</v>
      </c>
      <c r="B14" s="22">
        <v>13</v>
      </c>
      <c r="C14" s="14">
        <v>12</v>
      </c>
      <c r="D14" s="18">
        <v>25</v>
      </c>
    </row>
    <row r="15" spans="1:4" ht="18" customHeight="1" x14ac:dyDescent="0.15">
      <c r="A15" s="5">
        <v>9</v>
      </c>
      <c r="B15" s="22">
        <v>19</v>
      </c>
      <c r="C15" s="14">
        <v>12</v>
      </c>
      <c r="D15" s="18">
        <v>31</v>
      </c>
    </row>
    <row r="16" spans="1:4" ht="18" customHeight="1" x14ac:dyDescent="0.15">
      <c r="A16" s="5" t="s">
        <v>11</v>
      </c>
      <c r="B16" s="22">
        <v>77</v>
      </c>
      <c r="C16" s="14">
        <v>55</v>
      </c>
      <c r="D16" s="18">
        <v>132</v>
      </c>
    </row>
    <row r="17" spans="1:4" ht="18" customHeight="1" x14ac:dyDescent="0.15">
      <c r="A17" s="5">
        <v>10</v>
      </c>
      <c r="B17" s="22">
        <v>14</v>
      </c>
      <c r="C17" s="14">
        <v>15</v>
      </c>
      <c r="D17" s="18">
        <v>29</v>
      </c>
    </row>
    <row r="18" spans="1:4" ht="18" customHeight="1" x14ac:dyDescent="0.15">
      <c r="A18" s="5">
        <v>11</v>
      </c>
      <c r="B18" s="22">
        <v>12</v>
      </c>
      <c r="C18" s="14">
        <v>21</v>
      </c>
      <c r="D18" s="18">
        <v>33</v>
      </c>
    </row>
    <row r="19" spans="1:4" ht="18" customHeight="1" x14ac:dyDescent="0.15">
      <c r="A19" s="5">
        <v>12</v>
      </c>
      <c r="B19" s="22">
        <v>15</v>
      </c>
      <c r="C19" s="14">
        <v>15</v>
      </c>
      <c r="D19" s="18">
        <v>30</v>
      </c>
    </row>
    <row r="20" spans="1:4" ht="18" customHeight="1" x14ac:dyDescent="0.15">
      <c r="A20" s="5">
        <v>13</v>
      </c>
      <c r="B20" s="22">
        <v>19</v>
      </c>
      <c r="C20" s="14">
        <v>6</v>
      </c>
      <c r="D20" s="18">
        <v>25</v>
      </c>
    </row>
    <row r="21" spans="1:4" ht="18" customHeight="1" x14ac:dyDescent="0.15">
      <c r="A21" s="5">
        <v>14</v>
      </c>
      <c r="B21" s="22">
        <v>23</v>
      </c>
      <c r="C21" s="14">
        <v>11</v>
      </c>
      <c r="D21" s="18">
        <v>34</v>
      </c>
    </row>
    <row r="22" spans="1:4" ht="18" customHeight="1" x14ac:dyDescent="0.15">
      <c r="A22" s="5" t="s">
        <v>12</v>
      </c>
      <c r="B22" s="22">
        <v>83</v>
      </c>
      <c r="C22" s="14">
        <v>68</v>
      </c>
      <c r="D22" s="18">
        <v>151</v>
      </c>
    </row>
    <row r="23" spans="1:4" ht="18" customHeight="1" x14ac:dyDescent="0.15">
      <c r="A23" s="5" t="s">
        <v>6</v>
      </c>
      <c r="B23" s="22">
        <v>204</v>
      </c>
      <c r="C23" s="14">
        <v>171</v>
      </c>
      <c r="D23" s="18">
        <v>375</v>
      </c>
    </row>
    <row r="24" spans="1:4" ht="18" customHeight="1" x14ac:dyDescent="0.15">
      <c r="A24" s="5">
        <v>15</v>
      </c>
      <c r="B24" s="22">
        <v>17</v>
      </c>
      <c r="C24" s="14">
        <v>16</v>
      </c>
      <c r="D24" s="18">
        <v>33</v>
      </c>
    </row>
    <row r="25" spans="1:4" ht="18" customHeight="1" x14ac:dyDescent="0.15">
      <c r="A25" s="5">
        <v>16</v>
      </c>
      <c r="B25" s="22">
        <v>12</v>
      </c>
      <c r="C25" s="14">
        <v>11</v>
      </c>
      <c r="D25" s="18">
        <v>23</v>
      </c>
    </row>
    <row r="26" spans="1:4" ht="18" customHeight="1" x14ac:dyDescent="0.15">
      <c r="A26" s="5">
        <v>17</v>
      </c>
      <c r="B26" s="22">
        <v>28</v>
      </c>
      <c r="C26" s="14">
        <v>9</v>
      </c>
      <c r="D26" s="18">
        <v>37</v>
      </c>
    </row>
    <row r="27" spans="1:4" ht="18" customHeight="1" x14ac:dyDescent="0.15">
      <c r="A27" s="5">
        <v>18</v>
      </c>
      <c r="B27" s="22">
        <v>14</v>
      </c>
      <c r="C27" s="14">
        <v>10</v>
      </c>
      <c r="D27" s="18">
        <v>24</v>
      </c>
    </row>
    <row r="28" spans="1:4" ht="18" customHeight="1" x14ac:dyDescent="0.15">
      <c r="A28" s="5">
        <v>19</v>
      </c>
      <c r="B28" s="22">
        <v>16</v>
      </c>
      <c r="C28" s="14">
        <v>10</v>
      </c>
      <c r="D28" s="18">
        <v>26</v>
      </c>
    </row>
    <row r="29" spans="1:4" ht="18" customHeight="1" x14ac:dyDescent="0.15">
      <c r="A29" s="5" t="s">
        <v>14</v>
      </c>
      <c r="B29" s="22">
        <v>87</v>
      </c>
      <c r="C29" s="14">
        <v>56</v>
      </c>
      <c r="D29" s="18">
        <v>143</v>
      </c>
    </row>
    <row r="30" spans="1:4" ht="18" customHeight="1" x14ac:dyDescent="0.15">
      <c r="A30" s="5">
        <v>20</v>
      </c>
      <c r="B30" s="22">
        <v>9</v>
      </c>
      <c r="C30" s="14">
        <v>13</v>
      </c>
      <c r="D30" s="18">
        <v>22</v>
      </c>
    </row>
    <row r="31" spans="1:4" ht="18" customHeight="1" x14ac:dyDescent="0.15">
      <c r="A31" s="5">
        <v>21</v>
      </c>
      <c r="B31" s="22">
        <v>11</v>
      </c>
      <c r="C31" s="14">
        <v>14</v>
      </c>
      <c r="D31" s="18">
        <v>25</v>
      </c>
    </row>
    <row r="32" spans="1:4" ht="18" customHeight="1" x14ac:dyDescent="0.15">
      <c r="A32" s="5">
        <v>22</v>
      </c>
      <c r="B32" s="22">
        <v>15</v>
      </c>
      <c r="C32" s="14">
        <v>12</v>
      </c>
      <c r="D32" s="18">
        <v>27</v>
      </c>
    </row>
    <row r="33" spans="1:4" ht="18" customHeight="1" x14ac:dyDescent="0.15">
      <c r="A33" s="5">
        <v>23</v>
      </c>
      <c r="B33" s="22">
        <v>14</v>
      </c>
      <c r="C33" s="14">
        <v>14</v>
      </c>
      <c r="D33" s="18">
        <v>28</v>
      </c>
    </row>
    <row r="34" spans="1:4" ht="18" customHeight="1" x14ac:dyDescent="0.15">
      <c r="A34" s="5">
        <v>24</v>
      </c>
      <c r="B34" s="22">
        <v>9</v>
      </c>
      <c r="C34" s="14">
        <v>17</v>
      </c>
      <c r="D34" s="18">
        <v>26</v>
      </c>
    </row>
    <row r="35" spans="1:4" ht="18" customHeight="1" x14ac:dyDescent="0.15">
      <c r="A35" s="5" t="s">
        <v>9</v>
      </c>
      <c r="B35" s="22">
        <v>58</v>
      </c>
      <c r="C35" s="14">
        <v>70</v>
      </c>
      <c r="D35" s="18">
        <v>128</v>
      </c>
    </row>
    <row r="36" spans="1:4" ht="18" customHeight="1" x14ac:dyDescent="0.15">
      <c r="A36" s="5">
        <v>25</v>
      </c>
      <c r="B36" s="22">
        <v>13</v>
      </c>
      <c r="C36" s="14">
        <v>18</v>
      </c>
      <c r="D36" s="18">
        <v>31</v>
      </c>
    </row>
    <row r="37" spans="1:4" ht="18" customHeight="1" x14ac:dyDescent="0.15">
      <c r="A37" s="5">
        <v>26</v>
      </c>
      <c r="B37" s="22">
        <v>12</v>
      </c>
      <c r="C37" s="14">
        <v>7</v>
      </c>
      <c r="D37" s="18">
        <v>19</v>
      </c>
    </row>
    <row r="38" spans="1:4" ht="18" customHeight="1" x14ac:dyDescent="0.15">
      <c r="A38" s="5">
        <v>27</v>
      </c>
      <c r="B38" s="22">
        <v>16</v>
      </c>
      <c r="C38" s="14">
        <v>22</v>
      </c>
      <c r="D38" s="18">
        <v>38</v>
      </c>
    </row>
    <row r="39" spans="1:4" ht="18" customHeight="1" x14ac:dyDescent="0.15">
      <c r="A39" s="5">
        <v>28</v>
      </c>
      <c r="B39" s="22">
        <v>22</v>
      </c>
      <c r="C39" s="14">
        <v>16</v>
      </c>
      <c r="D39" s="18">
        <v>38</v>
      </c>
    </row>
    <row r="40" spans="1:4" ht="18" customHeight="1" x14ac:dyDescent="0.15">
      <c r="A40" s="5">
        <v>29</v>
      </c>
      <c r="B40" s="22">
        <v>10</v>
      </c>
      <c r="C40" s="14">
        <v>18</v>
      </c>
      <c r="D40" s="18">
        <v>28</v>
      </c>
    </row>
    <row r="41" spans="1:4" ht="18" customHeight="1" x14ac:dyDescent="0.15">
      <c r="A41" s="5" t="s">
        <v>2</v>
      </c>
      <c r="B41" s="22">
        <v>73</v>
      </c>
      <c r="C41" s="14">
        <v>81</v>
      </c>
      <c r="D41" s="18">
        <v>154</v>
      </c>
    </row>
    <row r="42" spans="1:4" ht="18" customHeight="1" x14ac:dyDescent="0.15">
      <c r="A42" s="5">
        <v>30</v>
      </c>
      <c r="B42" s="22">
        <v>14</v>
      </c>
      <c r="C42" s="14">
        <v>10</v>
      </c>
      <c r="D42" s="18">
        <v>24</v>
      </c>
    </row>
    <row r="43" spans="1:4" ht="18" customHeight="1" x14ac:dyDescent="0.15">
      <c r="A43" s="5">
        <v>31</v>
      </c>
      <c r="B43" s="22">
        <v>22</v>
      </c>
      <c r="C43" s="14">
        <v>8</v>
      </c>
      <c r="D43" s="18">
        <v>30</v>
      </c>
    </row>
    <row r="44" spans="1:4" ht="18" customHeight="1" x14ac:dyDescent="0.15">
      <c r="A44" s="5">
        <v>32</v>
      </c>
      <c r="B44" s="22">
        <v>20</v>
      </c>
      <c r="C44" s="14">
        <v>14</v>
      </c>
      <c r="D44" s="18">
        <v>34</v>
      </c>
    </row>
    <row r="45" spans="1:4" ht="18" customHeight="1" x14ac:dyDescent="0.15">
      <c r="A45" s="5">
        <v>33</v>
      </c>
      <c r="B45" s="22">
        <v>17</v>
      </c>
      <c r="C45" s="14">
        <v>16</v>
      </c>
      <c r="D45" s="18">
        <v>33</v>
      </c>
    </row>
    <row r="46" spans="1:4" ht="18" customHeight="1" x14ac:dyDescent="0.15">
      <c r="A46" s="5">
        <v>34</v>
      </c>
      <c r="B46" s="22">
        <v>13</v>
      </c>
      <c r="C46" s="14">
        <v>17</v>
      </c>
      <c r="D46" s="18">
        <v>30</v>
      </c>
    </row>
    <row r="47" spans="1:4" ht="18" customHeight="1" x14ac:dyDescent="0.15">
      <c r="A47" s="5" t="s">
        <v>15</v>
      </c>
      <c r="B47" s="22">
        <v>86</v>
      </c>
      <c r="C47" s="14">
        <v>65</v>
      </c>
      <c r="D47" s="18">
        <v>151</v>
      </c>
    </row>
    <row r="48" spans="1:4" ht="18" customHeight="1" x14ac:dyDescent="0.15">
      <c r="A48" s="5">
        <v>35</v>
      </c>
      <c r="B48" s="22">
        <v>17</v>
      </c>
      <c r="C48" s="14">
        <v>14</v>
      </c>
      <c r="D48" s="18">
        <v>31</v>
      </c>
    </row>
    <row r="49" spans="1:4" ht="18" customHeight="1" x14ac:dyDescent="0.15">
      <c r="A49" s="5">
        <v>36</v>
      </c>
      <c r="B49" s="22">
        <v>23</v>
      </c>
      <c r="C49" s="14">
        <v>20</v>
      </c>
      <c r="D49" s="18">
        <v>43</v>
      </c>
    </row>
    <row r="50" spans="1:4" ht="18" customHeight="1" x14ac:dyDescent="0.15">
      <c r="A50" s="5">
        <v>37</v>
      </c>
      <c r="B50" s="22">
        <v>23</v>
      </c>
      <c r="C50" s="14">
        <v>19</v>
      </c>
      <c r="D50" s="18">
        <v>42</v>
      </c>
    </row>
    <row r="51" spans="1:4" ht="18" customHeight="1" x14ac:dyDescent="0.15">
      <c r="A51" s="5">
        <v>38</v>
      </c>
      <c r="B51" s="22">
        <v>26</v>
      </c>
      <c r="C51" s="14">
        <v>24</v>
      </c>
      <c r="D51" s="18">
        <v>50</v>
      </c>
    </row>
    <row r="52" spans="1:4" ht="18" customHeight="1" x14ac:dyDescent="0.15">
      <c r="A52" s="5">
        <v>39</v>
      </c>
      <c r="B52" s="22">
        <v>25</v>
      </c>
      <c r="C52" s="14">
        <v>16</v>
      </c>
      <c r="D52" s="18">
        <v>41</v>
      </c>
    </row>
    <row r="53" spans="1:4" ht="18" customHeight="1" x14ac:dyDescent="0.15">
      <c r="A53" s="5" t="s">
        <v>18</v>
      </c>
      <c r="B53" s="22">
        <v>114</v>
      </c>
      <c r="C53" s="14">
        <v>93</v>
      </c>
      <c r="D53" s="18">
        <v>207</v>
      </c>
    </row>
    <row r="54" spans="1:4" ht="18" customHeight="1" x14ac:dyDescent="0.15">
      <c r="A54" s="5">
        <v>40</v>
      </c>
      <c r="B54" s="22">
        <v>32</v>
      </c>
      <c r="C54" s="14">
        <v>15</v>
      </c>
      <c r="D54" s="18">
        <v>47</v>
      </c>
    </row>
    <row r="55" spans="1:4" ht="18" customHeight="1" x14ac:dyDescent="0.15">
      <c r="A55" s="5">
        <v>41</v>
      </c>
      <c r="B55" s="22">
        <v>23</v>
      </c>
      <c r="C55" s="14">
        <v>20</v>
      </c>
      <c r="D55" s="18">
        <v>43</v>
      </c>
    </row>
    <row r="56" spans="1:4" ht="18" customHeight="1" x14ac:dyDescent="0.15">
      <c r="A56" s="5">
        <v>42</v>
      </c>
      <c r="B56" s="22">
        <v>24</v>
      </c>
      <c r="C56" s="14">
        <v>20</v>
      </c>
      <c r="D56" s="18">
        <v>44</v>
      </c>
    </row>
    <row r="57" spans="1:4" ht="18" customHeight="1" x14ac:dyDescent="0.15">
      <c r="A57" s="5">
        <v>43</v>
      </c>
      <c r="B57" s="22">
        <v>28</v>
      </c>
      <c r="C57" s="14">
        <v>22</v>
      </c>
      <c r="D57" s="18">
        <v>50</v>
      </c>
    </row>
    <row r="58" spans="1:4" ht="18" customHeight="1" x14ac:dyDescent="0.15">
      <c r="A58" s="5">
        <v>44</v>
      </c>
      <c r="B58" s="22">
        <v>38</v>
      </c>
      <c r="C58" s="14">
        <v>34</v>
      </c>
      <c r="D58" s="18">
        <v>72</v>
      </c>
    </row>
    <row r="59" spans="1:4" ht="18" customHeight="1" x14ac:dyDescent="0.15">
      <c r="A59" s="5" t="s">
        <v>21</v>
      </c>
      <c r="B59" s="22">
        <v>145</v>
      </c>
      <c r="C59" s="14">
        <v>111</v>
      </c>
      <c r="D59" s="18">
        <v>256</v>
      </c>
    </row>
    <row r="60" spans="1:4" ht="18" customHeight="1" x14ac:dyDescent="0.15">
      <c r="A60" s="5">
        <v>45</v>
      </c>
      <c r="B60" s="22">
        <v>30</v>
      </c>
      <c r="C60" s="14">
        <v>31</v>
      </c>
      <c r="D60" s="18">
        <v>61</v>
      </c>
    </row>
    <row r="61" spans="1:4" ht="18" customHeight="1" x14ac:dyDescent="0.15">
      <c r="A61" s="5">
        <v>46</v>
      </c>
      <c r="B61" s="22">
        <v>27</v>
      </c>
      <c r="C61" s="14">
        <v>21</v>
      </c>
      <c r="D61" s="18">
        <v>48</v>
      </c>
    </row>
    <row r="62" spans="1:4" ht="18" customHeight="1" x14ac:dyDescent="0.15">
      <c r="A62" s="5">
        <v>47</v>
      </c>
      <c r="B62" s="22">
        <v>14</v>
      </c>
      <c r="C62" s="14">
        <v>25</v>
      </c>
      <c r="D62" s="18">
        <v>39</v>
      </c>
    </row>
    <row r="63" spans="1:4" ht="18" customHeight="1" x14ac:dyDescent="0.15">
      <c r="A63" s="5">
        <v>48</v>
      </c>
      <c r="B63" s="22">
        <v>24</v>
      </c>
      <c r="C63" s="14">
        <v>29</v>
      </c>
      <c r="D63" s="18">
        <v>53</v>
      </c>
    </row>
    <row r="64" spans="1:4" ht="18" customHeight="1" x14ac:dyDescent="0.15">
      <c r="A64" s="5">
        <v>49</v>
      </c>
      <c r="B64" s="22">
        <v>24</v>
      </c>
      <c r="C64" s="14">
        <v>19</v>
      </c>
      <c r="D64" s="18">
        <v>43</v>
      </c>
    </row>
    <row r="65" spans="1:4" ht="18" customHeight="1" x14ac:dyDescent="0.15">
      <c r="A65" s="5" t="s">
        <v>17</v>
      </c>
      <c r="B65" s="22">
        <v>119</v>
      </c>
      <c r="C65" s="14">
        <v>125</v>
      </c>
      <c r="D65" s="18">
        <v>244</v>
      </c>
    </row>
    <row r="66" spans="1:4" ht="18" customHeight="1" x14ac:dyDescent="0.15">
      <c r="A66" s="5">
        <v>50</v>
      </c>
      <c r="B66" s="22">
        <v>34</v>
      </c>
      <c r="C66" s="14">
        <v>39</v>
      </c>
      <c r="D66" s="18">
        <v>73</v>
      </c>
    </row>
    <row r="67" spans="1:4" ht="18" customHeight="1" x14ac:dyDescent="0.15">
      <c r="A67" s="5">
        <v>51</v>
      </c>
      <c r="B67" s="22">
        <v>34</v>
      </c>
      <c r="C67" s="14">
        <v>27</v>
      </c>
      <c r="D67" s="18">
        <v>61</v>
      </c>
    </row>
    <row r="68" spans="1:4" ht="18" customHeight="1" x14ac:dyDescent="0.15">
      <c r="A68" s="5">
        <v>52</v>
      </c>
      <c r="B68" s="22">
        <v>30</v>
      </c>
      <c r="C68" s="14">
        <v>41</v>
      </c>
      <c r="D68" s="18">
        <v>71</v>
      </c>
    </row>
    <row r="69" spans="1:4" ht="18" customHeight="1" x14ac:dyDescent="0.15">
      <c r="A69" s="5">
        <v>53</v>
      </c>
      <c r="B69" s="22">
        <v>23</v>
      </c>
      <c r="C69" s="14">
        <v>25</v>
      </c>
      <c r="D69" s="18">
        <v>48</v>
      </c>
    </row>
    <row r="70" spans="1:4" ht="18" customHeight="1" x14ac:dyDescent="0.15">
      <c r="A70" s="5">
        <v>54</v>
      </c>
      <c r="B70" s="22">
        <v>29</v>
      </c>
      <c r="C70" s="14">
        <v>21</v>
      </c>
      <c r="D70" s="18">
        <v>50</v>
      </c>
    </row>
    <row r="71" spans="1:4" ht="18" customHeight="1" x14ac:dyDescent="0.15">
      <c r="A71" s="5" t="s">
        <v>22</v>
      </c>
      <c r="B71" s="22">
        <v>150</v>
      </c>
      <c r="C71" s="14">
        <v>153</v>
      </c>
      <c r="D71" s="18">
        <v>303</v>
      </c>
    </row>
    <row r="72" spans="1:4" ht="18" customHeight="1" x14ac:dyDescent="0.15">
      <c r="A72" s="5">
        <v>55</v>
      </c>
      <c r="B72" s="22">
        <v>22</v>
      </c>
      <c r="C72" s="14">
        <v>40</v>
      </c>
      <c r="D72" s="18">
        <v>62</v>
      </c>
    </row>
    <row r="73" spans="1:4" ht="18" customHeight="1" x14ac:dyDescent="0.15">
      <c r="A73" s="5">
        <v>56</v>
      </c>
      <c r="B73" s="22">
        <v>23</v>
      </c>
      <c r="C73" s="14">
        <v>25</v>
      </c>
      <c r="D73" s="18">
        <v>48</v>
      </c>
    </row>
    <row r="74" spans="1:4" ht="18" customHeight="1" x14ac:dyDescent="0.15">
      <c r="A74" s="5">
        <v>57</v>
      </c>
      <c r="B74" s="22">
        <v>25</v>
      </c>
      <c r="C74" s="14">
        <v>27</v>
      </c>
      <c r="D74" s="18">
        <v>52</v>
      </c>
    </row>
    <row r="75" spans="1:4" ht="18" customHeight="1" x14ac:dyDescent="0.15">
      <c r="A75" s="5">
        <v>58</v>
      </c>
      <c r="B75" s="22">
        <v>35</v>
      </c>
      <c r="C75" s="14">
        <v>29</v>
      </c>
      <c r="D75" s="18">
        <v>64</v>
      </c>
    </row>
    <row r="76" spans="1:4" ht="18" customHeight="1" x14ac:dyDescent="0.15">
      <c r="A76" s="5">
        <v>59</v>
      </c>
      <c r="B76" s="22">
        <v>31</v>
      </c>
      <c r="C76" s="14">
        <v>22</v>
      </c>
      <c r="D76" s="18">
        <v>53</v>
      </c>
    </row>
    <row r="77" spans="1:4" ht="18" customHeight="1" x14ac:dyDescent="0.15">
      <c r="A77" s="5" t="s">
        <v>27</v>
      </c>
      <c r="B77" s="22">
        <v>136</v>
      </c>
      <c r="C77" s="14">
        <v>143</v>
      </c>
      <c r="D77" s="18">
        <v>279</v>
      </c>
    </row>
    <row r="78" spans="1:4" ht="18" customHeight="1" x14ac:dyDescent="0.15">
      <c r="A78" s="5">
        <v>60</v>
      </c>
      <c r="B78" s="22">
        <v>29</v>
      </c>
      <c r="C78" s="14">
        <v>30</v>
      </c>
      <c r="D78" s="18">
        <v>59</v>
      </c>
    </row>
    <row r="79" spans="1:4" ht="18" customHeight="1" x14ac:dyDescent="0.15">
      <c r="A79" s="5">
        <v>61</v>
      </c>
      <c r="B79" s="22">
        <v>20</v>
      </c>
      <c r="C79" s="14">
        <v>32</v>
      </c>
      <c r="D79" s="18">
        <v>52</v>
      </c>
    </row>
    <row r="80" spans="1:4" ht="18" customHeight="1" x14ac:dyDescent="0.15">
      <c r="A80" s="5">
        <v>62</v>
      </c>
      <c r="B80" s="22">
        <v>31</v>
      </c>
      <c r="C80" s="14">
        <v>21</v>
      </c>
      <c r="D80" s="18">
        <v>52</v>
      </c>
    </row>
    <row r="81" spans="1:4" ht="18" customHeight="1" x14ac:dyDescent="0.15">
      <c r="A81" s="5">
        <v>63</v>
      </c>
      <c r="B81" s="22">
        <v>28</v>
      </c>
      <c r="C81" s="14">
        <v>11</v>
      </c>
      <c r="D81" s="18">
        <v>39</v>
      </c>
    </row>
    <row r="82" spans="1:4" ht="18" customHeight="1" x14ac:dyDescent="0.15">
      <c r="A82" s="5">
        <v>64</v>
      </c>
      <c r="B82" s="22">
        <v>25</v>
      </c>
      <c r="C82" s="14">
        <v>21</v>
      </c>
      <c r="D82" s="18">
        <v>46</v>
      </c>
    </row>
    <row r="83" spans="1:4" ht="18" customHeight="1" x14ac:dyDescent="0.15">
      <c r="A83" s="5" t="s">
        <v>28</v>
      </c>
      <c r="B83" s="22">
        <v>133</v>
      </c>
      <c r="C83" s="14">
        <v>115</v>
      </c>
      <c r="D83" s="18">
        <v>248</v>
      </c>
    </row>
    <row r="84" spans="1:4" ht="18" customHeight="1" x14ac:dyDescent="0.15">
      <c r="A84" s="5" t="s">
        <v>31</v>
      </c>
      <c r="B84" s="22">
        <v>1101</v>
      </c>
      <c r="C84" s="14">
        <v>1012</v>
      </c>
      <c r="D84" s="18">
        <v>2113</v>
      </c>
    </row>
    <row r="85" spans="1:4" ht="18" customHeight="1" x14ac:dyDescent="0.15">
      <c r="A85" s="5">
        <v>65</v>
      </c>
      <c r="B85" s="22">
        <v>28</v>
      </c>
      <c r="C85" s="14">
        <v>37</v>
      </c>
      <c r="D85" s="18">
        <v>65</v>
      </c>
    </row>
    <row r="86" spans="1:4" ht="18" customHeight="1" x14ac:dyDescent="0.15">
      <c r="A86" s="5">
        <v>66</v>
      </c>
      <c r="B86" s="22">
        <v>28</v>
      </c>
      <c r="C86" s="14">
        <v>34</v>
      </c>
      <c r="D86" s="18">
        <v>62</v>
      </c>
    </row>
    <row r="87" spans="1:4" ht="18" customHeight="1" x14ac:dyDescent="0.15">
      <c r="A87" s="5">
        <v>67</v>
      </c>
      <c r="B87" s="22">
        <v>31</v>
      </c>
      <c r="C87" s="14">
        <v>21</v>
      </c>
      <c r="D87" s="18">
        <v>52</v>
      </c>
    </row>
    <row r="88" spans="1:4" ht="18" customHeight="1" x14ac:dyDescent="0.15">
      <c r="A88" s="5">
        <v>68</v>
      </c>
      <c r="B88" s="22">
        <v>24</v>
      </c>
      <c r="C88" s="14">
        <v>21</v>
      </c>
      <c r="D88" s="18">
        <v>45</v>
      </c>
    </row>
    <row r="89" spans="1:4" ht="18" customHeight="1" x14ac:dyDescent="0.15">
      <c r="A89" s="5">
        <v>69</v>
      </c>
      <c r="B89" s="22">
        <v>36</v>
      </c>
      <c r="C89" s="14">
        <v>32</v>
      </c>
      <c r="D89" s="18">
        <v>68</v>
      </c>
    </row>
    <row r="90" spans="1:4" ht="18" customHeight="1" x14ac:dyDescent="0.15">
      <c r="A90" s="5" t="s">
        <v>20</v>
      </c>
      <c r="B90" s="22">
        <v>147</v>
      </c>
      <c r="C90" s="14">
        <v>145</v>
      </c>
      <c r="D90" s="18">
        <v>292</v>
      </c>
    </row>
    <row r="91" spans="1:4" ht="18" customHeight="1" x14ac:dyDescent="0.15">
      <c r="A91" s="5">
        <v>70</v>
      </c>
      <c r="B91" s="22">
        <v>19</v>
      </c>
      <c r="C91" s="14">
        <v>34</v>
      </c>
      <c r="D91" s="18">
        <v>53</v>
      </c>
    </row>
    <row r="92" spans="1:4" ht="18" customHeight="1" x14ac:dyDescent="0.15">
      <c r="A92" s="5">
        <v>71</v>
      </c>
      <c r="B92" s="22">
        <v>29</v>
      </c>
      <c r="C92" s="14">
        <v>24</v>
      </c>
      <c r="D92" s="18">
        <v>53</v>
      </c>
    </row>
    <row r="93" spans="1:4" ht="18" customHeight="1" x14ac:dyDescent="0.15">
      <c r="A93" s="5">
        <v>72</v>
      </c>
      <c r="B93" s="22">
        <v>23</v>
      </c>
      <c r="C93" s="14">
        <v>29</v>
      </c>
      <c r="D93" s="18">
        <v>52</v>
      </c>
    </row>
    <row r="94" spans="1:4" ht="18" customHeight="1" x14ac:dyDescent="0.15">
      <c r="A94" s="5">
        <v>73</v>
      </c>
      <c r="B94" s="22">
        <v>35</v>
      </c>
      <c r="C94" s="14">
        <v>26</v>
      </c>
      <c r="D94" s="18">
        <v>61</v>
      </c>
    </row>
    <row r="95" spans="1:4" ht="18" customHeight="1" x14ac:dyDescent="0.15">
      <c r="A95" s="5">
        <v>74</v>
      </c>
      <c r="B95" s="22">
        <v>30</v>
      </c>
      <c r="C95" s="14">
        <v>28</v>
      </c>
      <c r="D95" s="18">
        <v>58</v>
      </c>
    </row>
    <row r="96" spans="1:4" ht="18" customHeight="1" x14ac:dyDescent="0.15">
      <c r="A96" s="5" t="s">
        <v>33</v>
      </c>
      <c r="B96" s="22">
        <v>136</v>
      </c>
      <c r="C96" s="14">
        <v>141</v>
      </c>
      <c r="D96" s="18">
        <v>277</v>
      </c>
    </row>
    <row r="97" spans="1:4" ht="18" customHeight="1" x14ac:dyDescent="0.15">
      <c r="A97" s="5">
        <v>75</v>
      </c>
      <c r="B97" s="22">
        <v>31</v>
      </c>
      <c r="C97" s="14">
        <v>25</v>
      </c>
      <c r="D97" s="18">
        <v>56</v>
      </c>
    </row>
    <row r="98" spans="1:4" ht="18" customHeight="1" x14ac:dyDescent="0.15">
      <c r="A98" s="5">
        <v>76</v>
      </c>
      <c r="B98" s="22">
        <v>37</v>
      </c>
      <c r="C98" s="14">
        <v>41</v>
      </c>
      <c r="D98" s="18">
        <v>78</v>
      </c>
    </row>
    <row r="99" spans="1:4" ht="18" customHeight="1" x14ac:dyDescent="0.15">
      <c r="A99" s="5">
        <v>77</v>
      </c>
      <c r="B99" s="22">
        <v>27</v>
      </c>
      <c r="C99" s="14">
        <v>32</v>
      </c>
      <c r="D99" s="18">
        <v>59</v>
      </c>
    </row>
    <row r="100" spans="1:4" ht="18" customHeight="1" x14ac:dyDescent="0.15">
      <c r="A100" s="5">
        <v>78</v>
      </c>
      <c r="B100" s="22">
        <v>32</v>
      </c>
      <c r="C100" s="14">
        <v>46</v>
      </c>
      <c r="D100" s="18">
        <v>78</v>
      </c>
    </row>
    <row r="101" spans="1:4" ht="18" customHeight="1" x14ac:dyDescent="0.15">
      <c r="A101" s="5">
        <v>79</v>
      </c>
      <c r="B101" s="22">
        <v>27</v>
      </c>
      <c r="C101" s="14">
        <v>34</v>
      </c>
      <c r="D101" s="18">
        <v>61</v>
      </c>
    </row>
    <row r="102" spans="1:4" ht="18" customHeight="1" x14ac:dyDescent="0.15">
      <c r="A102" s="5" t="s">
        <v>0</v>
      </c>
      <c r="B102" s="22">
        <v>154</v>
      </c>
      <c r="C102" s="14">
        <v>178</v>
      </c>
      <c r="D102" s="18">
        <v>332</v>
      </c>
    </row>
    <row r="103" spans="1:4" ht="18" customHeight="1" x14ac:dyDescent="0.15">
      <c r="A103" s="5">
        <v>80</v>
      </c>
      <c r="B103" s="22">
        <v>13</v>
      </c>
      <c r="C103" s="14">
        <v>18</v>
      </c>
      <c r="D103" s="18">
        <v>31</v>
      </c>
    </row>
    <row r="104" spans="1:4" ht="18" customHeight="1" x14ac:dyDescent="0.15">
      <c r="A104" s="5">
        <v>81</v>
      </c>
      <c r="B104" s="22">
        <v>18</v>
      </c>
      <c r="C104" s="14">
        <v>21</v>
      </c>
      <c r="D104" s="18">
        <v>39</v>
      </c>
    </row>
    <row r="105" spans="1:4" ht="18" customHeight="1" x14ac:dyDescent="0.15">
      <c r="A105" s="5">
        <v>82</v>
      </c>
      <c r="B105" s="22">
        <v>19</v>
      </c>
      <c r="C105" s="14">
        <v>27</v>
      </c>
      <c r="D105" s="18">
        <v>46</v>
      </c>
    </row>
    <row r="106" spans="1:4" ht="18" customHeight="1" x14ac:dyDescent="0.15">
      <c r="A106" s="5">
        <v>83</v>
      </c>
      <c r="B106" s="22">
        <v>15</v>
      </c>
      <c r="C106" s="14">
        <v>36</v>
      </c>
      <c r="D106" s="18">
        <v>51</v>
      </c>
    </row>
    <row r="107" spans="1:4" ht="18" customHeight="1" x14ac:dyDescent="0.15">
      <c r="A107" s="5">
        <v>84</v>
      </c>
      <c r="B107" s="22">
        <v>12</v>
      </c>
      <c r="C107" s="14">
        <v>31</v>
      </c>
      <c r="D107" s="18">
        <v>43</v>
      </c>
    </row>
    <row r="108" spans="1:4" ht="18" customHeight="1" x14ac:dyDescent="0.15">
      <c r="A108" s="5" t="s">
        <v>35</v>
      </c>
      <c r="B108" s="22">
        <v>77</v>
      </c>
      <c r="C108" s="14">
        <v>133</v>
      </c>
      <c r="D108" s="18">
        <v>210</v>
      </c>
    </row>
    <row r="109" spans="1:4" ht="18" customHeight="1" x14ac:dyDescent="0.15">
      <c r="A109" s="5">
        <v>85</v>
      </c>
      <c r="B109" s="22">
        <v>14</v>
      </c>
      <c r="C109" s="14">
        <v>26</v>
      </c>
      <c r="D109" s="18">
        <v>40</v>
      </c>
    </row>
    <row r="110" spans="1:4" ht="18" customHeight="1" x14ac:dyDescent="0.15">
      <c r="A110" s="5">
        <v>86</v>
      </c>
      <c r="B110" s="22">
        <v>7</v>
      </c>
      <c r="C110" s="14">
        <v>16</v>
      </c>
      <c r="D110" s="18">
        <v>23</v>
      </c>
    </row>
    <row r="111" spans="1:4" ht="18" customHeight="1" x14ac:dyDescent="0.15">
      <c r="A111" s="5">
        <v>87</v>
      </c>
      <c r="B111" s="22">
        <v>13</v>
      </c>
      <c r="C111" s="14">
        <v>24</v>
      </c>
      <c r="D111" s="18">
        <v>37</v>
      </c>
    </row>
    <row r="112" spans="1:4" ht="18" customHeight="1" x14ac:dyDescent="0.15">
      <c r="A112" s="5">
        <v>88</v>
      </c>
      <c r="B112" s="22">
        <v>9</v>
      </c>
      <c r="C112" s="14">
        <v>23</v>
      </c>
      <c r="D112" s="18">
        <v>32</v>
      </c>
    </row>
    <row r="113" spans="1:4" ht="18" customHeight="1" x14ac:dyDescent="0.15">
      <c r="A113" s="5">
        <v>89</v>
      </c>
      <c r="B113" s="22">
        <v>14</v>
      </c>
      <c r="C113" s="14">
        <v>22</v>
      </c>
      <c r="D113" s="18">
        <v>36</v>
      </c>
    </row>
    <row r="114" spans="1:4" ht="18" customHeight="1" x14ac:dyDescent="0.15">
      <c r="A114" s="5" t="s">
        <v>37</v>
      </c>
      <c r="B114" s="22">
        <v>57</v>
      </c>
      <c r="C114" s="14">
        <v>111</v>
      </c>
      <c r="D114" s="18">
        <v>168</v>
      </c>
    </row>
    <row r="115" spans="1:4" ht="18" customHeight="1" x14ac:dyDescent="0.15">
      <c r="A115" s="5">
        <v>90</v>
      </c>
      <c r="B115" s="22">
        <v>9</v>
      </c>
      <c r="C115" s="14">
        <v>24</v>
      </c>
      <c r="D115" s="18">
        <v>33</v>
      </c>
    </row>
    <row r="116" spans="1:4" ht="18" customHeight="1" x14ac:dyDescent="0.15">
      <c r="A116" s="5">
        <v>91</v>
      </c>
      <c r="B116" s="22">
        <v>8</v>
      </c>
      <c r="C116" s="14">
        <v>16</v>
      </c>
      <c r="D116" s="18">
        <v>24</v>
      </c>
    </row>
    <row r="117" spans="1:4" ht="18" customHeight="1" x14ac:dyDescent="0.15">
      <c r="A117" s="5">
        <v>92</v>
      </c>
      <c r="B117" s="22">
        <v>7</v>
      </c>
      <c r="C117" s="14">
        <v>16</v>
      </c>
      <c r="D117" s="18">
        <v>23</v>
      </c>
    </row>
    <row r="118" spans="1:4" ht="18" customHeight="1" x14ac:dyDescent="0.15">
      <c r="A118" s="5">
        <v>93</v>
      </c>
      <c r="B118" s="22">
        <v>5</v>
      </c>
      <c r="C118" s="14">
        <v>11</v>
      </c>
      <c r="D118" s="18">
        <v>16</v>
      </c>
    </row>
    <row r="119" spans="1:4" ht="18" customHeight="1" x14ac:dyDescent="0.15">
      <c r="A119" s="5">
        <v>94</v>
      </c>
      <c r="B119" s="22">
        <v>7</v>
      </c>
      <c r="C119" s="14">
        <v>12</v>
      </c>
      <c r="D119" s="18">
        <v>19</v>
      </c>
    </row>
    <row r="120" spans="1:4" ht="18" customHeight="1" x14ac:dyDescent="0.15">
      <c r="A120" s="5" t="s">
        <v>39</v>
      </c>
      <c r="B120" s="22">
        <v>36</v>
      </c>
      <c r="C120" s="14">
        <v>79</v>
      </c>
      <c r="D120" s="18">
        <v>115</v>
      </c>
    </row>
    <row r="121" spans="1:4" ht="18" customHeight="1" x14ac:dyDescent="0.15">
      <c r="A121" s="5">
        <v>95</v>
      </c>
      <c r="B121" s="22">
        <v>3</v>
      </c>
      <c r="C121" s="14">
        <v>14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612</v>
      </c>
      <c r="C130" s="14">
        <v>827</v>
      </c>
      <c r="D130" s="18">
        <v>1439</v>
      </c>
    </row>
    <row r="131" spans="1:4" ht="18" customHeight="1" x14ac:dyDescent="0.15">
      <c r="A131" s="7" t="s">
        <v>45</v>
      </c>
      <c r="B131" s="23">
        <v>1917</v>
      </c>
      <c r="C131" s="15">
        <v>2010</v>
      </c>
      <c r="D131" s="19">
        <v>39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1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2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2</v>
      </c>
      <c r="D7" s="18">
        <v>3</v>
      </c>
    </row>
    <row r="8" spans="1:4" ht="18" customHeight="1" x14ac:dyDescent="0.15">
      <c r="A8" s="5">
        <v>3</v>
      </c>
      <c r="B8" s="27">
        <v>1</v>
      </c>
      <c r="C8" s="14">
        <v>3</v>
      </c>
      <c r="D8" s="18">
        <v>4</v>
      </c>
    </row>
    <row r="9" spans="1:4" ht="18" customHeight="1" x14ac:dyDescent="0.15">
      <c r="A9" s="5">
        <v>4</v>
      </c>
      <c r="B9" s="28">
        <v>2</v>
      </c>
      <c r="C9" s="30">
        <v>2</v>
      </c>
      <c r="D9" s="32">
        <v>4</v>
      </c>
    </row>
    <row r="10" spans="1:4" ht="18" customHeight="1" x14ac:dyDescent="0.15">
      <c r="A10" s="5" t="s">
        <v>7</v>
      </c>
      <c r="B10" s="22">
        <v>6</v>
      </c>
      <c r="C10" s="14">
        <v>10</v>
      </c>
      <c r="D10" s="18">
        <v>16</v>
      </c>
    </row>
    <row r="11" spans="1:4" ht="18" customHeight="1" x14ac:dyDescent="0.15">
      <c r="A11" s="5">
        <v>5</v>
      </c>
      <c r="B11" s="27">
        <v>2</v>
      </c>
      <c r="C11" s="14">
        <v>4</v>
      </c>
      <c r="D11" s="18">
        <v>6</v>
      </c>
    </row>
    <row r="12" spans="1:4" ht="18" customHeight="1" x14ac:dyDescent="0.15">
      <c r="A12" s="5">
        <v>6</v>
      </c>
      <c r="B12" s="27">
        <v>3</v>
      </c>
      <c r="C12" s="14">
        <v>5</v>
      </c>
      <c r="D12" s="18">
        <v>8</v>
      </c>
    </row>
    <row r="13" spans="1:4" ht="18" customHeight="1" x14ac:dyDescent="0.15">
      <c r="A13" s="5">
        <v>7</v>
      </c>
      <c r="B13" s="27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7">
        <v>3</v>
      </c>
      <c r="C14" s="14">
        <v>2</v>
      </c>
      <c r="D14" s="18">
        <v>5</v>
      </c>
    </row>
    <row r="15" spans="1:4" ht="18" customHeight="1" x14ac:dyDescent="0.15">
      <c r="A15" s="5">
        <v>9</v>
      </c>
      <c r="B15" s="27">
        <v>7</v>
      </c>
      <c r="C15" s="14">
        <v>2</v>
      </c>
      <c r="D15" s="18">
        <v>9</v>
      </c>
    </row>
    <row r="16" spans="1:4" ht="18" customHeight="1" x14ac:dyDescent="0.15">
      <c r="A16" s="5" t="s">
        <v>11</v>
      </c>
      <c r="B16" s="22">
        <v>17</v>
      </c>
      <c r="C16" s="14">
        <v>15</v>
      </c>
      <c r="D16" s="18">
        <v>32</v>
      </c>
    </row>
    <row r="17" spans="1:4" ht="18" customHeight="1" x14ac:dyDescent="0.15">
      <c r="A17" s="5">
        <v>10</v>
      </c>
      <c r="B17" s="22">
        <v>2</v>
      </c>
      <c r="C17" s="14">
        <v>5</v>
      </c>
      <c r="D17" s="18">
        <v>7</v>
      </c>
    </row>
    <row r="18" spans="1:4" ht="18" customHeight="1" x14ac:dyDescent="0.15">
      <c r="A18" s="5">
        <v>11</v>
      </c>
      <c r="B18" s="22">
        <v>3</v>
      </c>
      <c r="C18" s="14">
        <v>5</v>
      </c>
      <c r="D18" s="18">
        <v>8</v>
      </c>
    </row>
    <row r="19" spans="1:4" ht="18" customHeight="1" x14ac:dyDescent="0.15">
      <c r="A19" s="5">
        <v>12</v>
      </c>
      <c r="B19" s="22">
        <v>7</v>
      </c>
      <c r="C19" s="14">
        <v>8</v>
      </c>
      <c r="D19" s="18">
        <v>15</v>
      </c>
    </row>
    <row r="20" spans="1:4" ht="18" customHeight="1" x14ac:dyDescent="0.15">
      <c r="A20" s="5">
        <v>13</v>
      </c>
      <c r="B20" s="22">
        <v>6</v>
      </c>
      <c r="C20" s="14">
        <v>3</v>
      </c>
      <c r="D20" s="18">
        <v>9</v>
      </c>
    </row>
    <row r="21" spans="1:4" ht="18" customHeight="1" x14ac:dyDescent="0.15">
      <c r="A21" s="5">
        <v>14</v>
      </c>
      <c r="B21" s="22">
        <v>6</v>
      </c>
      <c r="C21" s="14">
        <v>5</v>
      </c>
      <c r="D21" s="18">
        <v>11</v>
      </c>
    </row>
    <row r="22" spans="1:4" ht="18" customHeight="1" x14ac:dyDescent="0.15">
      <c r="A22" s="5" t="s">
        <v>12</v>
      </c>
      <c r="B22" s="22">
        <v>24</v>
      </c>
      <c r="C22" s="14">
        <v>26</v>
      </c>
      <c r="D22" s="18">
        <v>50</v>
      </c>
    </row>
    <row r="23" spans="1:4" ht="18" customHeight="1" x14ac:dyDescent="0.15">
      <c r="A23" s="5" t="s">
        <v>6</v>
      </c>
      <c r="B23" s="22">
        <v>47</v>
      </c>
      <c r="C23" s="14">
        <v>51</v>
      </c>
      <c r="D23" s="18">
        <v>98</v>
      </c>
    </row>
    <row r="24" spans="1:4" ht="18" customHeight="1" x14ac:dyDescent="0.15">
      <c r="A24" s="5">
        <v>15</v>
      </c>
      <c r="B24" s="22">
        <v>6</v>
      </c>
      <c r="C24" s="14">
        <v>6</v>
      </c>
      <c r="D24" s="18">
        <v>12</v>
      </c>
    </row>
    <row r="25" spans="1:4" ht="18" customHeight="1" x14ac:dyDescent="0.15">
      <c r="A25" s="5">
        <v>16</v>
      </c>
      <c r="B25" s="22">
        <v>9</v>
      </c>
      <c r="C25" s="14">
        <v>10</v>
      </c>
      <c r="D25" s="18">
        <v>19</v>
      </c>
    </row>
    <row r="26" spans="1:4" ht="18" customHeight="1" x14ac:dyDescent="0.15">
      <c r="A26" s="5">
        <v>17</v>
      </c>
      <c r="B26" s="22">
        <v>5</v>
      </c>
      <c r="C26" s="14">
        <v>2</v>
      </c>
      <c r="D26" s="18">
        <v>7</v>
      </c>
    </row>
    <row r="27" spans="1:4" ht="18" customHeight="1" x14ac:dyDescent="0.15">
      <c r="A27" s="5">
        <v>18</v>
      </c>
      <c r="B27" s="22">
        <v>1</v>
      </c>
      <c r="C27" s="14">
        <v>5</v>
      </c>
      <c r="D27" s="18">
        <v>6</v>
      </c>
    </row>
    <row r="28" spans="1:4" ht="18" customHeight="1" x14ac:dyDescent="0.15">
      <c r="A28" s="5">
        <v>19</v>
      </c>
      <c r="B28" s="22">
        <v>10</v>
      </c>
      <c r="C28" s="14">
        <v>3</v>
      </c>
      <c r="D28" s="18">
        <v>13</v>
      </c>
    </row>
    <row r="29" spans="1:4" ht="18" customHeight="1" x14ac:dyDescent="0.15">
      <c r="A29" s="5" t="s">
        <v>14</v>
      </c>
      <c r="B29" s="22">
        <v>31</v>
      </c>
      <c r="C29" s="14">
        <v>26</v>
      </c>
      <c r="D29" s="18">
        <v>57</v>
      </c>
    </row>
    <row r="30" spans="1:4" ht="18" customHeight="1" x14ac:dyDescent="0.15">
      <c r="A30" s="5">
        <v>20</v>
      </c>
      <c r="B30" s="22">
        <v>8</v>
      </c>
      <c r="C30" s="14">
        <v>2</v>
      </c>
      <c r="D30" s="18">
        <v>10</v>
      </c>
    </row>
    <row r="31" spans="1:4" ht="18" customHeight="1" x14ac:dyDescent="0.15">
      <c r="A31" s="5">
        <v>21</v>
      </c>
      <c r="B31" s="22">
        <v>6</v>
      </c>
      <c r="C31" s="14">
        <v>6</v>
      </c>
      <c r="D31" s="18">
        <v>12</v>
      </c>
    </row>
    <row r="32" spans="1:4" ht="18" customHeight="1" x14ac:dyDescent="0.15">
      <c r="A32" s="5">
        <v>22</v>
      </c>
      <c r="B32" s="22">
        <v>6</v>
      </c>
      <c r="C32" s="14">
        <v>4</v>
      </c>
      <c r="D32" s="18">
        <v>10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2</v>
      </c>
      <c r="C34" s="14">
        <v>2</v>
      </c>
      <c r="D34" s="18">
        <v>4</v>
      </c>
    </row>
    <row r="35" spans="1:4" ht="18" customHeight="1" x14ac:dyDescent="0.15">
      <c r="A35" s="5" t="s">
        <v>9</v>
      </c>
      <c r="B35" s="22">
        <v>24</v>
      </c>
      <c r="C35" s="14">
        <v>18</v>
      </c>
      <c r="D35" s="18">
        <v>42</v>
      </c>
    </row>
    <row r="36" spans="1:4" ht="18" customHeight="1" x14ac:dyDescent="0.15">
      <c r="A36" s="5">
        <v>25</v>
      </c>
      <c r="B36" s="22">
        <v>3</v>
      </c>
      <c r="C36" s="14">
        <v>2</v>
      </c>
      <c r="D36" s="18">
        <v>5</v>
      </c>
    </row>
    <row r="37" spans="1:4" ht="18" customHeight="1" x14ac:dyDescent="0.15">
      <c r="A37" s="5">
        <v>26</v>
      </c>
      <c r="B37" s="22">
        <v>4</v>
      </c>
      <c r="C37" s="14">
        <v>2</v>
      </c>
      <c r="D37" s="18">
        <v>6</v>
      </c>
    </row>
    <row r="38" spans="1:4" ht="18" customHeight="1" x14ac:dyDescent="0.15">
      <c r="A38" s="5">
        <v>27</v>
      </c>
      <c r="B38" s="22">
        <v>3</v>
      </c>
      <c r="C38" s="14">
        <v>3</v>
      </c>
      <c r="D38" s="18">
        <v>6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5</v>
      </c>
      <c r="C40" s="14">
        <v>3</v>
      </c>
      <c r="D40" s="18">
        <v>8</v>
      </c>
    </row>
    <row r="41" spans="1:4" ht="18" customHeight="1" x14ac:dyDescent="0.15">
      <c r="A41" s="5" t="s">
        <v>2</v>
      </c>
      <c r="B41" s="22">
        <v>18</v>
      </c>
      <c r="C41" s="14">
        <v>12</v>
      </c>
      <c r="D41" s="18">
        <v>30</v>
      </c>
    </row>
    <row r="42" spans="1:4" ht="18" customHeight="1" x14ac:dyDescent="0.15">
      <c r="A42" s="5">
        <v>30</v>
      </c>
      <c r="B42" s="22">
        <v>5</v>
      </c>
      <c r="C42" s="14">
        <v>3</v>
      </c>
      <c r="D42" s="18">
        <v>8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3</v>
      </c>
      <c r="C44" s="14">
        <v>2</v>
      </c>
      <c r="D44" s="18">
        <v>5</v>
      </c>
    </row>
    <row r="45" spans="1:4" ht="18" customHeight="1" x14ac:dyDescent="0.15">
      <c r="A45" s="5">
        <v>33</v>
      </c>
      <c r="B45" s="22">
        <v>11</v>
      </c>
      <c r="C45" s="14">
        <v>3</v>
      </c>
      <c r="D45" s="18">
        <v>14</v>
      </c>
    </row>
    <row r="46" spans="1:4" ht="18" customHeight="1" x14ac:dyDescent="0.15">
      <c r="A46" s="5">
        <v>34</v>
      </c>
      <c r="B46" s="22">
        <v>1</v>
      </c>
      <c r="C46" s="14">
        <v>3</v>
      </c>
      <c r="D46" s="18">
        <v>4</v>
      </c>
    </row>
    <row r="47" spans="1:4" ht="18" customHeight="1" x14ac:dyDescent="0.15">
      <c r="A47" s="5" t="s">
        <v>15</v>
      </c>
      <c r="B47" s="22">
        <v>25</v>
      </c>
      <c r="C47" s="14">
        <v>14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2</v>
      </c>
      <c r="D48" s="18">
        <v>7</v>
      </c>
    </row>
    <row r="49" spans="1:4" ht="18" customHeight="1" x14ac:dyDescent="0.15">
      <c r="A49" s="5">
        <v>36</v>
      </c>
      <c r="B49" s="22">
        <v>6</v>
      </c>
      <c r="C49" s="14">
        <v>7</v>
      </c>
      <c r="D49" s="18">
        <v>13</v>
      </c>
    </row>
    <row r="50" spans="1:4" ht="18" customHeight="1" x14ac:dyDescent="0.15">
      <c r="A50" s="5">
        <v>37</v>
      </c>
      <c r="B50" s="22">
        <v>5</v>
      </c>
      <c r="C50" s="14">
        <v>5</v>
      </c>
      <c r="D50" s="18">
        <v>10</v>
      </c>
    </row>
    <row r="51" spans="1:4" ht="18" customHeight="1" x14ac:dyDescent="0.15">
      <c r="A51" s="5">
        <v>38</v>
      </c>
      <c r="B51" s="22">
        <v>8</v>
      </c>
      <c r="C51" s="14">
        <v>4</v>
      </c>
      <c r="D51" s="18">
        <v>12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27</v>
      </c>
      <c r="C53" s="14">
        <v>20</v>
      </c>
      <c r="D53" s="18">
        <v>47</v>
      </c>
    </row>
    <row r="54" spans="1:4" ht="18" customHeight="1" x14ac:dyDescent="0.15">
      <c r="A54" s="5">
        <v>40</v>
      </c>
      <c r="B54" s="22">
        <v>2</v>
      </c>
      <c r="C54" s="14">
        <v>6</v>
      </c>
      <c r="D54" s="18">
        <v>8</v>
      </c>
    </row>
    <row r="55" spans="1:4" ht="18" customHeight="1" x14ac:dyDescent="0.15">
      <c r="A55" s="5">
        <v>41</v>
      </c>
      <c r="B55" s="22">
        <v>6</v>
      </c>
      <c r="C55" s="14">
        <v>5</v>
      </c>
      <c r="D55" s="18">
        <v>11</v>
      </c>
    </row>
    <row r="56" spans="1:4" ht="18" customHeight="1" x14ac:dyDescent="0.15">
      <c r="A56" s="5">
        <v>42</v>
      </c>
      <c r="B56" s="22">
        <v>3</v>
      </c>
      <c r="C56" s="14">
        <v>6</v>
      </c>
      <c r="D56" s="18">
        <v>9</v>
      </c>
    </row>
    <row r="57" spans="1:4" ht="18" customHeight="1" x14ac:dyDescent="0.15">
      <c r="A57" s="5">
        <v>43</v>
      </c>
      <c r="B57" s="22">
        <v>8</v>
      </c>
      <c r="C57" s="14">
        <v>5</v>
      </c>
      <c r="D57" s="18">
        <v>13</v>
      </c>
    </row>
    <row r="58" spans="1:4" ht="18" customHeight="1" x14ac:dyDescent="0.15">
      <c r="A58" s="5">
        <v>44</v>
      </c>
      <c r="B58" s="22">
        <v>8</v>
      </c>
      <c r="C58" s="14">
        <v>5</v>
      </c>
      <c r="D58" s="18">
        <v>13</v>
      </c>
    </row>
    <row r="59" spans="1:4" ht="18" customHeight="1" x14ac:dyDescent="0.15">
      <c r="A59" s="5" t="s">
        <v>21</v>
      </c>
      <c r="B59" s="22">
        <v>27</v>
      </c>
      <c r="C59" s="14">
        <v>27</v>
      </c>
      <c r="D59" s="18">
        <v>54</v>
      </c>
    </row>
    <row r="60" spans="1:4" ht="18" customHeight="1" x14ac:dyDescent="0.15">
      <c r="A60" s="5">
        <v>45</v>
      </c>
      <c r="B60" s="22">
        <v>5</v>
      </c>
      <c r="C60" s="14">
        <v>8</v>
      </c>
      <c r="D60" s="18">
        <v>13</v>
      </c>
    </row>
    <row r="61" spans="1:4" ht="18" customHeight="1" x14ac:dyDescent="0.15">
      <c r="A61" s="5">
        <v>46</v>
      </c>
      <c r="B61" s="22">
        <v>7</v>
      </c>
      <c r="C61" s="14">
        <v>10</v>
      </c>
      <c r="D61" s="18">
        <v>17</v>
      </c>
    </row>
    <row r="62" spans="1:4" ht="18" customHeight="1" x14ac:dyDescent="0.15">
      <c r="A62" s="5">
        <v>47</v>
      </c>
      <c r="B62" s="22">
        <v>9</v>
      </c>
      <c r="C62" s="14">
        <v>7</v>
      </c>
      <c r="D62" s="18">
        <v>16</v>
      </c>
    </row>
    <row r="63" spans="1:4" ht="18" customHeight="1" x14ac:dyDescent="0.15">
      <c r="A63" s="5">
        <v>48</v>
      </c>
      <c r="B63" s="22">
        <v>13</v>
      </c>
      <c r="C63" s="14">
        <v>7</v>
      </c>
      <c r="D63" s="18">
        <v>20</v>
      </c>
    </row>
    <row r="64" spans="1:4" ht="18" customHeight="1" x14ac:dyDescent="0.15">
      <c r="A64" s="5">
        <v>49</v>
      </c>
      <c r="B64" s="22">
        <v>9</v>
      </c>
      <c r="C64" s="14">
        <v>5</v>
      </c>
      <c r="D64" s="18">
        <v>14</v>
      </c>
    </row>
    <row r="65" spans="1:4" ht="18" customHeight="1" x14ac:dyDescent="0.15">
      <c r="A65" s="5" t="s">
        <v>17</v>
      </c>
      <c r="B65" s="22">
        <v>43</v>
      </c>
      <c r="C65" s="14">
        <v>37</v>
      </c>
      <c r="D65" s="18">
        <v>80</v>
      </c>
    </row>
    <row r="66" spans="1:4" ht="18" customHeight="1" x14ac:dyDescent="0.15">
      <c r="A66" s="5">
        <v>50</v>
      </c>
      <c r="B66" s="22">
        <v>7</v>
      </c>
      <c r="C66" s="14">
        <v>4</v>
      </c>
      <c r="D66" s="18">
        <v>11</v>
      </c>
    </row>
    <row r="67" spans="1:4" ht="18" customHeight="1" x14ac:dyDescent="0.15">
      <c r="A67" s="5">
        <v>51</v>
      </c>
      <c r="B67" s="22">
        <v>8</v>
      </c>
      <c r="C67" s="14">
        <v>7</v>
      </c>
      <c r="D67" s="18">
        <v>15</v>
      </c>
    </row>
    <row r="68" spans="1:4" ht="18" customHeight="1" x14ac:dyDescent="0.15">
      <c r="A68" s="5">
        <v>52</v>
      </c>
      <c r="B68" s="22">
        <v>12</v>
      </c>
      <c r="C68" s="14">
        <v>7</v>
      </c>
      <c r="D68" s="18">
        <v>19</v>
      </c>
    </row>
    <row r="69" spans="1:4" ht="18" customHeight="1" x14ac:dyDescent="0.15">
      <c r="A69" s="5">
        <v>53</v>
      </c>
      <c r="B69" s="22">
        <v>12</v>
      </c>
      <c r="C69" s="14">
        <v>8</v>
      </c>
      <c r="D69" s="18">
        <v>20</v>
      </c>
    </row>
    <row r="70" spans="1:4" ht="18" customHeight="1" x14ac:dyDescent="0.15">
      <c r="A70" s="5">
        <v>54</v>
      </c>
      <c r="B70" s="22">
        <v>7</v>
      </c>
      <c r="C70" s="14">
        <v>7</v>
      </c>
      <c r="D70" s="18">
        <v>14</v>
      </c>
    </row>
    <row r="71" spans="1:4" ht="18" customHeight="1" x14ac:dyDescent="0.15">
      <c r="A71" s="5" t="s">
        <v>22</v>
      </c>
      <c r="B71" s="22">
        <v>46</v>
      </c>
      <c r="C71" s="14">
        <v>33</v>
      </c>
      <c r="D71" s="18">
        <v>79</v>
      </c>
    </row>
    <row r="72" spans="1:4" ht="18" customHeight="1" x14ac:dyDescent="0.15">
      <c r="A72" s="5">
        <v>55</v>
      </c>
      <c r="B72" s="22">
        <v>4</v>
      </c>
      <c r="C72" s="14">
        <v>3</v>
      </c>
      <c r="D72" s="18">
        <v>7</v>
      </c>
    </row>
    <row r="73" spans="1:4" ht="18" customHeight="1" x14ac:dyDescent="0.15">
      <c r="A73" s="5">
        <v>56</v>
      </c>
      <c r="B73" s="22">
        <v>7</v>
      </c>
      <c r="C73" s="14">
        <v>9</v>
      </c>
      <c r="D73" s="18">
        <v>16</v>
      </c>
    </row>
    <row r="74" spans="1:4" ht="18" customHeight="1" x14ac:dyDescent="0.15">
      <c r="A74" s="5">
        <v>57</v>
      </c>
      <c r="B74" s="22">
        <v>5</v>
      </c>
      <c r="C74" s="14">
        <v>6</v>
      </c>
      <c r="D74" s="18">
        <v>11</v>
      </c>
    </row>
    <row r="75" spans="1:4" ht="18" customHeight="1" x14ac:dyDescent="0.15">
      <c r="A75" s="5">
        <v>58</v>
      </c>
      <c r="B75" s="22">
        <v>6</v>
      </c>
      <c r="C75" s="14">
        <v>14</v>
      </c>
      <c r="D75" s="18">
        <v>20</v>
      </c>
    </row>
    <row r="76" spans="1:4" ht="18" customHeight="1" x14ac:dyDescent="0.15">
      <c r="A76" s="5">
        <v>59</v>
      </c>
      <c r="B76" s="22">
        <v>12</v>
      </c>
      <c r="C76" s="14">
        <v>12</v>
      </c>
      <c r="D76" s="18">
        <v>24</v>
      </c>
    </row>
    <row r="77" spans="1:4" ht="18" customHeight="1" x14ac:dyDescent="0.15">
      <c r="A77" s="5" t="s">
        <v>27</v>
      </c>
      <c r="B77" s="22">
        <v>34</v>
      </c>
      <c r="C77" s="14">
        <v>44</v>
      </c>
      <c r="D77" s="18">
        <v>78</v>
      </c>
    </row>
    <row r="78" spans="1:4" ht="18" customHeight="1" x14ac:dyDescent="0.15">
      <c r="A78" s="5">
        <v>60</v>
      </c>
      <c r="B78" s="22">
        <v>6</v>
      </c>
      <c r="C78" s="14">
        <v>10</v>
      </c>
      <c r="D78" s="18">
        <v>16</v>
      </c>
    </row>
    <row r="79" spans="1:4" ht="18" customHeight="1" x14ac:dyDescent="0.15">
      <c r="A79" s="5">
        <v>61</v>
      </c>
      <c r="B79" s="22">
        <v>11</v>
      </c>
      <c r="C79" s="14">
        <v>11</v>
      </c>
      <c r="D79" s="18">
        <v>22</v>
      </c>
    </row>
    <row r="80" spans="1:4" ht="18" customHeight="1" x14ac:dyDescent="0.15">
      <c r="A80" s="5">
        <v>62</v>
      </c>
      <c r="B80" s="22">
        <v>6</v>
      </c>
      <c r="C80" s="14">
        <v>9</v>
      </c>
      <c r="D80" s="18">
        <v>15</v>
      </c>
    </row>
    <row r="81" spans="1:4" ht="18" customHeight="1" x14ac:dyDescent="0.15">
      <c r="A81" s="5">
        <v>63</v>
      </c>
      <c r="B81" s="22">
        <v>7</v>
      </c>
      <c r="C81" s="14">
        <v>10</v>
      </c>
      <c r="D81" s="18">
        <v>17</v>
      </c>
    </row>
    <row r="82" spans="1:4" ht="18" customHeight="1" x14ac:dyDescent="0.15">
      <c r="A82" s="5">
        <v>64</v>
      </c>
      <c r="B82" s="22">
        <v>10</v>
      </c>
      <c r="C82" s="14">
        <v>8</v>
      </c>
      <c r="D82" s="18">
        <v>18</v>
      </c>
    </row>
    <row r="83" spans="1:4" ht="18" customHeight="1" x14ac:dyDescent="0.15">
      <c r="A83" s="5" t="s">
        <v>28</v>
      </c>
      <c r="B83" s="22">
        <v>40</v>
      </c>
      <c r="C83" s="14">
        <v>48</v>
      </c>
      <c r="D83" s="18">
        <v>88</v>
      </c>
    </row>
    <row r="84" spans="1:4" ht="18" customHeight="1" x14ac:dyDescent="0.15">
      <c r="A84" s="5" t="s">
        <v>31</v>
      </c>
      <c r="B84" s="22">
        <v>315</v>
      </c>
      <c r="C84" s="14">
        <v>279</v>
      </c>
      <c r="D84" s="18">
        <v>594</v>
      </c>
    </row>
    <row r="85" spans="1:4" ht="18" customHeight="1" x14ac:dyDescent="0.15">
      <c r="A85" s="5">
        <v>65</v>
      </c>
      <c r="B85" s="22">
        <v>5</v>
      </c>
      <c r="C85" s="14">
        <v>5</v>
      </c>
      <c r="D85" s="18">
        <v>10</v>
      </c>
    </row>
    <row r="86" spans="1:4" ht="18" customHeight="1" x14ac:dyDescent="0.15">
      <c r="A86" s="5">
        <v>66</v>
      </c>
      <c r="B86" s="22">
        <v>12</v>
      </c>
      <c r="C86" s="14">
        <v>7</v>
      </c>
      <c r="D86" s="18">
        <v>19</v>
      </c>
    </row>
    <row r="87" spans="1:4" ht="18" customHeight="1" x14ac:dyDescent="0.15">
      <c r="A87" s="5">
        <v>67</v>
      </c>
      <c r="B87" s="22">
        <v>10</v>
      </c>
      <c r="C87" s="14">
        <v>8</v>
      </c>
      <c r="D87" s="18">
        <v>18</v>
      </c>
    </row>
    <row r="88" spans="1:4" ht="18" customHeight="1" x14ac:dyDescent="0.15">
      <c r="A88" s="5">
        <v>68</v>
      </c>
      <c r="B88" s="22">
        <v>7</v>
      </c>
      <c r="C88" s="14">
        <v>9</v>
      </c>
      <c r="D88" s="18">
        <v>16</v>
      </c>
    </row>
    <row r="89" spans="1:4" ht="18" customHeight="1" x14ac:dyDescent="0.15">
      <c r="A89" s="5">
        <v>69</v>
      </c>
      <c r="B89" s="22">
        <v>6</v>
      </c>
      <c r="C89" s="14">
        <v>5</v>
      </c>
      <c r="D89" s="18">
        <v>11</v>
      </c>
    </row>
    <row r="90" spans="1:4" ht="18" customHeight="1" x14ac:dyDescent="0.15">
      <c r="A90" s="5" t="s">
        <v>20</v>
      </c>
      <c r="B90" s="22">
        <v>40</v>
      </c>
      <c r="C90" s="14">
        <v>34</v>
      </c>
      <c r="D90" s="18">
        <v>74</v>
      </c>
    </row>
    <row r="91" spans="1:4" ht="18" customHeight="1" x14ac:dyDescent="0.15">
      <c r="A91" s="5">
        <v>70</v>
      </c>
      <c r="B91" s="22">
        <v>7</v>
      </c>
      <c r="C91" s="14">
        <v>6</v>
      </c>
      <c r="D91" s="18">
        <v>13</v>
      </c>
    </row>
    <row r="92" spans="1:4" ht="18" customHeight="1" x14ac:dyDescent="0.15">
      <c r="A92" s="5">
        <v>71</v>
      </c>
      <c r="B92" s="22">
        <v>8</v>
      </c>
      <c r="C92" s="14">
        <v>12</v>
      </c>
      <c r="D92" s="18">
        <v>20</v>
      </c>
    </row>
    <row r="93" spans="1:4" ht="18" customHeight="1" x14ac:dyDescent="0.15">
      <c r="A93" s="5">
        <v>72</v>
      </c>
      <c r="B93" s="22">
        <v>18</v>
      </c>
      <c r="C93" s="14">
        <v>12</v>
      </c>
      <c r="D93" s="18">
        <v>30</v>
      </c>
    </row>
    <row r="94" spans="1:4" ht="18" customHeight="1" x14ac:dyDescent="0.15">
      <c r="A94" s="5">
        <v>73</v>
      </c>
      <c r="B94" s="22">
        <v>6</v>
      </c>
      <c r="C94" s="14">
        <v>18</v>
      </c>
      <c r="D94" s="18">
        <v>24</v>
      </c>
    </row>
    <row r="95" spans="1:4" ht="18" customHeight="1" x14ac:dyDescent="0.15">
      <c r="A95" s="5">
        <v>74</v>
      </c>
      <c r="B95" s="22">
        <v>9</v>
      </c>
      <c r="C95" s="14">
        <v>14</v>
      </c>
      <c r="D95" s="18">
        <v>23</v>
      </c>
    </row>
    <row r="96" spans="1:4" ht="18" customHeight="1" x14ac:dyDescent="0.15">
      <c r="A96" s="5" t="s">
        <v>33</v>
      </c>
      <c r="B96" s="22">
        <v>48</v>
      </c>
      <c r="C96" s="14">
        <v>62</v>
      </c>
      <c r="D96" s="18">
        <v>110</v>
      </c>
    </row>
    <row r="97" spans="1:4" ht="18" customHeight="1" x14ac:dyDescent="0.15">
      <c r="A97" s="5">
        <v>75</v>
      </c>
      <c r="B97" s="22">
        <v>14</v>
      </c>
      <c r="C97" s="14">
        <v>11</v>
      </c>
      <c r="D97" s="18">
        <v>25</v>
      </c>
    </row>
    <row r="98" spans="1:4" ht="18" customHeight="1" x14ac:dyDescent="0.15">
      <c r="A98" s="5">
        <v>76</v>
      </c>
      <c r="B98" s="22">
        <v>12</v>
      </c>
      <c r="C98" s="14">
        <v>15</v>
      </c>
      <c r="D98" s="18">
        <v>27</v>
      </c>
    </row>
    <row r="99" spans="1:4" ht="18" customHeight="1" x14ac:dyDescent="0.15">
      <c r="A99" s="5">
        <v>77</v>
      </c>
      <c r="B99" s="22">
        <v>19</v>
      </c>
      <c r="C99" s="14">
        <v>12</v>
      </c>
      <c r="D99" s="18">
        <v>31</v>
      </c>
    </row>
    <row r="100" spans="1:4" ht="18" customHeight="1" x14ac:dyDescent="0.15">
      <c r="A100" s="5">
        <v>78</v>
      </c>
      <c r="B100" s="22">
        <v>20</v>
      </c>
      <c r="C100" s="14">
        <v>15</v>
      </c>
      <c r="D100" s="18">
        <v>35</v>
      </c>
    </row>
    <row r="101" spans="1:4" ht="18" customHeight="1" x14ac:dyDescent="0.15">
      <c r="A101" s="5">
        <v>79</v>
      </c>
      <c r="B101" s="22">
        <v>13</v>
      </c>
      <c r="C101" s="14">
        <v>9</v>
      </c>
      <c r="D101" s="18">
        <v>22</v>
      </c>
    </row>
    <row r="102" spans="1:4" ht="18" customHeight="1" x14ac:dyDescent="0.15">
      <c r="A102" s="5" t="s">
        <v>0</v>
      </c>
      <c r="B102" s="22">
        <v>78</v>
      </c>
      <c r="C102" s="14">
        <v>62</v>
      </c>
      <c r="D102" s="18">
        <v>140</v>
      </c>
    </row>
    <row r="103" spans="1:4" ht="18" customHeight="1" x14ac:dyDescent="0.15">
      <c r="A103" s="5">
        <v>80</v>
      </c>
      <c r="B103" s="22">
        <v>5</v>
      </c>
      <c r="C103" s="14">
        <v>3</v>
      </c>
      <c r="D103" s="18">
        <v>8</v>
      </c>
    </row>
    <row r="104" spans="1:4" ht="18" customHeight="1" x14ac:dyDescent="0.15">
      <c r="A104" s="5">
        <v>81</v>
      </c>
      <c r="B104" s="22">
        <v>3</v>
      </c>
      <c r="C104" s="14">
        <v>7</v>
      </c>
      <c r="D104" s="18">
        <v>10</v>
      </c>
    </row>
    <row r="105" spans="1:4" ht="18" customHeight="1" x14ac:dyDescent="0.15">
      <c r="A105" s="5">
        <v>82</v>
      </c>
      <c r="B105" s="22">
        <v>5</v>
      </c>
      <c r="C105" s="14">
        <v>6</v>
      </c>
      <c r="D105" s="18">
        <v>11</v>
      </c>
    </row>
    <row r="106" spans="1:4" ht="18" customHeight="1" x14ac:dyDescent="0.15">
      <c r="A106" s="5">
        <v>83</v>
      </c>
      <c r="B106" s="22">
        <v>3</v>
      </c>
      <c r="C106" s="14">
        <v>11</v>
      </c>
      <c r="D106" s="18">
        <v>14</v>
      </c>
    </row>
    <row r="107" spans="1:4" ht="18" customHeight="1" x14ac:dyDescent="0.15">
      <c r="A107" s="5">
        <v>84</v>
      </c>
      <c r="B107" s="22">
        <v>6</v>
      </c>
      <c r="C107" s="14">
        <v>4</v>
      </c>
      <c r="D107" s="18">
        <v>10</v>
      </c>
    </row>
    <row r="108" spans="1:4" ht="18" customHeight="1" x14ac:dyDescent="0.15">
      <c r="A108" s="5" t="s">
        <v>35</v>
      </c>
      <c r="B108" s="22">
        <v>22</v>
      </c>
      <c r="C108" s="14">
        <v>31</v>
      </c>
      <c r="D108" s="18">
        <v>53</v>
      </c>
    </row>
    <row r="109" spans="1:4" ht="18" customHeight="1" x14ac:dyDescent="0.15">
      <c r="A109" s="5">
        <v>85</v>
      </c>
      <c r="B109" s="22">
        <v>4</v>
      </c>
      <c r="C109" s="14">
        <v>10</v>
      </c>
      <c r="D109" s="18">
        <v>14</v>
      </c>
    </row>
    <row r="110" spans="1:4" ht="18" customHeight="1" x14ac:dyDescent="0.15">
      <c r="A110" s="5">
        <v>86</v>
      </c>
      <c r="B110" s="22">
        <v>5</v>
      </c>
      <c r="C110" s="14">
        <v>6</v>
      </c>
      <c r="D110" s="18">
        <v>11</v>
      </c>
    </row>
    <row r="111" spans="1:4" ht="18" customHeight="1" x14ac:dyDescent="0.15">
      <c r="A111" s="5">
        <v>87</v>
      </c>
      <c r="B111" s="22">
        <v>3</v>
      </c>
      <c r="C111" s="14">
        <v>5</v>
      </c>
      <c r="D111" s="18">
        <v>8</v>
      </c>
    </row>
    <row r="112" spans="1:4" ht="18" customHeight="1" x14ac:dyDescent="0.15">
      <c r="A112" s="5">
        <v>88</v>
      </c>
      <c r="B112" s="22">
        <v>3</v>
      </c>
      <c r="C112" s="14">
        <v>9</v>
      </c>
      <c r="D112" s="18">
        <v>12</v>
      </c>
    </row>
    <row r="113" spans="1:4" ht="18" customHeight="1" x14ac:dyDescent="0.15">
      <c r="A113" s="5">
        <v>89</v>
      </c>
      <c r="B113" s="22">
        <v>3</v>
      </c>
      <c r="C113" s="14">
        <v>8</v>
      </c>
      <c r="D113" s="18">
        <v>11</v>
      </c>
    </row>
    <row r="114" spans="1:4" ht="18" customHeight="1" x14ac:dyDescent="0.15">
      <c r="A114" s="5" t="s">
        <v>37</v>
      </c>
      <c r="B114" s="22">
        <v>18</v>
      </c>
      <c r="C114" s="14">
        <v>38</v>
      </c>
      <c r="D114" s="18">
        <v>56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7</v>
      </c>
      <c r="D116" s="18">
        <v>11</v>
      </c>
    </row>
    <row r="117" spans="1:4" ht="18" customHeight="1" x14ac:dyDescent="0.15">
      <c r="A117" s="5">
        <v>92</v>
      </c>
      <c r="B117" s="22">
        <v>0</v>
      </c>
      <c r="C117" s="14">
        <v>8</v>
      </c>
      <c r="D117" s="18">
        <v>8</v>
      </c>
    </row>
    <row r="118" spans="1:4" ht="18" customHeight="1" x14ac:dyDescent="0.15">
      <c r="A118" s="5">
        <v>93</v>
      </c>
      <c r="B118" s="22">
        <v>3</v>
      </c>
      <c r="C118" s="14">
        <v>5</v>
      </c>
      <c r="D118" s="18">
        <v>8</v>
      </c>
    </row>
    <row r="119" spans="1:4" ht="18" customHeight="1" x14ac:dyDescent="0.15">
      <c r="A119" s="5">
        <v>94</v>
      </c>
      <c r="B119" s="22">
        <v>1</v>
      </c>
      <c r="C119" s="14">
        <v>2</v>
      </c>
      <c r="D119" s="18">
        <v>3</v>
      </c>
    </row>
    <row r="120" spans="1:4" ht="18" customHeight="1" x14ac:dyDescent="0.15">
      <c r="A120" s="5" t="s">
        <v>39</v>
      </c>
      <c r="B120" s="22">
        <v>13</v>
      </c>
      <c r="C120" s="14">
        <v>31</v>
      </c>
      <c r="D120" s="18">
        <v>44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0</v>
      </c>
      <c r="C126" s="14">
        <v>9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219</v>
      </c>
      <c r="C130" s="14">
        <v>267</v>
      </c>
      <c r="D130" s="18">
        <v>486</v>
      </c>
    </row>
    <row r="131" spans="1:4" ht="18" customHeight="1" x14ac:dyDescent="0.15">
      <c r="A131" s="7" t="s">
        <v>45</v>
      </c>
      <c r="B131" s="23">
        <v>581</v>
      </c>
      <c r="C131" s="15">
        <v>597</v>
      </c>
      <c r="D131" s="19">
        <v>11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9</v>
      </c>
      <c r="C5" s="29">
        <v>13</v>
      </c>
      <c r="D5" s="31">
        <v>32</v>
      </c>
    </row>
    <row r="6" spans="1:4" ht="18" customHeight="1" x14ac:dyDescent="0.15">
      <c r="A6" s="5">
        <v>1</v>
      </c>
      <c r="B6" s="27">
        <v>18</v>
      </c>
      <c r="C6" s="14">
        <v>17</v>
      </c>
      <c r="D6" s="18">
        <v>35</v>
      </c>
    </row>
    <row r="7" spans="1:4" ht="18" customHeight="1" x14ac:dyDescent="0.15">
      <c r="A7" s="5">
        <v>2</v>
      </c>
      <c r="B7" s="27">
        <v>22</v>
      </c>
      <c r="C7" s="14">
        <v>22</v>
      </c>
      <c r="D7" s="18">
        <v>44</v>
      </c>
    </row>
    <row r="8" spans="1:4" ht="18" customHeight="1" x14ac:dyDescent="0.15">
      <c r="A8" s="5">
        <v>3</v>
      </c>
      <c r="B8" s="27">
        <v>13</v>
      </c>
      <c r="C8" s="14">
        <v>22</v>
      </c>
      <c r="D8" s="18">
        <v>35</v>
      </c>
    </row>
    <row r="9" spans="1:4" ht="18" customHeight="1" x14ac:dyDescent="0.15">
      <c r="A9" s="5">
        <v>4</v>
      </c>
      <c r="B9" s="28">
        <v>20</v>
      </c>
      <c r="C9" s="30">
        <v>26</v>
      </c>
      <c r="D9" s="32">
        <v>46</v>
      </c>
    </row>
    <row r="10" spans="1:4" ht="18" customHeight="1" x14ac:dyDescent="0.15">
      <c r="A10" s="5" t="s">
        <v>7</v>
      </c>
      <c r="B10" s="22">
        <v>92</v>
      </c>
      <c r="C10" s="14">
        <v>100</v>
      </c>
      <c r="D10" s="18">
        <v>192</v>
      </c>
    </row>
    <row r="11" spans="1:4" ht="18" customHeight="1" x14ac:dyDescent="0.15">
      <c r="A11" s="5">
        <v>5</v>
      </c>
      <c r="B11" s="27">
        <v>15</v>
      </c>
      <c r="C11" s="14">
        <v>29</v>
      </c>
      <c r="D11" s="18">
        <v>44</v>
      </c>
    </row>
    <row r="12" spans="1:4" ht="18" customHeight="1" x14ac:dyDescent="0.15">
      <c r="A12" s="5">
        <v>6</v>
      </c>
      <c r="B12" s="27">
        <v>27</v>
      </c>
      <c r="C12" s="14">
        <v>19</v>
      </c>
      <c r="D12" s="18">
        <v>46</v>
      </c>
    </row>
    <row r="13" spans="1:4" ht="18" customHeight="1" x14ac:dyDescent="0.15">
      <c r="A13" s="5">
        <v>7</v>
      </c>
      <c r="B13" s="27">
        <v>18</v>
      </c>
      <c r="C13" s="14">
        <v>20</v>
      </c>
      <c r="D13" s="18">
        <v>38</v>
      </c>
    </row>
    <row r="14" spans="1:4" ht="18" customHeight="1" x14ac:dyDescent="0.15">
      <c r="A14" s="5">
        <v>8</v>
      </c>
      <c r="B14" s="27">
        <v>22</v>
      </c>
      <c r="C14" s="14">
        <v>19</v>
      </c>
      <c r="D14" s="18">
        <v>41</v>
      </c>
    </row>
    <row r="15" spans="1:4" ht="18" customHeight="1" x14ac:dyDescent="0.15">
      <c r="A15" s="5">
        <v>9</v>
      </c>
      <c r="B15" s="27">
        <v>28</v>
      </c>
      <c r="C15" s="14">
        <v>19</v>
      </c>
      <c r="D15" s="18">
        <v>47</v>
      </c>
    </row>
    <row r="16" spans="1:4" ht="18" customHeight="1" x14ac:dyDescent="0.15">
      <c r="A16" s="5" t="s">
        <v>11</v>
      </c>
      <c r="B16" s="22">
        <v>110</v>
      </c>
      <c r="C16" s="14">
        <v>106</v>
      </c>
      <c r="D16" s="18">
        <v>216</v>
      </c>
    </row>
    <row r="17" spans="1:4" ht="18" customHeight="1" x14ac:dyDescent="0.15">
      <c r="A17" s="5">
        <v>10</v>
      </c>
      <c r="B17" s="22">
        <v>28</v>
      </c>
      <c r="C17" s="14">
        <v>14</v>
      </c>
      <c r="D17" s="18">
        <v>42</v>
      </c>
    </row>
    <row r="18" spans="1:4" ht="18" customHeight="1" x14ac:dyDescent="0.15">
      <c r="A18" s="5">
        <v>11</v>
      </c>
      <c r="B18" s="22">
        <v>16</v>
      </c>
      <c r="C18" s="14">
        <v>16</v>
      </c>
      <c r="D18" s="18">
        <v>32</v>
      </c>
    </row>
    <row r="19" spans="1:4" ht="18" customHeight="1" x14ac:dyDescent="0.15">
      <c r="A19" s="5">
        <v>12</v>
      </c>
      <c r="B19" s="22">
        <v>24</v>
      </c>
      <c r="C19" s="14">
        <v>13</v>
      </c>
      <c r="D19" s="18">
        <v>37</v>
      </c>
    </row>
    <row r="20" spans="1:4" ht="18" customHeight="1" x14ac:dyDescent="0.15">
      <c r="A20" s="5">
        <v>13</v>
      </c>
      <c r="B20" s="22">
        <v>23</v>
      </c>
      <c r="C20" s="14">
        <v>19</v>
      </c>
      <c r="D20" s="18">
        <v>42</v>
      </c>
    </row>
    <row r="21" spans="1:4" ht="18" customHeight="1" x14ac:dyDescent="0.15">
      <c r="A21" s="5">
        <v>14</v>
      </c>
      <c r="B21" s="22">
        <v>15</v>
      </c>
      <c r="C21" s="14">
        <v>24</v>
      </c>
      <c r="D21" s="18">
        <v>39</v>
      </c>
    </row>
    <row r="22" spans="1:4" ht="18" customHeight="1" x14ac:dyDescent="0.15">
      <c r="A22" s="5" t="s">
        <v>12</v>
      </c>
      <c r="B22" s="22">
        <v>106</v>
      </c>
      <c r="C22" s="14">
        <v>86</v>
      </c>
      <c r="D22" s="18">
        <v>192</v>
      </c>
    </row>
    <row r="23" spans="1:4" ht="18" customHeight="1" x14ac:dyDescent="0.15">
      <c r="A23" s="5" t="s">
        <v>6</v>
      </c>
      <c r="B23" s="22">
        <v>308</v>
      </c>
      <c r="C23" s="14">
        <v>292</v>
      </c>
      <c r="D23" s="18">
        <v>600</v>
      </c>
    </row>
    <row r="24" spans="1:4" ht="18" customHeight="1" x14ac:dyDescent="0.15">
      <c r="A24" s="5">
        <v>15</v>
      </c>
      <c r="B24" s="22">
        <v>29</v>
      </c>
      <c r="C24" s="14">
        <v>32</v>
      </c>
      <c r="D24" s="18">
        <v>61</v>
      </c>
    </row>
    <row r="25" spans="1:4" ht="18" customHeight="1" x14ac:dyDescent="0.15">
      <c r="A25" s="5">
        <v>16</v>
      </c>
      <c r="B25" s="22">
        <v>22</v>
      </c>
      <c r="C25" s="14">
        <v>13</v>
      </c>
      <c r="D25" s="18">
        <v>35</v>
      </c>
    </row>
    <row r="26" spans="1:4" ht="18" customHeight="1" x14ac:dyDescent="0.15">
      <c r="A26" s="5">
        <v>17</v>
      </c>
      <c r="B26" s="22">
        <v>34</v>
      </c>
      <c r="C26" s="14">
        <v>15</v>
      </c>
      <c r="D26" s="18">
        <v>49</v>
      </c>
    </row>
    <row r="27" spans="1:4" ht="18" customHeight="1" x14ac:dyDescent="0.15">
      <c r="A27" s="5">
        <v>18</v>
      </c>
      <c r="B27" s="22">
        <v>14</v>
      </c>
      <c r="C27" s="14">
        <v>16</v>
      </c>
      <c r="D27" s="18">
        <v>30</v>
      </c>
    </row>
    <row r="28" spans="1:4" ht="18" customHeight="1" x14ac:dyDescent="0.15">
      <c r="A28" s="5">
        <v>19</v>
      </c>
      <c r="B28" s="22">
        <v>16</v>
      </c>
      <c r="C28" s="14">
        <v>20</v>
      </c>
      <c r="D28" s="18">
        <v>36</v>
      </c>
    </row>
    <row r="29" spans="1:4" ht="18" customHeight="1" x14ac:dyDescent="0.15">
      <c r="A29" s="5" t="s">
        <v>14</v>
      </c>
      <c r="B29" s="22">
        <v>115</v>
      </c>
      <c r="C29" s="14">
        <v>96</v>
      </c>
      <c r="D29" s="18">
        <v>211</v>
      </c>
    </row>
    <row r="30" spans="1:4" ht="18" customHeight="1" x14ac:dyDescent="0.15">
      <c r="A30" s="5">
        <v>20</v>
      </c>
      <c r="B30" s="22">
        <v>18</v>
      </c>
      <c r="C30" s="14">
        <v>21</v>
      </c>
      <c r="D30" s="18">
        <v>39</v>
      </c>
    </row>
    <row r="31" spans="1:4" ht="18" customHeight="1" x14ac:dyDescent="0.15">
      <c r="A31" s="5">
        <v>21</v>
      </c>
      <c r="B31" s="22">
        <v>23</v>
      </c>
      <c r="C31" s="14">
        <v>16</v>
      </c>
      <c r="D31" s="18">
        <v>39</v>
      </c>
    </row>
    <row r="32" spans="1:4" ht="18" customHeight="1" x14ac:dyDescent="0.15">
      <c r="A32" s="5">
        <v>22</v>
      </c>
      <c r="B32" s="22">
        <v>20</v>
      </c>
      <c r="C32" s="14">
        <v>24</v>
      </c>
      <c r="D32" s="18">
        <v>44</v>
      </c>
    </row>
    <row r="33" spans="1:4" ht="18" customHeight="1" x14ac:dyDescent="0.15">
      <c r="A33" s="5">
        <v>23</v>
      </c>
      <c r="B33" s="22">
        <v>20</v>
      </c>
      <c r="C33" s="14">
        <v>24</v>
      </c>
      <c r="D33" s="18">
        <v>44</v>
      </c>
    </row>
    <row r="34" spans="1:4" ht="18" customHeight="1" x14ac:dyDescent="0.15">
      <c r="A34" s="5">
        <v>24</v>
      </c>
      <c r="B34" s="22">
        <v>22</v>
      </c>
      <c r="C34" s="14">
        <v>24</v>
      </c>
      <c r="D34" s="18">
        <v>46</v>
      </c>
    </row>
    <row r="35" spans="1:4" ht="18" customHeight="1" x14ac:dyDescent="0.15">
      <c r="A35" s="5" t="s">
        <v>9</v>
      </c>
      <c r="B35" s="22">
        <v>103</v>
      </c>
      <c r="C35" s="14">
        <v>109</v>
      </c>
      <c r="D35" s="18">
        <v>212</v>
      </c>
    </row>
    <row r="36" spans="1:4" ht="18" customHeight="1" x14ac:dyDescent="0.15">
      <c r="A36" s="5">
        <v>25</v>
      </c>
      <c r="B36" s="22">
        <v>27</v>
      </c>
      <c r="C36" s="14">
        <v>20</v>
      </c>
      <c r="D36" s="18">
        <v>47</v>
      </c>
    </row>
    <row r="37" spans="1:4" ht="18" customHeight="1" x14ac:dyDescent="0.15">
      <c r="A37" s="5">
        <v>26</v>
      </c>
      <c r="B37" s="22">
        <v>26</v>
      </c>
      <c r="C37" s="14">
        <v>26</v>
      </c>
      <c r="D37" s="18">
        <v>52</v>
      </c>
    </row>
    <row r="38" spans="1:4" ht="18" customHeight="1" x14ac:dyDescent="0.15">
      <c r="A38" s="5">
        <v>27</v>
      </c>
      <c r="B38" s="22">
        <v>13</v>
      </c>
      <c r="C38" s="14">
        <v>24</v>
      </c>
      <c r="D38" s="18">
        <v>37</v>
      </c>
    </row>
    <row r="39" spans="1:4" ht="18" customHeight="1" x14ac:dyDescent="0.15">
      <c r="A39" s="5">
        <v>28</v>
      </c>
      <c r="B39" s="22">
        <v>20</v>
      </c>
      <c r="C39" s="14">
        <v>14</v>
      </c>
      <c r="D39" s="18">
        <v>34</v>
      </c>
    </row>
    <row r="40" spans="1:4" ht="18" customHeight="1" x14ac:dyDescent="0.15">
      <c r="A40" s="5">
        <v>29</v>
      </c>
      <c r="B40" s="22">
        <v>26</v>
      </c>
      <c r="C40" s="14">
        <v>24</v>
      </c>
      <c r="D40" s="18">
        <v>50</v>
      </c>
    </row>
    <row r="41" spans="1:4" ht="18" customHeight="1" x14ac:dyDescent="0.15">
      <c r="A41" s="5" t="s">
        <v>2</v>
      </c>
      <c r="B41" s="22">
        <v>112</v>
      </c>
      <c r="C41" s="14">
        <v>108</v>
      </c>
      <c r="D41" s="18">
        <v>220</v>
      </c>
    </row>
    <row r="42" spans="1:4" ht="18" customHeight="1" x14ac:dyDescent="0.15">
      <c r="A42" s="5">
        <v>30</v>
      </c>
      <c r="B42" s="22">
        <v>24</v>
      </c>
      <c r="C42" s="14">
        <v>23</v>
      </c>
      <c r="D42" s="18">
        <v>47</v>
      </c>
    </row>
    <row r="43" spans="1:4" ht="18" customHeight="1" x14ac:dyDescent="0.15">
      <c r="A43" s="5">
        <v>31</v>
      </c>
      <c r="B43" s="22">
        <v>26</v>
      </c>
      <c r="C43" s="14">
        <v>29</v>
      </c>
      <c r="D43" s="18">
        <v>55</v>
      </c>
    </row>
    <row r="44" spans="1:4" ht="18" customHeight="1" x14ac:dyDescent="0.15">
      <c r="A44" s="5">
        <v>32</v>
      </c>
      <c r="B44" s="22">
        <v>25</v>
      </c>
      <c r="C44" s="14">
        <v>16</v>
      </c>
      <c r="D44" s="18">
        <v>41</v>
      </c>
    </row>
    <row r="45" spans="1:4" ht="18" customHeight="1" x14ac:dyDescent="0.15">
      <c r="A45" s="5">
        <v>33</v>
      </c>
      <c r="B45" s="22">
        <v>22</v>
      </c>
      <c r="C45" s="14">
        <v>17</v>
      </c>
      <c r="D45" s="18">
        <v>39</v>
      </c>
    </row>
    <row r="46" spans="1:4" ht="18" customHeight="1" x14ac:dyDescent="0.15">
      <c r="A46" s="5">
        <v>34</v>
      </c>
      <c r="B46" s="22">
        <v>30</v>
      </c>
      <c r="C46" s="14">
        <v>24</v>
      </c>
      <c r="D46" s="18">
        <v>54</v>
      </c>
    </row>
    <row r="47" spans="1:4" ht="18" customHeight="1" x14ac:dyDescent="0.15">
      <c r="A47" s="5" t="s">
        <v>15</v>
      </c>
      <c r="B47" s="22">
        <v>127</v>
      </c>
      <c r="C47" s="14">
        <v>109</v>
      </c>
      <c r="D47" s="18">
        <v>236</v>
      </c>
    </row>
    <row r="48" spans="1:4" ht="18" customHeight="1" x14ac:dyDescent="0.15">
      <c r="A48" s="5">
        <v>35</v>
      </c>
      <c r="B48" s="22">
        <v>35</v>
      </c>
      <c r="C48" s="14">
        <v>29</v>
      </c>
      <c r="D48" s="18">
        <v>64</v>
      </c>
    </row>
    <row r="49" spans="1:4" ht="18" customHeight="1" x14ac:dyDescent="0.15">
      <c r="A49" s="5">
        <v>36</v>
      </c>
      <c r="B49" s="22">
        <v>19</v>
      </c>
      <c r="C49" s="14">
        <v>30</v>
      </c>
      <c r="D49" s="18">
        <v>49</v>
      </c>
    </row>
    <row r="50" spans="1:4" ht="18" customHeight="1" x14ac:dyDescent="0.15">
      <c r="A50" s="5">
        <v>37</v>
      </c>
      <c r="B50" s="22">
        <v>33</v>
      </c>
      <c r="C50" s="14">
        <v>37</v>
      </c>
      <c r="D50" s="18">
        <v>70</v>
      </c>
    </row>
    <row r="51" spans="1:4" ht="18" customHeight="1" x14ac:dyDescent="0.15">
      <c r="A51" s="5">
        <v>38</v>
      </c>
      <c r="B51" s="22">
        <v>22</v>
      </c>
      <c r="C51" s="14">
        <v>26</v>
      </c>
      <c r="D51" s="18">
        <v>48</v>
      </c>
    </row>
    <row r="52" spans="1:4" ht="18" customHeight="1" x14ac:dyDescent="0.15">
      <c r="A52" s="5">
        <v>39</v>
      </c>
      <c r="B52" s="22">
        <v>24</v>
      </c>
      <c r="C52" s="14">
        <v>22</v>
      </c>
      <c r="D52" s="18">
        <v>46</v>
      </c>
    </row>
    <row r="53" spans="1:4" ht="18" customHeight="1" x14ac:dyDescent="0.15">
      <c r="A53" s="5" t="s">
        <v>18</v>
      </c>
      <c r="B53" s="22">
        <v>133</v>
      </c>
      <c r="C53" s="14">
        <v>144</v>
      </c>
      <c r="D53" s="18">
        <v>277</v>
      </c>
    </row>
    <row r="54" spans="1:4" ht="18" customHeight="1" x14ac:dyDescent="0.15">
      <c r="A54" s="5">
        <v>40</v>
      </c>
      <c r="B54" s="22">
        <v>15</v>
      </c>
      <c r="C54" s="14">
        <v>27</v>
      </c>
      <c r="D54" s="18">
        <v>42</v>
      </c>
    </row>
    <row r="55" spans="1:4" ht="18" customHeight="1" x14ac:dyDescent="0.15">
      <c r="A55" s="5">
        <v>41</v>
      </c>
      <c r="B55" s="22">
        <v>32</v>
      </c>
      <c r="C55" s="14">
        <v>27</v>
      </c>
      <c r="D55" s="18">
        <v>59</v>
      </c>
    </row>
    <row r="56" spans="1:4" ht="18" customHeight="1" x14ac:dyDescent="0.15">
      <c r="A56" s="5">
        <v>42</v>
      </c>
      <c r="B56" s="22">
        <v>34</v>
      </c>
      <c r="C56" s="14">
        <v>33</v>
      </c>
      <c r="D56" s="18">
        <v>67</v>
      </c>
    </row>
    <row r="57" spans="1:4" ht="18" customHeight="1" x14ac:dyDescent="0.15">
      <c r="A57" s="5">
        <v>43</v>
      </c>
      <c r="B57" s="22">
        <v>34</v>
      </c>
      <c r="C57" s="14">
        <v>23</v>
      </c>
      <c r="D57" s="18">
        <v>57</v>
      </c>
    </row>
    <row r="58" spans="1:4" ht="18" customHeight="1" x14ac:dyDescent="0.15">
      <c r="A58" s="5">
        <v>44</v>
      </c>
      <c r="B58" s="22">
        <v>33</v>
      </c>
      <c r="C58" s="14">
        <v>23</v>
      </c>
      <c r="D58" s="18">
        <v>56</v>
      </c>
    </row>
    <row r="59" spans="1:4" ht="18" customHeight="1" x14ac:dyDescent="0.15">
      <c r="A59" s="5" t="s">
        <v>21</v>
      </c>
      <c r="B59" s="22">
        <v>148</v>
      </c>
      <c r="C59" s="14">
        <v>133</v>
      </c>
      <c r="D59" s="18">
        <v>281</v>
      </c>
    </row>
    <row r="60" spans="1:4" ht="18" customHeight="1" x14ac:dyDescent="0.15">
      <c r="A60" s="5">
        <v>45</v>
      </c>
      <c r="B60" s="22">
        <v>24</v>
      </c>
      <c r="C60" s="14">
        <v>34</v>
      </c>
      <c r="D60" s="18">
        <v>58</v>
      </c>
    </row>
    <row r="61" spans="1:4" ht="18" customHeight="1" x14ac:dyDescent="0.15">
      <c r="A61" s="5">
        <v>46</v>
      </c>
      <c r="B61" s="22">
        <v>27</v>
      </c>
      <c r="C61" s="14">
        <v>17</v>
      </c>
      <c r="D61" s="18">
        <v>44</v>
      </c>
    </row>
    <row r="62" spans="1:4" ht="18" customHeight="1" x14ac:dyDescent="0.15">
      <c r="A62" s="5">
        <v>47</v>
      </c>
      <c r="B62" s="22">
        <v>39</v>
      </c>
      <c r="C62" s="14">
        <v>32</v>
      </c>
      <c r="D62" s="18">
        <v>71</v>
      </c>
    </row>
    <row r="63" spans="1:4" ht="18" customHeight="1" x14ac:dyDescent="0.15">
      <c r="A63" s="5">
        <v>48</v>
      </c>
      <c r="B63" s="22">
        <v>32</v>
      </c>
      <c r="C63" s="14">
        <v>40</v>
      </c>
      <c r="D63" s="18">
        <v>72</v>
      </c>
    </row>
    <row r="64" spans="1:4" ht="18" customHeight="1" x14ac:dyDescent="0.15">
      <c r="A64" s="5">
        <v>49</v>
      </c>
      <c r="B64" s="22">
        <v>34</v>
      </c>
      <c r="C64" s="14">
        <v>25</v>
      </c>
      <c r="D64" s="18">
        <v>59</v>
      </c>
    </row>
    <row r="65" spans="1:4" ht="18" customHeight="1" x14ac:dyDescent="0.15">
      <c r="A65" s="5" t="s">
        <v>17</v>
      </c>
      <c r="B65" s="22">
        <v>156</v>
      </c>
      <c r="C65" s="14">
        <v>148</v>
      </c>
      <c r="D65" s="18">
        <v>304</v>
      </c>
    </row>
    <row r="66" spans="1:4" ht="18" customHeight="1" x14ac:dyDescent="0.15">
      <c r="A66" s="5">
        <v>50</v>
      </c>
      <c r="B66" s="22">
        <v>43</v>
      </c>
      <c r="C66" s="14">
        <v>32</v>
      </c>
      <c r="D66" s="18">
        <v>75</v>
      </c>
    </row>
    <row r="67" spans="1:4" ht="18" customHeight="1" x14ac:dyDescent="0.15">
      <c r="A67" s="5">
        <v>51</v>
      </c>
      <c r="B67" s="22">
        <v>33</v>
      </c>
      <c r="C67" s="14">
        <v>38</v>
      </c>
      <c r="D67" s="18">
        <v>71</v>
      </c>
    </row>
    <row r="68" spans="1:4" ht="18" customHeight="1" x14ac:dyDescent="0.15">
      <c r="A68" s="5">
        <v>52</v>
      </c>
      <c r="B68" s="22">
        <v>33</v>
      </c>
      <c r="C68" s="14">
        <v>37</v>
      </c>
      <c r="D68" s="18">
        <v>70</v>
      </c>
    </row>
    <row r="69" spans="1:4" ht="18" customHeight="1" x14ac:dyDescent="0.15">
      <c r="A69" s="5">
        <v>53</v>
      </c>
      <c r="B69" s="22">
        <v>46</v>
      </c>
      <c r="C69" s="14">
        <v>32</v>
      </c>
      <c r="D69" s="18">
        <v>78</v>
      </c>
    </row>
    <row r="70" spans="1:4" ht="18" customHeight="1" x14ac:dyDescent="0.15">
      <c r="A70" s="5">
        <v>54</v>
      </c>
      <c r="B70" s="22">
        <v>38</v>
      </c>
      <c r="C70" s="14">
        <v>37</v>
      </c>
      <c r="D70" s="18">
        <v>75</v>
      </c>
    </row>
    <row r="71" spans="1:4" ht="18" customHeight="1" x14ac:dyDescent="0.15">
      <c r="A71" s="5" t="s">
        <v>22</v>
      </c>
      <c r="B71" s="22">
        <v>193</v>
      </c>
      <c r="C71" s="14">
        <v>176</v>
      </c>
      <c r="D71" s="18">
        <v>369</v>
      </c>
    </row>
    <row r="72" spans="1:4" ht="18" customHeight="1" x14ac:dyDescent="0.15">
      <c r="A72" s="5">
        <v>55</v>
      </c>
      <c r="B72" s="22">
        <v>29</v>
      </c>
      <c r="C72" s="14">
        <v>34</v>
      </c>
      <c r="D72" s="18">
        <v>63</v>
      </c>
    </row>
    <row r="73" spans="1:4" ht="18" customHeight="1" x14ac:dyDescent="0.15">
      <c r="A73" s="5">
        <v>56</v>
      </c>
      <c r="B73" s="22">
        <v>35</v>
      </c>
      <c r="C73" s="14">
        <v>36</v>
      </c>
      <c r="D73" s="18">
        <v>71</v>
      </c>
    </row>
    <row r="74" spans="1:4" ht="18" customHeight="1" x14ac:dyDescent="0.15">
      <c r="A74" s="5">
        <v>57</v>
      </c>
      <c r="B74" s="22">
        <v>40</v>
      </c>
      <c r="C74" s="14">
        <v>49</v>
      </c>
      <c r="D74" s="18">
        <v>89</v>
      </c>
    </row>
    <row r="75" spans="1:4" ht="18" customHeight="1" x14ac:dyDescent="0.15">
      <c r="A75" s="5">
        <v>58</v>
      </c>
      <c r="B75" s="22">
        <v>42</v>
      </c>
      <c r="C75" s="14">
        <v>34</v>
      </c>
      <c r="D75" s="18">
        <v>76</v>
      </c>
    </row>
    <row r="76" spans="1:4" ht="18" customHeight="1" x14ac:dyDescent="0.15">
      <c r="A76" s="5">
        <v>59</v>
      </c>
      <c r="B76" s="22">
        <v>38</v>
      </c>
      <c r="C76" s="14">
        <v>48</v>
      </c>
      <c r="D76" s="18">
        <v>86</v>
      </c>
    </row>
    <row r="77" spans="1:4" ht="18" customHeight="1" x14ac:dyDescent="0.15">
      <c r="A77" s="5" t="s">
        <v>27</v>
      </c>
      <c r="B77" s="22">
        <v>184</v>
      </c>
      <c r="C77" s="14">
        <v>201</v>
      </c>
      <c r="D77" s="18">
        <v>385</v>
      </c>
    </row>
    <row r="78" spans="1:4" ht="18" customHeight="1" x14ac:dyDescent="0.15">
      <c r="A78" s="5">
        <v>60</v>
      </c>
      <c r="B78" s="22">
        <v>26</v>
      </c>
      <c r="C78" s="14">
        <v>32</v>
      </c>
      <c r="D78" s="18">
        <v>58</v>
      </c>
    </row>
    <row r="79" spans="1:4" ht="18" customHeight="1" x14ac:dyDescent="0.15">
      <c r="A79" s="5">
        <v>61</v>
      </c>
      <c r="B79" s="22">
        <v>42</v>
      </c>
      <c r="C79" s="14">
        <v>42</v>
      </c>
      <c r="D79" s="18">
        <v>84</v>
      </c>
    </row>
    <row r="80" spans="1:4" ht="18" customHeight="1" x14ac:dyDescent="0.15">
      <c r="A80" s="5">
        <v>62</v>
      </c>
      <c r="B80" s="22">
        <v>32</v>
      </c>
      <c r="C80" s="14">
        <v>25</v>
      </c>
      <c r="D80" s="18">
        <v>57</v>
      </c>
    </row>
    <row r="81" spans="1:4" ht="18" customHeight="1" x14ac:dyDescent="0.15">
      <c r="A81" s="5">
        <v>63</v>
      </c>
      <c r="B81" s="22">
        <v>30</v>
      </c>
      <c r="C81" s="14">
        <v>37</v>
      </c>
      <c r="D81" s="18">
        <v>67</v>
      </c>
    </row>
    <row r="82" spans="1:4" ht="18" customHeight="1" x14ac:dyDescent="0.15">
      <c r="A82" s="5">
        <v>64</v>
      </c>
      <c r="B82" s="22">
        <v>30</v>
      </c>
      <c r="C82" s="14">
        <v>20</v>
      </c>
      <c r="D82" s="18">
        <v>50</v>
      </c>
    </row>
    <row r="83" spans="1:4" ht="18" customHeight="1" x14ac:dyDescent="0.15">
      <c r="A83" s="5" t="s">
        <v>28</v>
      </c>
      <c r="B83" s="22">
        <v>160</v>
      </c>
      <c r="C83" s="14">
        <v>156</v>
      </c>
      <c r="D83" s="18">
        <v>316</v>
      </c>
    </row>
    <row r="84" spans="1:4" ht="18" customHeight="1" x14ac:dyDescent="0.15">
      <c r="A84" s="5" t="s">
        <v>31</v>
      </c>
      <c r="B84" s="22">
        <v>1431</v>
      </c>
      <c r="C84" s="14">
        <v>1380</v>
      </c>
      <c r="D84" s="18">
        <v>2811</v>
      </c>
    </row>
    <row r="85" spans="1:4" ht="18" customHeight="1" x14ac:dyDescent="0.15">
      <c r="A85" s="5">
        <v>65</v>
      </c>
      <c r="B85" s="22">
        <v>34</v>
      </c>
      <c r="C85" s="14">
        <v>27</v>
      </c>
      <c r="D85" s="18">
        <v>61</v>
      </c>
    </row>
    <row r="86" spans="1:4" ht="18" customHeight="1" x14ac:dyDescent="0.15">
      <c r="A86" s="5">
        <v>66</v>
      </c>
      <c r="B86" s="22">
        <v>31</v>
      </c>
      <c r="C86" s="14">
        <v>33</v>
      </c>
      <c r="D86" s="18">
        <v>64</v>
      </c>
    </row>
    <row r="87" spans="1:4" ht="18" customHeight="1" x14ac:dyDescent="0.15">
      <c r="A87" s="5">
        <v>67</v>
      </c>
      <c r="B87" s="22">
        <v>34</v>
      </c>
      <c r="C87" s="14">
        <v>27</v>
      </c>
      <c r="D87" s="18">
        <v>61</v>
      </c>
    </row>
    <row r="88" spans="1:4" ht="18" customHeight="1" x14ac:dyDescent="0.15">
      <c r="A88" s="5">
        <v>68</v>
      </c>
      <c r="B88" s="22">
        <v>26</v>
      </c>
      <c r="C88" s="14">
        <v>38</v>
      </c>
      <c r="D88" s="18">
        <v>64</v>
      </c>
    </row>
    <row r="89" spans="1:4" ht="18" customHeight="1" x14ac:dyDescent="0.15">
      <c r="A89" s="5">
        <v>69</v>
      </c>
      <c r="B89" s="22">
        <v>17</v>
      </c>
      <c r="C89" s="14">
        <v>37</v>
      </c>
      <c r="D89" s="18">
        <v>54</v>
      </c>
    </row>
    <row r="90" spans="1:4" ht="18" customHeight="1" x14ac:dyDescent="0.15">
      <c r="A90" s="5" t="s">
        <v>20</v>
      </c>
      <c r="B90" s="22">
        <v>142</v>
      </c>
      <c r="C90" s="14">
        <v>162</v>
      </c>
      <c r="D90" s="18">
        <v>304</v>
      </c>
    </row>
    <row r="91" spans="1:4" ht="18" customHeight="1" x14ac:dyDescent="0.15">
      <c r="A91" s="5">
        <v>70</v>
      </c>
      <c r="B91" s="22">
        <v>29</v>
      </c>
      <c r="C91" s="14">
        <v>27</v>
      </c>
      <c r="D91" s="18">
        <v>56</v>
      </c>
    </row>
    <row r="92" spans="1:4" ht="18" customHeight="1" x14ac:dyDescent="0.15">
      <c r="A92" s="5">
        <v>71</v>
      </c>
      <c r="B92" s="22">
        <v>36</v>
      </c>
      <c r="C92" s="14">
        <v>44</v>
      </c>
      <c r="D92" s="18">
        <v>80</v>
      </c>
    </row>
    <row r="93" spans="1:4" ht="18" customHeight="1" x14ac:dyDescent="0.15">
      <c r="A93" s="5">
        <v>72</v>
      </c>
      <c r="B93" s="22">
        <v>31</v>
      </c>
      <c r="C93" s="14">
        <v>34</v>
      </c>
      <c r="D93" s="18">
        <v>65</v>
      </c>
    </row>
    <row r="94" spans="1:4" ht="18" customHeight="1" x14ac:dyDescent="0.15">
      <c r="A94" s="5">
        <v>73</v>
      </c>
      <c r="B94" s="22">
        <v>28</v>
      </c>
      <c r="C94" s="14">
        <v>30</v>
      </c>
      <c r="D94" s="18">
        <v>58</v>
      </c>
    </row>
    <row r="95" spans="1:4" ht="18" customHeight="1" x14ac:dyDescent="0.15">
      <c r="A95" s="5">
        <v>74</v>
      </c>
      <c r="B95" s="22">
        <v>28</v>
      </c>
      <c r="C95" s="14">
        <v>43</v>
      </c>
      <c r="D95" s="18">
        <v>71</v>
      </c>
    </row>
    <row r="96" spans="1:4" ht="18" customHeight="1" x14ac:dyDescent="0.15">
      <c r="A96" s="5" t="s">
        <v>33</v>
      </c>
      <c r="B96" s="22">
        <v>152</v>
      </c>
      <c r="C96" s="14">
        <v>178</v>
      </c>
      <c r="D96" s="18">
        <v>330</v>
      </c>
    </row>
    <row r="97" spans="1:4" ht="18" customHeight="1" x14ac:dyDescent="0.15">
      <c r="A97" s="5">
        <v>75</v>
      </c>
      <c r="B97" s="22">
        <v>28</v>
      </c>
      <c r="C97" s="14">
        <v>32</v>
      </c>
      <c r="D97" s="18">
        <v>60</v>
      </c>
    </row>
    <row r="98" spans="1:4" ht="18" customHeight="1" x14ac:dyDescent="0.15">
      <c r="A98" s="5">
        <v>76</v>
      </c>
      <c r="B98" s="22">
        <v>30</v>
      </c>
      <c r="C98" s="14">
        <v>37</v>
      </c>
      <c r="D98" s="18">
        <v>67</v>
      </c>
    </row>
    <row r="99" spans="1:4" ht="18" customHeight="1" x14ac:dyDescent="0.15">
      <c r="A99" s="5">
        <v>77</v>
      </c>
      <c r="B99" s="22">
        <v>39</v>
      </c>
      <c r="C99" s="14">
        <v>39</v>
      </c>
      <c r="D99" s="18">
        <v>78</v>
      </c>
    </row>
    <row r="100" spans="1:4" ht="18" customHeight="1" x14ac:dyDescent="0.15">
      <c r="A100" s="5">
        <v>78</v>
      </c>
      <c r="B100" s="22">
        <v>35</v>
      </c>
      <c r="C100" s="14">
        <v>38</v>
      </c>
      <c r="D100" s="18">
        <v>73</v>
      </c>
    </row>
    <row r="101" spans="1:4" ht="18" customHeight="1" x14ac:dyDescent="0.15">
      <c r="A101" s="5">
        <v>79</v>
      </c>
      <c r="B101" s="22">
        <v>28</v>
      </c>
      <c r="C101" s="14">
        <v>31</v>
      </c>
      <c r="D101" s="18">
        <v>59</v>
      </c>
    </row>
    <row r="102" spans="1:4" ht="18" customHeight="1" x14ac:dyDescent="0.15">
      <c r="A102" s="5" t="s">
        <v>0</v>
      </c>
      <c r="B102" s="22">
        <v>160</v>
      </c>
      <c r="C102" s="14">
        <v>177</v>
      </c>
      <c r="D102" s="18">
        <v>337</v>
      </c>
    </row>
    <row r="103" spans="1:4" ht="18" customHeight="1" x14ac:dyDescent="0.15">
      <c r="A103" s="5">
        <v>80</v>
      </c>
      <c r="B103" s="22">
        <v>15</v>
      </c>
      <c r="C103" s="14">
        <v>16</v>
      </c>
      <c r="D103" s="18">
        <v>31</v>
      </c>
    </row>
    <row r="104" spans="1:4" ht="18" customHeight="1" x14ac:dyDescent="0.15">
      <c r="A104" s="5">
        <v>81</v>
      </c>
      <c r="B104" s="22">
        <v>16</v>
      </c>
      <c r="C104" s="14">
        <v>27</v>
      </c>
      <c r="D104" s="18">
        <v>43</v>
      </c>
    </row>
    <row r="105" spans="1:4" ht="18" customHeight="1" x14ac:dyDescent="0.15">
      <c r="A105" s="5">
        <v>82</v>
      </c>
      <c r="B105" s="22">
        <v>20</v>
      </c>
      <c r="C105" s="14">
        <v>29</v>
      </c>
      <c r="D105" s="18">
        <v>49</v>
      </c>
    </row>
    <row r="106" spans="1:4" ht="18" customHeight="1" x14ac:dyDescent="0.15">
      <c r="A106" s="5">
        <v>83</v>
      </c>
      <c r="B106" s="22">
        <v>11</v>
      </c>
      <c r="C106" s="14">
        <v>21</v>
      </c>
      <c r="D106" s="18">
        <v>32</v>
      </c>
    </row>
    <row r="107" spans="1:4" ht="18" customHeight="1" x14ac:dyDescent="0.15">
      <c r="A107" s="5">
        <v>84</v>
      </c>
      <c r="B107" s="22">
        <v>17</v>
      </c>
      <c r="C107" s="14">
        <v>36</v>
      </c>
      <c r="D107" s="18">
        <v>53</v>
      </c>
    </row>
    <row r="108" spans="1:4" ht="18" customHeight="1" x14ac:dyDescent="0.15">
      <c r="A108" s="5" t="s">
        <v>35</v>
      </c>
      <c r="B108" s="22">
        <v>79</v>
      </c>
      <c r="C108" s="14">
        <v>129</v>
      </c>
      <c r="D108" s="18">
        <v>208</v>
      </c>
    </row>
    <row r="109" spans="1:4" ht="18" customHeight="1" x14ac:dyDescent="0.15">
      <c r="A109" s="5">
        <v>85</v>
      </c>
      <c r="B109" s="22">
        <v>15</v>
      </c>
      <c r="C109" s="14">
        <v>25</v>
      </c>
      <c r="D109" s="18">
        <v>40</v>
      </c>
    </row>
    <row r="110" spans="1:4" ht="18" customHeight="1" x14ac:dyDescent="0.15">
      <c r="A110" s="5">
        <v>86</v>
      </c>
      <c r="B110" s="22">
        <v>8</v>
      </c>
      <c r="C110" s="14">
        <v>28</v>
      </c>
      <c r="D110" s="18">
        <v>36</v>
      </c>
    </row>
    <row r="111" spans="1:4" ht="18" customHeight="1" x14ac:dyDescent="0.15">
      <c r="A111" s="5">
        <v>87</v>
      </c>
      <c r="B111" s="22">
        <v>14</v>
      </c>
      <c r="C111" s="14">
        <v>19</v>
      </c>
      <c r="D111" s="18">
        <v>33</v>
      </c>
    </row>
    <row r="112" spans="1:4" ht="18" customHeight="1" x14ac:dyDescent="0.15">
      <c r="A112" s="5">
        <v>88</v>
      </c>
      <c r="B112" s="22">
        <v>18</v>
      </c>
      <c r="C112" s="14">
        <v>18</v>
      </c>
      <c r="D112" s="18">
        <v>36</v>
      </c>
    </row>
    <row r="113" spans="1:4" ht="18" customHeight="1" x14ac:dyDescent="0.15">
      <c r="A113" s="5">
        <v>89</v>
      </c>
      <c r="B113" s="22">
        <v>11</v>
      </c>
      <c r="C113" s="14">
        <v>16</v>
      </c>
      <c r="D113" s="18">
        <v>27</v>
      </c>
    </row>
    <row r="114" spans="1:4" ht="18" customHeight="1" x14ac:dyDescent="0.15">
      <c r="A114" s="5" t="s">
        <v>37</v>
      </c>
      <c r="B114" s="22">
        <v>66</v>
      </c>
      <c r="C114" s="14">
        <v>106</v>
      </c>
      <c r="D114" s="18">
        <v>172</v>
      </c>
    </row>
    <row r="115" spans="1:4" ht="18" customHeight="1" x14ac:dyDescent="0.15">
      <c r="A115" s="5">
        <v>90</v>
      </c>
      <c r="B115" s="22">
        <v>10</v>
      </c>
      <c r="C115" s="14">
        <v>21</v>
      </c>
      <c r="D115" s="18">
        <v>31</v>
      </c>
    </row>
    <row r="116" spans="1:4" ht="18" customHeight="1" x14ac:dyDescent="0.15">
      <c r="A116" s="5">
        <v>91</v>
      </c>
      <c r="B116" s="22">
        <v>6</v>
      </c>
      <c r="C116" s="14">
        <v>19</v>
      </c>
      <c r="D116" s="18">
        <v>25</v>
      </c>
    </row>
    <row r="117" spans="1:4" ht="18" customHeight="1" x14ac:dyDescent="0.15">
      <c r="A117" s="5">
        <v>92</v>
      </c>
      <c r="B117" s="22">
        <v>9</v>
      </c>
      <c r="C117" s="14">
        <v>13</v>
      </c>
      <c r="D117" s="18">
        <v>22</v>
      </c>
    </row>
    <row r="118" spans="1:4" ht="18" customHeight="1" x14ac:dyDescent="0.15">
      <c r="A118" s="5">
        <v>93</v>
      </c>
      <c r="B118" s="22">
        <v>3</v>
      </c>
      <c r="C118" s="14">
        <v>13</v>
      </c>
      <c r="D118" s="18">
        <v>16</v>
      </c>
    </row>
    <row r="119" spans="1:4" ht="18" customHeight="1" x14ac:dyDescent="0.15">
      <c r="A119" s="5">
        <v>94</v>
      </c>
      <c r="B119" s="22">
        <v>3</v>
      </c>
      <c r="C119" s="14">
        <v>13</v>
      </c>
      <c r="D119" s="18">
        <v>16</v>
      </c>
    </row>
    <row r="120" spans="1:4" ht="18" customHeight="1" x14ac:dyDescent="0.15">
      <c r="A120" s="5" t="s">
        <v>39</v>
      </c>
      <c r="B120" s="22">
        <v>31</v>
      </c>
      <c r="C120" s="14">
        <v>79</v>
      </c>
      <c r="D120" s="18">
        <v>110</v>
      </c>
    </row>
    <row r="121" spans="1:4" ht="18" customHeight="1" x14ac:dyDescent="0.15">
      <c r="A121" s="5">
        <v>95</v>
      </c>
      <c r="B121" s="22">
        <v>2</v>
      </c>
      <c r="C121" s="14">
        <v>13</v>
      </c>
      <c r="D121" s="18">
        <v>15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2</v>
      </c>
      <c r="C123" s="14">
        <v>8</v>
      </c>
      <c r="D123" s="18">
        <v>10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5</v>
      </c>
      <c r="C126" s="14">
        <v>28</v>
      </c>
      <c r="D126" s="18">
        <v>33</v>
      </c>
    </row>
    <row r="127" spans="1:4" ht="18" customHeight="1" x14ac:dyDescent="0.15">
      <c r="A127" s="5">
        <v>100</v>
      </c>
      <c r="B127" s="22">
        <v>3</v>
      </c>
      <c r="C127" s="14">
        <v>1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3</v>
      </c>
      <c r="C129" s="14">
        <v>4</v>
      </c>
      <c r="D129" s="18">
        <v>7</v>
      </c>
    </row>
    <row r="130" spans="1:4" ht="18" customHeight="1" x14ac:dyDescent="0.15">
      <c r="A130" s="5" t="s">
        <v>46</v>
      </c>
      <c r="B130" s="22">
        <v>638</v>
      </c>
      <c r="C130" s="14">
        <v>863</v>
      </c>
      <c r="D130" s="18">
        <v>1501</v>
      </c>
    </row>
    <row r="131" spans="1:4" ht="18" customHeight="1" x14ac:dyDescent="0.15">
      <c r="A131" s="7" t="s">
        <v>45</v>
      </c>
      <c r="B131" s="23">
        <v>2377</v>
      </c>
      <c r="C131" s="15">
        <v>2535</v>
      </c>
      <c r="D131" s="19">
        <v>49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5</v>
      </c>
      <c r="C5" s="29">
        <v>99</v>
      </c>
      <c r="D5" s="31">
        <v>214</v>
      </c>
    </row>
    <row r="6" spans="1:4" ht="18" customHeight="1" x14ac:dyDescent="0.15">
      <c r="A6" s="5">
        <v>1</v>
      </c>
      <c r="B6" s="27">
        <v>134</v>
      </c>
      <c r="C6" s="14">
        <v>118</v>
      </c>
      <c r="D6" s="18">
        <v>252</v>
      </c>
    </row>
    <row r="7" spans="1:4" ht="18" customHeight="1" x14ac:dyDescent="0.15">
      <c r="A7" s="5">
        <v>2</v>
      </c>
      <c r="B7" s="27">
        <v>112</v>
      </c>
      <c r="C7" s="14">
        <v>111</v>
      </c>
      <c r="D7" s="18">
        <v>223</v>
      </c>
    </row>
    <row r="8" spans="1:4" ht="18" customHeight="1" x14ac:dyDescent="0.15">
      <c r="A8" s="5">
        <v>3</v>
      </c>
      <c r="B8" s="27">
        <v>142</v>
      </c>
      <c r="C8" s="14">
        <v>139</v>
      </c>
      <c r="D8" s="18">
        <v>281</v>
      </c>
    </row>
    <row r="9" spans="1:4" ht="18" customHeight="1" x14ac:dyDescent="0.15">
      <c r="A9" s="5">
        <v>4</v>
      </c>
      <c r="B9" s="28">
        <v>138</v>
      </c>
      <c r="C9" s="30">
        <v>144</v>
      </c>
      <c r="D9" s="32">
        <v>282</v>
      </c>
    </row>
    <row r="10" spans="1:4" ht="18" customHeight="1" x14ac:dyDescent="0.15">
      <c r="A10" s="5" t="s">
        <v>7</v>
      </c>
      <c r="B10" s="22">
        <v>641</v>
      </c>
      <c r="C10" s="14">
        <v>611</v>
      </c>
      <c r="D10" s="18">
        <v>1252</v>
      </c>
    </row>
    <row r="11" spans="1:4" ht="18" customHeight="1" x14ac:dyDescent="0.15">
      <c r="A11" s="5">
        <v>5</v>
      </c>
      <c r="B11" s="27">
        <v>155</v>
      </c>
      <c r="C11" s="14">
        <v>167</v>
      </c>
      <c r="D11" s="18">
        <v>322</v>
      </c>
    </row>
    <row r="12" spans="1:4" ht="18" customHeight="1" x14ac:dyDescent="0.15">
      <c r="A12" s="5">
        <v>6</v>
      </c>
      <c r="B12" s="27">
        <v>166</v>
      </c>
      <c r="C12" s="14">
        <v>154</v>
      </c>
      <c r="D12" s="18">
        <v>320</v>
      </c>
    </row>
    <row r="13" spans="1:4" ht="18" customHeight="1" x14ac:dyDescent="0.15">
      <c r="A13" s="5">
        <v>7</v>
      </c>
      <c r="B13" s="27">
        <v>173</v>
      </c>
      <c r="C13" s="14">
        <v>158</v>
      </c>
      <c r="D13" s="18">
        <v>331</v>
      </c>
    </row>
    <row r="14" spans="1:4" ht="18" customHeight="1" x14ac:dyDescent="0.15">
      <c r="A14" s="5">
        <v>8</v>
      </c>
      <c r="B14" s="27">
        <v>185</v>
      </c>
      <c r="C14" s="14">
        <v>163</v>
      </c>
      <c r="D14" s="18">
        <v>348</v>
      </c>
    </row>
    <row r="15" spans="1:4" ht="18" customHeight="1" x14ac:dyDescent="0.15">
      <c r="A15" s="5">
        <v>9</v>
      </c>
      <c r="B15" s="27">
        <v>194</v>
      </c>
      <c r="C15" s="14">
        <v>172</v>
      </c>
      <c r="D15" s="18">
        <v>366</v>
      </c>
    </row>
    <row r="16" spans="1:4" ht="18" customHeight="1" x14ac:dyDescent="0.15">
      <c r="A16" s="5" t="s">
        <v>11</v>
      </c>
      <c r="B16" s="22">
        <v>873</v>
      </c>
      <c r="C16" s="14">
        <v>814</v>
      </c>
      <c r="D16" s="18">
        <v>1687</v>
      </c>
    </row>
    <row r="17" spans="1:4" ht="18" customHeight="1" x14ac:dyDescent="0.15">
      <c r="A17" s="5">
        <v>10</v>
      </c>
      <c r="B17" s="22">
        <v>227</v>
      </c>
      <c r="C17" s="14">
        <v>171</v>
      </c>
      <c r="D17" s="18">
        <v>398</v>
      </c>
    </row>
    <row r="18" spans="1:4" ht="18" customHeight="1" x14ac:dyDescent="0.15">
      <c r="A18" s="5">
        <v>11</v>
      </c>
      <c r="B18" s="22">
        <v>174</v>
      </c>
      <c r="C18" s="14">
        <v>151</v>
      </c>
      <c r="D18" s="18">
        <v>325</v>
      </c>
    </row>
    <row r="19" spans="1:4" ht="18" customHeight="1" x14ac:dyDescent="0.15">
      <c r="A19" s="5">
        <v>12</v>
      </c>
      <c r="B19" s="22">
        <v>199</v>
      </c>
      <c r="C19" s="14">
        <v>208</v>
      </c>
      <c r="D19" s="18">
        <v>407</v>
      </c>
    </row>
    <row r="20" spans="1:4" ht="18" customHeight="1" x14ac:dyDescent="0.15">
      <c r="A20" s="5">
        <v>13</v>
      </c>
      <c r="B20" s="22">
        <v>203</v>
      </c>
      <c r="C20" s="14">
        <v>204</v>
      </c>
      <c r="D20" s="18">
        <v>407</v>
      </c>
    </row>
    <row r="21" spans="1:4" ht="18" customHeight="1" x14ac:dyDescent="0.15">
      <c r="A21" s="5">
        <v>14</v>
      </c>
      <c r="B21" s="22">
        <v>199</v>
      </c>
      <c r="C21" s="14">
        <v>195</v>
      </c>
      <c r="D21" s="18">
        <v>394</v>
      </c>
    </row>
    <row r="22" spans="1:4" ht="18" customHeight="1" x14ac:dyDescent="0.15">
      <c r="A22" s="5" t="s">
        <v>12</v>
      </c>
      <c r="B22" s="22">
        <v>1002</v>
      </c>
      <c r="C22" s="14">
        <v>929</v>
      </c>
      <c r="D22" s="18">
        <v>1931</v>
      </c>
    </row>
    <row r="23" spans="1:4" ht="18" customHeight="1" x14ac:dyDescent="0.15">
      <c r="A23" s="5" t="s">
        <v>6</v>
      </c>
      <c r="B23" s="22">
        <v>2516</v>
      </c>
      <c r="C23" s="14">
        <v>2354</v>
      </c>
      <c r="D23" s="18">
        <v>4870</v>
      </c>
    </row>
    <row r="24" spans="1:4" ht="18" customHeight="1" x14ac:dyDescent="0.15">
      <c r="A24" s="5">
        <v>15</v>
      </c>
      <c r="B24" s="22">
        <v>218</v>
      </c>
      <c r="C24" s="14">
        <v>206</v>
      </c>
      <c r="D24" s="18">
        <v>424</v>
      </c>
    </row>
    <row r="25" spans="1:4" ht="18" customHeight="1" x14ac:dyDescent="0.15">
      <c r="A25" s="5">
        <v>16</v>
      </c>
      <c r="B25" s="22">
        <v>223</v>
      </c>
      <c r="C25" s="14">
        <v>236</v>
      </c>
      <c r="D25" s="18">
        <v>459</v>
      </c>
    </row>
    <row r="26" spans="1:4" ht="18" customHeight="1" x14ac:dyDescent="0.15">
      <c r="A26" s="5">
        <v>17</v>
      </c>
      <c r="B26" s="22">
        <v>235</v>
      </c>
      <c r="C26" s="14">
        <v>208</v>
      </c>
      <c r="D26" s="18">
        <v>443</v>
      </c>
    </row>
    <row r="27" spans="1:4" ht="18" customHeight="1" x14ac:dyDescent="0.15">
      <c r="A27" s="5">
        <v>18</v>
      </c>
      <c r="B27" s="22">
        <v>226</v>
      </c>
      <c r="C27" s="14">
        <v>195</v>
      </c>
      <c r="D27" s="18">
        <v>421</v>
      </c>
    </row>
    <row r="28" spans="1:4" ht="18" customHeight="1" x14ac:dyDescent="0.15">
      <c r="A28" s="5">
        <v>19</v>
      </c>
      <c r="B28" s="22">
        <v>221</v>
      </c>
      <c r="C28" s="14">
        <v>228</v>
      </c>
      <c r="D28" s="18">
        <v>449</v>
      </c>
    </row>
    <row r="29" spans="1:4" ht="18" customHeight="1" x14ac:dyDescent="0.15">
      <c r="A29" s="5" t="s">
        <v>14</v>
      </c>
      <c r="B29" s="22">
        <v>1123</v>
      </c>
      <c r="C29" s="14">
        <v>1073</v>
      </c>
      <c r="D29" s="18">
        <v>2196</v>
      </c>
    </row>
    <row r="30" spans="1:4" ht="18" customHeight="1" x14ac:dyDescent="0.15">
      <c r="A30" s="5">
        <v>20</v>
      </c>
      <c r="B30" s="22">
        <v>221</v>
      </c>
      <c r="C30" s="14">
        <v>215</v>
      </c>
      <c r="D30" s="18">
        <v>436</v>
      </c>
    </row>
    <row r="31" spans="1:4" ht="18" customHeight="1" x14ac:dyDescent="0.15">
      <c r="A31" s="5">
        <v>21</v>
      </c>
      <c r="B31" s="22">
        <v>226</v>
      </c>
      <c r="C31" s="14">
        <v>193</v>
      </c>
      <c r="D31" s="18">
        <v>419</v>
      </c>
    </row>
    <row r="32" spans="1:4" ht="18" customHeight="1" x14ac:dyDescent="0.15">
      <c r="A32" s="5">
        <v>22</v>
      </c>
      <c r="B32" s="22">
        <v>228</v>
      </c>
      <c r="C32" s="14">
        <v>196</v>
      </c>
      <c r="D32" s="18">
        <v>424</v>
      </c>
    </row>
    <row r="33" spans="1:4" ht="18" customHeight="1" x14ac:dyDescent="0.15">
      <c r="A33" s="5">
        <v>23</v>
      </c>
      <c r="B33" s="22">
        <v>230</v>
      </c>
      <c r="C33" s="14">
        <v>208</v>
      </c>
      <c r="D33" s="18">
        <v>438</v>
      </c>
    </row>
    <row r="34" spans="1:4" ht="18" customHeight="1" x14ac:dyDescent="0.15">
      <c r="A34" s="5">
        <v>24</v>
      </c>
      <c r="B34" s="22">
        <v>213</v>
      </c>
      <c r="C34" s="14">
        <v>201</v>
      </c>
      <c r="D34" s="18">
        <v>414</v>
      </c>
    </row>
    <row r="35" spans="1:4" ht="18" customHeight="1" x14ac:dyDescent="0.15">
      <c r="A35" s="5" t="s">
        <v>9</v>
      </c>
      <c r="B35" s="22">
        <v>1118</v>
      </c>
      <c r="C35" s="14">
        <v>1013</v>
      </c>
      <c r="D35" s="18">
        <v>2131</v>
      </c>
    </row>
    <row r="36" spans="1:4" ht="18" customHeight="1" x14ac:dyDescent="0.15">
      <c r="A36" s="5">
        <v>25</v>
      </c>
      <c r="B36" s="22">
        <v>251</v>
      </c>
      <c r="C36" s="14">
        <v>173</v>
      </c>
      <c r="D36" s="18">
        <v>424</v>
      </c>
    </row>
    <row r="37" spans="1:4" ht="18" customHeight="1" x14ac:dyDescent="0.15">
      <c r="A37" s="5">
        <v>26</v>
      </c>
      <c r="B37" s="22">
        <v>230</v>
      </c>
      <c r="C37" s="14">
        <v>212</v>
      </c>
      <c r="D37" s="18">
        <v>442</v>
      </c>
    </row>
    <row r="38" spans="1:4" ht="18" customHeight="1" x14ac:dyDescent="0.15">
      <c r="A38" s="5">
        <v>27</v>
      </c>
      <c r="B38" s="22">
        <v>196</v>
      </c>
      <c r="C38" s="14">
        <v>193</v>
      </c>
      <c r="D38" s="18">
        <v>389</v>
      </c>
    </row>
    <row r="39" spans="1:4" ht="18" customHeight="1" x14ac:dyDescent="0.15">
      <c r="A39" s="5">
        <v>28</v>
      </c>
      <c r="B39" s="22">
        <v>197</v>
      </c>
      <c r="C39" s="14">
        <v>178</v>
      </c>
      <c r="D39" s="18">
        <v>375</v>
      </c>
    </row>
    <row r="40" spans="1:4" ht="18" customHeight="1" x14ac:dyDescent="0.15">
      <c r="A40" s="5">
        <v>29</v>
      </c>
      <c r="B40" s="22">
        <v>230</v>
      </c>
      <c r="C40" s="14">
        <v>188</v>
      </c>
      <c r="D40" s="18">
        <v>418</v>
      </c>
    </row>
    <row r="41" spans="1:4" ht="18" customHeight="1" x14ac:dyDescent="0.15">
      <c r="A41" s="5" t="s">
        <v>2</v>
      </c>
      <c r="B41" s="22">
        <v>1104</v>
      </c>
      <c r="C41" s="14">
        <v>944</v>
      </c>
      <c r="D41" s="18">
        <v>2048</v>
      </c>
    </row>
    <row r="42" spans="1:4" ht="18" customHeight="1" x14ac:dyDescent="0.15">
      <c r="A42" s="5">
        <v>30</v>
      </c>
      <c r="B42" s="22">
        <v>228</v>
      </c>
      <c r="C42" s="14">
        <v>191</v>
      </c>
      <c r="D42" s="18">
        <v>419</v>
      </c>
    </row>
    <row r="43" spans="1:4" ht="18" customHeight="1" x14ac:dyDescent="0.15">
      <c r="A43" s="5">
        <v>31</v>
      </c>
      <c r="B43" s="22">
        <v>232</v>
      </c>
      <c r="C43" s="14">
        <v>232</v>
      </c>
      <c r="D43" s="18">
        <v>464</v>
      </c>
    </row>
    <row r="44" spans="1:4" ht="18" customHeight="1" x14ac:dyDescent="0.15">
      <c r="A44" s="5">
        <v>32</v>
      </c>
      <c r="B44" s="22">
        <v>202</v>
      </c>
      <c r="C44" s="14">
        <v>166</v>
      </c>
      <c r="D44" s="18">
        <v>368</v>
      </c>
    </row>
    <row r="45" spans="1:4" ht="18" customHeight="1" x14ac:dyDescent="0.15">
      <c r="A45" s="5">
        <v>33</v>
      </c>
      <c r="B45" s="22">
        <v>213</v>
      </c>
      <c r="C45" s="14">
        <v>181</v>
      </c>
      <c r="D45" s="18">
        <v>394</v>
      </c>
    </row>
    <row r="46" spans="1:4" ht="18" customHeight="1" x14ac:dyDescent="0.15">
      <c r="A46" s="5">
        <v>34</v>
      </c>
      <c r="B46" s="22">
        <v>204</v>
      </c>
      <c r="C46" s="14">
        <v>179</v>
      </c>
      <c r="D46" s="18">
        <v>383</v>
      </c>
    </row>
    <row r="47" spans="1:4" ht="18" customHeight="1" x14ac:dyDescent="0.15">
      <c r="A47" s="5" t="s">
        <v>15</v>
      </c>
      <c r="B47" s="22">
        <v>1079</v>
      </c>
      <c r="C47" s="14">
        <v>949</v>
      </c>
      <c r="D47" s="18">
        <v>2028</v>
      </c>
    </row>
    <row r="48" spans="1:4" ht="18" customHeight="1" x14ac:dyDescent="0.15">
      <c r="A48" s="5">
        <v>35</v>
      </c>
      <c r="B48" s="22">
        <v>238</v>
      </c>
      <c r="C48" s="14">
        <v>201</v>
      </c>
      <c r="D48" s="18">
        <v>439</v>
      </c>
    </row>
    <row r="49" spans="1:4" ht="18" customHeight="1" x14ac:dyDescent="0.15">
      <c r="A49" s="5">
        <v>36</v>
      </c>
      <c r="B49" s="22">
        <v>223</v>
      </c>
      <c r="C49" s="14">
        <v>182</v>
      </c>
      <c r="D49" s="18">
        <v>405</v>
      </c>
    </row>
    <row r="50" spans="1:4" ht="18" customHeight="1" x14ac:dyDescent="0.15">
      <c r="A50" s="5">
        <v>37</v>
      </c>
      <c r="B50" s="22">
        <v>233</v>
      </c>
      <c r="C50" s="14">
        <v>220</v>
      </c>
      <c r="D50" s="18">
        <v>453</v>
      </c>
    </row>
    <row r="51" spans="1:4" ht="18" customHeight="1" x14ac:dyDescent="0.15">
      <c r="A51" s="5">
        <v>38</v>
      </c>
      <c r="B51" s="22">
        <v>198</v>
      </c>
      <c r="C51" s="14">
        <v>214</v>
      </c>
      <c r="D51" s="18">
        <v>412</v>
      </c>
    </row>
    <row r="52" spans="1:4" ht="18" customHeight="1" x14ac:dyDescent="0.15">
      <c r="A52" s="5">
        <v>39</v>
      </c>
      <c r="B52" s="22">
        <v>243</v>
      </c>
      <c r="C52" s="14">
        <v>224</v>
      </c>
      <c r="D52" s="18">
        <v>467</v>
      </c>
    </row>
    <row r="53" spans="1:4" ht="18" customHeight="1" x14ac:dyDescent="0.15">
      <c r="A53" s="5" t="s">
        <v>18</v>
      </c>
      <c r="B53" s="22">
        <v>1135</v>
      </c>
      <c r="C53" s="14">
        <v>1041</v>
      </c>
      <c r="D53" s="18">
        <v>2176</v>
      </c>
    </row>
    <row r="54" spans="1:4" ht="18" customHeight="1" x14ac:dyDescent="0.15">
      <c r="A54" s="5">
        <v>40</v>
      </c>
      <c r="B54" s="22">
        <v>231</v>
      </c>
      <c r="C54" s="14">
        <v>239</v>
      </c>
      <c r="D54" s="18">
        <v>470</v>
      </c>
    </row>
    <row r="55" spans="1:4" ht="18" customHeight="1" x14ac:dyDescent="0.15">
      <c r="A55" s="5">
        <v>41</v>
      </c>
      <c r="B55" s="22">
        <v>252</v>
      </c>
      <c r="C55" s="14">
        <v>231</v>
      </c>
      <c r="D55" s="18">
        <v>483</v>
      </c>
    </row>
    <row r="56" spans="1:4" ht="18" customHeight="1" x14ac:dyDescent="0.15">
      <c r="A56" s="5">
        <v>42</v>
      </c>
      <c r="B56" s="22">
        <v>245</v>
      </c>
      <c r="C56" s="14">
        <v>266</v>
      </c>
      <c r="D56" s="18">
        <v>511</v>
      </c>
    </row>
    <row r="57" spans="1:4" ht="18" customHeight="1" x14ac:dyDescent="0.15">
      <c r="A57" s="5">
        <v>43</v>
      </c>
      <c r="B57" s="22">
        <v>263</v>
      </c>
      <c r="C57" s="14">
        <v>253</v>
      </c>
      <c r="D57" s="18">
        <v>516</v>
      </c>
    </row>
    <row r="58" spans="1:4" ht="18" customHeight="1" x14ac:dyDescent="0.15">
      <c r="A58" s="5">
        <v>44</v>
      </c>
      <c r="B58" s="22">
        <v>239</v>
      </c>
      <c r="C58" s="14">
        <v>257</v>
      </c>
      <c r="D58" s="18">
        <v>496</v>
      </c>
    </row>
    <row r="59" spans="1:4" ht="18" customHeight="1" x14ac:dyDescent="0.15">
      <c r="A59" s="5" t="s">
        <v>21</v>
      </c>
      <c r="B59" s="22">
        <v>1230</v>
      </c>
      <c r="C59" s="14">
        <v>1246</v>
      </c>
      <c r="D59" s="18">
        <v>2476</v>
      </c>
    </row>
    <row r="60" spans="1:4" ht="18" customHeight="1" x14ac:dyDescent="0.15">
      <c r="A60" s="5">
        <v>45</v>
      </c>
      <c r="B60" s="22">
        <v>278</v>
      </c>
      <c r="C60" s="14">
        <v>249</v>
      </c>
      <c r="D60" s="18">
        <v>527</v>
      </c>
    </row>
    <row r="61" spans="1:4" ht="18" customHeight="1" x14ac:dyDescent="0.15">
      <c r="A61" s="5">
        <v>46</v>
      </c>
      <c r="B61" s="22">
        <v>297</v>
      </c>
      <c r="C61" s="14">
        <v>282</v>
      </c>
      <c r="D61" s="18">
        <v>579</v>
      </c>
    </row>
    <row r="62" spans="1:4" ht="18" customHeight="1" x14ac:dyDescent="0.15">
      <c r="A62" s="5">
        <v>47</v>
      </c>
      <c r="B62" s="22">
        <v>294</v>
      </c>
      <c r="C62" s="14">
        <v>306</v>
      </c>
      <c r="D62" s="18">
        <v>600</v>
      </c>
    </row>
    <row r="63" spans="1:4" ht="18" customHeight="1" x14ac:dyDescent="0.15">
      <c r="A63" s="5">
        <v>48</v>
      </c>
      <c r="B63" s="22">
        <v>380</v>
      </c>
      <c r="C63" s="14">
        <v>290</v>
      </c>
      <c r="D63" s="18">
        <v>670</v>
      </c>
    </row>
    <row r="64" spans="1:4" ht="18" customHeight="1" x14ac:dyDescent="0.15">
      <c r="A64" s="5">
        <v>49</v>
      </c>
      <c r="B64" s="22">
        <v>319</v>
      </c>
      <c r="C64" s="14">
        <v>345</v>
      </c>
      <c r="D64" s="18">
        <v>664</v>
      </c>
    </row>
    <row r="65" spans="1:4" ht="18" customHeight="1" x14ac:dyDescent="0.15">
      <c r="A65" s="5" t="s">
        <v>17</v>
      </c>
      <c r="B65" s="22">
        <v>1568</v>
      </c>
      <c r="C65" s="14">
        <v>1472</v>
      </c>
      <c r="D65" s="18">
        <v>3040</v>
      </c>
    </row>
    <row r="66" spans="1:4" ht="18" customHeight="1" x14ac:dyDescent="0.15">
      <c r="A66" s="5">
        <v>50</v>
      </c>
      <c r="B66" s="22">
        <v>355</v>
      </c>
      <c r="C66" s="14">
        <v>326</v>
      </c>
      <c r="D66" s="18">
        <v>681</v>
      </c>
    </row>
    <row r="67" spans="1:4" ht="18" customHeight="1" x14ac:dyDescent="0.15">
      <c r="A67" s="5">
        <v>51</v>
      </c>
      <c r="B67" s="22">
        <v>341</v>
      </c>
      <c r="C67" s="14">
        <v>355</v>
      </c>
      <c r="D67" s="18">
        <v>696</v>
      </c>
    </row>
    <row r="68" spans="1:4" ht="18" customHeight="1" x14ac:dyDescent="0.15">
      <c r="A68" s="5">
        <v>52</v>
      </c>
      <c r="B68" s="22">
        <v>375</v>
      </c>
      <c r="C68" s="14">
        <v>371</v>
      </c>
      <c r="D68" s="18">
        <v>746</v>
      </c>
    </row>
    <row r="69" spans="1:4" ht="18" customHeight="1" x14ac:dyDescent="0.15">
      <c r="A69" s="5">
        <v>53</v>
      </c>
      <c r="B69" s="22">
        <v>374</v>
      </c>
      <c r="C69" s="14">
        <v>318</v>
      </c>
      <c r="D69" s="18">
        <v>692</v>
      </c>
    </row>
    <row r="70" spans="1:4" ht="18" customHeight="1" x14ac:dyDescent="0.15">
      <c r="A70" s="5">
        <v>54</v>
      </c>
      <c r="B70" s="22">
        <v>326</v>
      </c>
      <c r="C70" s="14">
        <v>348</v>
      </c>
      <c r="D70" s="18">
        <v>674</v>
      </c>
    </row>
    <row r="71" spans="1:4" ht="18" customHeight="1" x14ac:dyDescent="0.15">
      <c r="A71" s="5" t="s">
        <v>22</v>
      </c>
      <c r="B71" s="22">
        <v>1771</v>
      </c>
      <c r="C71" s="14">
        <v>1718</v>
      </c>
      <c r="D71" s="18">
        <v>3489</v>
      </c>
    </row>
    <row r="72" spans="1:4" ht="18" customHeight="1" x14ac:dyDescent="0.15">
      <c r="A72" s="5">
        <v>55</v>
      </c>
      <c r="B72" s="22">
        <v>288</v>
      </c>
      <c r="C72" s="14">
        <v>298</v>
      </c>
      <c r="D72" s="18">
        <v>586</v>
      </c>
    </row>
    <row r="73" spans="1:4" ht="18" customHeight="1" x14ac:dyDescent="0.15">
      <c r="A73" s="5">
        <v>56</v>
      </c>
      <c r="B73" s="22">
        <v>318</v>
      </c>
      <c r="C73" s="14">
        <v>291</v>
      </c>
      <c r="D73" s="18">
        <v>609</v>
      </c>
    </row>
    <row r="74" spans="1:4" ht="18" customHeight="1" x14ac:dyDescent="0.15">
      <c r="A74" s="5">
        <v>57</v>
      </c>
      <c r="B74" s="22">
        <v>311</v>
      </c>
      <c r="C74" s="14">
        <v>294</v>
      </c>
      <c r="D74" s="18">
        <v>605</v>
      </c>
    </row>
    <row r="75" spans="1:4" ht="18" customHeight="1" x14ac:dyDescent="0.15">
      <c r="A75" s="5">
        <v>58</v>
      </c>
      <c r="B75" s="22">
        <v>242</v>
      </c>
      <c r="C75" s="14">
        <v>284</v>
      </c>
      <c r="D75" s="18">
        <v>526</v>
      </c>
    </row>
    <row r="76" spans="1:4" ht="18" customHeight="1" x14ac:dyDescent="0.15">
      <c r="A76" s="5">
        <v>59</v>
      </c>
      <c r="B76" s="22">
        <v>259</v>
      </c>
      <c r="C76" s="14">
        <v>247</v>
      </c>
      <c r="D76" s="18">
        <v>506</v>
      </c>
    </row>
    <row r="77" spans="1:4" ht="18" customHeight="1" x14ac:dyDescent="0.15">
      <c r="A77" s="5" t="s">
        <v>27</v>
      </c>
      <c r="B77" s="22">
        <v>1418</v>
      </c>
      <c r="C77" s="14">
        <v>1414</v>
      </c>
      <c r="D77" s="18">
        <v>2832</v>
      </c>
    </row>
    <row r="78" spans="1:4" ht="18" customHeight="1" x14ac:dyDescent="0.15">
      <c r="A78" s="5">
        <v>60</v>
      </c>
      <c r="B78" s="22">
        <v>196</v>
      </c>
      <c r="C78" s="14">
        <v>238</v>
      </c>
      <c r="D78" s="18">
        <v>434</v>
      </c>
    </row>
    <row r="79" spans="1:4" ht="18" customHeight="1" x14ac:dyDescent="0.15">
      <c r="A79" s="5">
        <v>61</v>
      </c>
      <c r="B79" s="22">
        <v>265</v>
      </c>
      <c r="C79" s="14">
        <v>267</v>
      </c>
      <c r="D79" s="18">
        <v>532</v>
      </c>
    </row>
    <row r="80" spans="1:4" ht="18" customHeight="1" x14ac:dyDescent="0.15">
      <c r="A80" s="5">
        <v>62</v>
      </c>
      <c r="B80" s="22">
        <v>232</v>
      </c>
      <c r="C80" s="14">
        <v>255</v>
      </c>
      <c r="D80" s="18">
        <v>487</v>
      </c>
    </row>
    <row r="81" spans="1:4" ht="18" customHeight="1" x14ac:dyDescent="0.15">
      <c r="A81" s="5">
        <v>63</v>
      </c>
      <c r="B81" s="22">
        <v>226</v>
      </c>
      <c r="C81" s="14">
        <v>260</v>
      </c>
      <c r="D81" s="18">
        <v>486</v>
      </c>
    </row>
    <row r="82" spans="1:4" ht="18" customHeight="1" x14ac:dyDescent="0.15">
      <c r="A82" s="5">
        <v>64</v>
      </c>
      <c r="B82" s="22">
        <v>222</v>
      </c>
      <c r="C82" s="14">
        <v>217</v>
      </c>
      <c r="D82" s="18">
        <v>439</v>
      </c>
    </row>
    <row r="83" spans="1:4" ht="18" customHeight="1" x14ac:dyDescent="0.15">
      <c r="A83" s="5" t="s">
        <v>28</v>
      </c>
      <c r="B83" s="22">
        <v>1141</v>
      </c>
      <c r="C83" s="14">
        <v>1237</v>
      </c>
      <c r="D83" s="18">
        <v>2378</v>
      </c>
    </row>
    <row r="84" spans="1:4" ht="18" customHeight="1" x14ac:dyDescent="0.15">
      <c r="A84" s="5" t="s">
        <v>31</v>
      </c>
      <c r="B84" s="22">
        <v>12687</v>
      </c>
      <c r="C84" s="14">
        <v>12107</v>
      </c>
      <c r="D84" s="18">
        <v>24794</v>
      </c>
    </row>
    <row r="85" spans="1:4" ht="18" customHeight="1" x14ac:dyDescent="0.15">
      <c r="A85" s="5">
        <v>65</v>
      </c>
      <c r="B85" s="22">
        <v>210</v>
      </c>
      <c r="C85" s="14">
        <v>244</v>
      </c>
      <c r="D85" s="18">
        <v>454</v>
      </c>
    </row>
    <row r="86" spans="1:4" ht="18" customHeight="1" x14ac:dyDescent="0.15">
      <c r="A86" s="5">
        <v>66</v>
      </c>
      <c r="B86" s="22">
        <v>225</v>
      </c>
      <c r="C86" s="14">
        <v>206</v>
      </c>
      <c r="D86" s="18">
        <v>431</v>
      </c>
    </row>
    <row r="87" spans="1:4" ht="18" customHeight="1" x14ac:dyDescent="0.15">
      <c r="A87" s="5">
        <v>67</v>
      </c>
      <c r="B87" s="22">
        <v>224</v>
      </c>
      <c r="C87" s="14">
        <v>234</v>
      </c>
      <c r="D87" s="18">
        <v>458</v>
      </c>
    </row>
    <row r="88" spans="1:4" ht="18" customHeight="1" x14ac:dyDescent="0.15">
      <c r="A88" s="5">
        <v>68</v>
      </c>
      <c r="B88" s="22">
        <v>188</v>
      </c>
      <c r="C88" s="14">
        <v>238</v>
      </c>
      <c r="D88" s="18">
        <v>426</v>
      </c>
    </row>
    <row r="89" spans="1:4" ht="18" customHeight="1" x14ac:dyDescent="0.15">
      <c r="A89" s="5">
        <v>69</v>
      </c>
      <c r="B89" s="22">
        <v>193</v>
      </c>
      <c r="C89" s="14">
        <v>205</v>
      </c>
      <c r="D89" s="18">
        <v>398</v>
      </c>
    </row>
    <row r="90" spans="1:4" ht="18" customHeight="1" x14ac:dyDescent="0.15">
      <c r="A90" s="5" t="s">
        <v>20</v>
      </c>
      <c r="B90" s="22">
        <v>1040</v>
      </c>
      <c r="C90" s="14">
        <v>1127</v>
      </c>
      <c r="D90" s="18">
        <v>2167</v>
      </c>
    </row>
    <row r="91" spans="1:4" ht="18" customHeight="1" x14ac:dyDescent="0.15">
      <c r="A91" s="5">
        <v>70</v>
      </c>
      <c r="B91" s="22">
        <v>223</v>
      </c>
      <c r="C91" s="14">
        <v>251</v>
      </c>
      <c r="D91" s="18">
        <v>474</v>
      </c>
    </row>
    <row r="92" spans="1:4" ht="18" customHeight="1" x14ac:dyDescent="0.15">
      <c r="A92" s="5">
        <v>71</v>
      </c>
      <c r="B92" s="22">
        <v>228</v>
      </c>
      <c r="C92" s="14">
        <v>251</v>
      </c>
      <c r="D92" s="18">
        <v>479</v>
      </c>
    </row>
    <row r="93" spans="1:4" ht="18" customHeight="1" x14ac:dyDescent="0.15">
      <c r="A93" s="5">
        <v>72</v>
      </c>
      <c r="B93" s="22">
        <v>229</v>
      </c>
      <c r="C93" s="14">
        <v>249</v>
      </c>
      <c r="D93" s="18">
        <v>478</v>
      </c>
    </row>
    <row r="94" spans="1:4" ht="18" customHeight="1" x14ac:dyDescent="0.15">
      <c r="A94" s="5">
        <v>73</v>
      </c>
      <c r="B94" s="22">
        <v>231</v>
      </c>
      <c r="C94" s="14">
        <v>245</v>
      </c>
      <c r="D94" s="18">
        <v>476</v>
      </c>
    </row>
    <row r="95" spans="1:4" ht="18" customHeight="1" x14ac:dyDescent="0.15">
      <c r="A95" s="5">
        <v>74</v>
      </c>
      <c r="B95" s="22">
        <v>228</v>
      </c>
      <c r="C95" s="14">
        <v>273</v>
      </c>
      <c r="D95" s="18">
        <v>501</v>
      </c>
    </row>
    <row r="96" spans="1:4" ht="18" customHeight="1" x14ac:dyDescent="0.15">
      <c r="A96" s="5" t="s">
        <v>33</v>
      </c>
      <c r="B96" s="22">
        <v>1139</v>
      </c>
      <c r="C96" s="14">
        <v>1269</v>
      </c>
      <c r="D96" s="18">
        <v>2408</v>
      </c>
    </row>
    <row r="97" spans="1:4" ht="18" customHeight="1" x14ac:dyDescent="0.15">
      <c r="A97" s="5">
        <v>75</v>
      </c>
      <c r="B97" s="22">
        <v>244</v>
      </c>
      <c r="C97" s="14">
        <v>266</v>
      </c>
      <c r="D97" s="18">
        <v>510</v>
      </c>
    </row>
    <row r="98" spans="1:4" ht="18" customHeight="1" x14ac:dyDescent="0.15">
      <c r="A98" s="5">
        <v>76</v>
      </c>
      <c r="B98" s="22">
        <v>222</v>
      </c>
      <c r="C98" s="14">
        <v>287</v>
      </c>
      <c r="D98" s="18">
        <v>509</v>
      </c>
    </row>
    <row r="99" spans="1:4" ht="18" customHeight="1" x14ac:dyDescent="0.15">
      <c r="A99" s="5">
        <v>77</v>
      </c>
      <c r="B99" s="22">
        <v>299</v>
      </c>
      <c r="C99" s="14">
        <v>317</v>
      </c>
      <c r="D99" s="18">
        <v>616</v>
      </c>
    </row>
    <row r="100" spans="1:4" ht="18" customHeight="1" x14ac:dyDescent="0.15">
      <c r="A100" s="5">
        <v>78</v>
      </c>
      <c r="B100" s="22">
        <v>265</v>
      </c>
      <c r="C100" s="14">
        <v>309</v>
      </c>
      <c r="D100" s="18">
        <v>574</v>
      </c>
    </row>
    <row r="101" spans="1:4" ht="18" customHeight="1" x14ac:dyDescent="0.15">
      <c r="A101" s="5">
        <v>79</v>
      </c>
      <c r="B101" s="22">
        <v>213</v>
      </c>
      <c r="C101" s="14">
        <v>266</v>
      </c>
      <c r="D101" s="18">
        <v>479</v>
      </c>
    </row>
    <row r="102" spans="1:4" ht="18" customHeight="1" x14ac:dyDescent="0.15">
      <c r="A102" s="5" t="s">
        <v>0</v>
      </c>
      <c r="B102" s="22">
        <v>1243</v>
      </c>
      <c r="C102" s="14">
        <v>1445</v>
      </c>
      <c r="D102" s="18">
        <v>2688</v>
      </c>
    </row>
    <row r="103" spans="1:4" ht="18" customHeight="1" x14ac:dyDescent="0.15">
      <c r="A103" s="5">
        <v>80</v>
      </c>
      <c r="B103" s="22">
        <v>102</v>
      </c>
      <c r="C103" s="14">
        <v>112</v>
      </c>
      <c r="D103" s="18">
        <v>214</v>
      </c>
    </row>
    <row r="104" spans="1:4" ht="18" customHeight="1" x14ac:dyDescent="0.15">
      <c r="A104" s="5">
        <v>81</v>
      </c>
      <c r="B104" s="22">
        <v>133</v>
      </c>
      <c r="C104" s="14">
        <v>162</v>
      </c>
      <c r="D104" s="18">
        <v>295</v>
      </c>
    </row>
    <row r="105" spans="1:4" ht="18" customHeight="1" x14ac:dyDescent="0.15">
      <c r="A105" s="5">
        <v>82</v>
      </c>
      <c r="B105" s="22">
        <v>139</v>
      </c>
      <c r="C105" s="14">
        <v>201</v>
      </c>
      <c r="D105" s="18">
        <v>340</v>
      </c>
    </row>
    <row r="106" spans="1:4" ht="18" customHeight="1" x14ac:dyDescent="0.15">
      <c r="A106" s="5">
        <v>83</v>
      </c>
      <c r="B106" s="22">
        <v>133</v>
      </c>
      <c r="C106" s="14">
        <v>196</v>
      </c>
      <c r="D106" s="18">
        <v>329</v>
      </c>
    </row>
    <row r="107" spans="1:4" ht="18" customHeight="1" x14ac:dyDescent="0.15">
      <c r="A107" s="5">
        <v>84</v>
      </c>
      <c r="B107" s="22">
        <v>133</v>
      </c>
      <c r="C107" s="14">
        <v>168</v>
      </c>
      <c r="D107" s="18">
        <v>301</v>
      </c>
    </row>
    <row r="108" spans="1:4" ht="18" customHeight="1" x14ac:dyDescent="0.15">
      <c r="A108" s="5" t="s">
        <v>35</v>
      </c>
      <c r="B108" s="22">
        <v>640</v>
      </c>
      <c r="C108" s="14">
        <v>839</v>
      </c>
      <c r="D108" s="18">
        <v>1479</v>
      </c>
    </row>
    <row r="109" spans="1:4" ht="18" customHeight="1" x14ac:dyDescent="0.15">
      <c r="A109" s="5">
        <v>85</v>
      </c>
      <c r="B109" s="22">
        <v>108</v>
      </c>
      <c r="C109" s="14">
        <v>171</v>
      </c>
      <c r="D109" s="18">
        <v>279</v>
      </c>
    </row>
    <row r="110" spans="1:4" ht="18" customHeight="1" x14ac:dyDescent="0.15">
      <c r="A110" s="5">
        <v>86</v>
      </c>
      <c r="B110" s="22">
        <v>89</v>
      </c>
      <c r="C110" s="14">
        <v>147</v>
      </c>
      <c r="D110" s="18">
        <v>236</v>
      </c>
    </row>
    <row r="111" spans="1:4" ht="18" customHeight="1" x14ac:dyDescent="0.15">
      <c r="A111" s="5">
        <v>87</v>
      </c>
      <c r="B111" s="22">
        <v>59</v>
      </c>
      <c r="C111" s="14">
        <v>110</v>
      </c>
      <c r="D111" s="18">
        <v>169</v>
      </c>
    </row>
    <row r="112" spans="1:4" ht="18" customHeight="1" x14ac:dyDescent="0.15">
      <c r="A112" s="5">
        <v>88</v>
      </c>
      <c r="B112" s="22">
        <v>82</v>
      </c>
      <c r="C112" s="14">
        <v>106</v>
      </c>
      <c r="D112" s="18">
        <v>188</v>
      </c>
    </row>
    <row r="113" spans="1:4" ht="18" customHeight="1" x14ac:dyDescent="0.15">
      <c r="A113" s="5">
        <v>89</v>
      </c>
      <c r="B113" s="22">
        <v>54</v>
      </c>
      <c r="C113" s="14">
        <v>96</v>
      </c>
      <c r="D113" s="18">
        <v>150</v>
      </c>
    </row>
    <row r="114" spans="1:4" ht="18" customHeight="1" x14ac:dyDescent="0.15">
      <c r="A114" s="5" t="s">
        <v>37</v>
      </c>
      <c r="B114" s="22">
        <v>392</v>
      </c>
      <c r="C114" s="14">
        <v>630</v>
      </c>
      <c r="D114" s="18">
        <v>1022</v>
      </c>
    </row>
    <row r="115" spans="1:4" ht="18" customHeight="1" x14ac:dyDescent="0.15">
      <c r="A115" s="5">
        <v>90</v>
      </c>
      <c r="B115" s="22">
        <v>62</v>
      </c>
      <c r="C115" s="14">
        <v>123</v>
      </c>
      <c r="D115" s="18">
        <v>185</v>
      </c>
    </row>
    <row r="116" spans="1:4" ht="18" customHeight="1" x14ac:dyDescent="0.15">
      <c r="A116" s="5">
        <v>91</v>
      </c>
      <c r="B116" s="22">
        <v>38</v>
      </c>
      <c r="C116" s="14">
        <v>89</v>
      </c>
      <c r="D116" s="18">
        <v>127</v>
      </c>
    </row>
    <row r="117" spans="1:4" ht="18" customHeight="1" x14ac:dyDescent="0.15">
      <c r="A117" s="5">
        <v>92</v>
      </c>
      <c r="B117" s="22">
        <v>26</v>
      </c>
      <c r="C117" s="14">
        <v>108</v>
      </c>
      <c r="D117" s="18">
        <v>134</v>
      </c>
    </row>
    <row r="118" spans="1:4" ht="18" customHeight="1" x14ac:dyDescent="0.15">
      <c r="A118" s="5">
        <v>93</v>
      </c>
      <c r="B118" s="22">
        <v>17</v>
      </c>
      <c r="C118" s="14">
        <v>95</v>
      </c>
      <c r="D118" s="18">
        <v>112</v>
      </c>
    </row>
    <row r="119" spans="1:4" ht="18" customHeight="1" x14ac:dyDescent="0.15">
      <c r="A119" s="5">
        <v>94</v>
      </c>
      <c r="B119" s="22">
        <v>21</v>
      </c>
      <c r="C119" s="14">
        <v>78</v>
      </c>
      <c r="D119" s="18">
        <v>99</v>
      </c>
    </row>
    <row r="120" spans="1:4" ht="18" customHeight="1" x14ac:dyDescent="0.15">
      <c r="A120" s="5" t="s">
        <v>39</v>
      </c>
      <c r="B120" s="22">
        <v>164</v>
      </c>
      <c r="C120" s="14">
        <v>493</v>
      </c>
      <c r="D120" s="18">
        <v>657</v>
      </c>
    </row>
    <row r="121" spans="1:4" ht="18" customHeight="1" x14ac:dyDescent="0.15">
      <c r="A121" s="5">
        <v>95</v>
      </c>
      <c r="B121" s="22">
        <v>16</v>
      </c>
      <c r="C121" s="14">
        <v>62</v>
      </c>
      <c r="D121" s="18">
        <v>78</v>
      </c>
    </row>
    <row r="122" spans="1:4" ht="18" customHeight="1" x14ac:dyDescent="0.15">
      <c r="A122" s="5">
        <v>96</v>
      </c>
      <c r="B122" s="22">
        <v>11</v>
      </c>
      <c r="C122" s="14">
        <v>30</v>
      </c>
      <c r="D122" s="18">
        <v>41</v>
      </c>
    </row>
    <row r="123" spans="1:4" ht="18" customHeight="1" x14ac:dyDescent="0.15">
      <c r="A123" s="5">
        <v>97</v>
      </c>
      <c r="B123" s="22">
        <v>11</v>
      </c>
      <c r="C123" s="14">
        <v>32</v>
      </c>
      <c r="D123" s="18">
        <v>43</v>
      </c>
    </row>
    <row r="124" spans="1:4" ht="18" customHeight="1" x14ac:dyDescent="0.15">
      <c r="A124" s="5">
        <v>98</v>
      </c>
      <c r="B124" s="22">
        <v>6</v>
      </c>
      <c r="C124" s="14">
        <v>11</v>
      </c>
      <c r="D124" s="18">
        <v>17</v>
      </c>
    </row>
    <row r="125" spans="1:4" ht="18" customHeight="1" x14ac:dyDescent="0.15">
      <c r="A125" s="5">
        <v>99</v>
      </c>
      <c r="B125" s="22">
        <v>5</v>
      </c>
      <c r="C125" s="14">
        <v>16</v>
      </c>
      <c r="D125" s="18">
        <v>21</v>
      </c>
    </row>
    <row r="126" spans="1:4" ht="18" customHeight="1" x14ac:dyDescent="0.15">
      <c r="A126" s="5" t="s">
        <v>40</v>
      </c>
      <c r="B126" s="22">
        <v>49</v>
      </c>
      <c r="C126" s="14">
        <v>151</v>
      </c>
      <c r="D126" s="18">
        <v>200</v>
      </c>
    </row>
    <row r="127" spans="1:4" ht="18" customHeight="1" x14ac:dyDescent="0.15">
      <c r="A127" s="5">
        <v>100</v>
      </c>
      <c r="B127" s="22">
        <v>4</v>
      </c>
      <c r="C127" s="14">
        <v>8</v>
      </c>
      <c r="D127" s="18">
        <v>12</v>
      </c>
    </row>
    <row r="128" spans="1:4" ht="18" customHeight="1" x14ac:dyDescent="0.15">
      <c r="A128" s="6" t="s">
        <v>43</v>
      </c>
      <c r="B128" s="22">
        <v>2</v>
      </c>
      <c r="C128" s="14">
        <v>20</v>
      </c>
      <c r="D128" s="18">
        <v>22</v>
      </c>
    </row>
    <row r="129" spans="1:4" ht="18" customHeight="1" x14ac:dyDescent="0.15">
      <c r="A129" s="5" t="s">
        <v>44</v>
      </c>
      <c r="B129" s="22">
        <v>6</v>
      </c>
      <c r="C129" s="14">
        <v>28</v>
      </c>
      <c r="D129" s="18">
        <v>34</v>
      </c>
    </row>
    <row r="130" spans="1:4" ht="18" customHeight="1" x14ac:dyDescent="0.15">
      <c r="A130" s="5" t="s">
        <v>46</v>
      </c>
      <c r="B130" s="22">
        <v>4673</v>
      </c>
      <c r="C130" s="14">
        <v>5982</v>
      </c>
      <c r="D130" s="18">
        <v>10655</v>
      </c>
    </row>
    <row r="131" spans="1:4" ht="18" customHeight="1" x14ac:dyDescent="0.15">
      <c r="A131" s="7" t="s">
        <v>45</v>
      </c>
      <c r="B131" s="23">
        <v>19876</v>
      </c>
      <c r="C131" s="15">
        <v>20443</v>
      </c>
      <c r="D131" s="19">
        <v>403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0</v>
      </c>
      <c r="C23" s="14">
        <v>0</v>
      </c>
      <c r="D23" s="18">
        <v>0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2</v>
      </c>
      <c r="C84" s="14">
        <v>2</v>
      </c>
      <c r="D84" s="18">
        <v>4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1</v>
      </c>
      <c r="C130" s="14">
        <v>3</v>
      </c>
      <c r="D130" s="18">
        <v>4</v>
      </c>
    </row>
    <row r="131" spans="1:4" ht="18" customHeight="1" x14ac:dyDescent="0.15">
      <c r="A131" s="7" t="s">
        <v>45</v>
      </c>
      <c r="B131" s="23">
        <v>3</v>
      </c>
      <c r="C131" s="15">
        <v>5</v>
      </c>
      <c r="D131" s="19">
        <v>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2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4</v>
      </c>
      <c r="D13" s="18">
        <v>5</v>
      </c>
    </row>
    <row r="14" spans="1:4" ht="18" customHeight="1" x14ac:dyDescent="0.15">
      <c r="A14" s="5">
        <v>8</v>
      </c>
      <c r="B14" s="27">
        <v>4</v>
      </c>
      <c r="C14" s="14">
        <v>1</v>
      </c>
      <c r="D14" s="18">
        <v>5</v>
      </c>
    </row>
    <row r="15" spans="1:4" ht="18" customHeight="1" x14ac:dyDescent="0.15">
      <c r="A15" s="5">
        <v>9</v>
      </c>
      <c r="B15" s="27">
        <v>3</v>
      </c>
      <c r="C15" s="14">
        <v>1</v>
      </c>
      <c r="D15" s="18">
        <v>4</v>
      </c>
    </row>
    <row r="16" spans="1:4" ht="18" customHeight="1" x14ac:dyDescent="0.15">
      <c r="A16" s="5" t="s">
        <v>11</v>
      </c>
      <c r="B16" s="22">
        <v>10</v>
      </c>
      <c r="C16" s="14">
        <v>9</v>
      </c>
      <c r="D16" s="18">
        <v>19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5</v>
      </c>
      <c r="C18" s="14">
        <v>4</v>
      </c>
      <c r="D18" s="18">
        <v>9</v>
      </c>
    </row>
    <row r="19" spans="1:4" ht="18" customHeight="1" x14ac:dyDescent="0.15">
      <c r="A19" s="5">
        <v>12</v>
      </c>
      <c r="B19" s="22">
        <v>2</v>
      </c>
      <c r="C19" s="14">
        <v>2</v>
      </c>
      <c r="D19" s="18">
        <v>4</v>
      </c>
    </row>
    <row r="20" spans="1:4" ht="18" customHeight="1" x14ac:dyDescent="0.15">
      <c r="A20" s="5">
        <v>13</v>
      </c>
      <c r="B20" s="22">
        <v>0</v>
      </c>
      <c r="C20" s="14">
        <v>3</v>
      </c>
      <c r="D20" s="18">
        <v>3</v>
      </c>
    </row>
    <row r="21" spans="1:4" ht="18" customHeight="1" x14ac:dyDescent="0.15">
      <c r="A21" s="5">
        <v>14</v>
      </c>
      <c r="B21" s="22">
        <v>7</v>
      </c>
      <c r="C21" s="14">
        <v>3</v>
      </c>
      <c r="D21" s="18">
        <v>10</v>
      </c>
    </row>
    <row r="22" spans="1:4" ht="18" customHeight="1" x14ac:dyDescent="0.15">
      <c r="A22" s="5" t="s">
        <v>12</v>
      </c>
      <c r="B22" s="22">
        <v>18</v>
      </c>
      <c r="C22" s="14">
        <v>14</v>
      </c>
      <c r="D22" s="18">
        <v>32</v>
      </c>
    </row>
    <row r="23" spans="1:4" ht="18" customHeight="1" x14ac:dyDescent="0.15">
      <c r="A23" s="5" t="s">
        <v>6</v>
      </c>
      <c r="B23" s="22">
        <v>31</v>
      </c>
      <c r="C23" s="14">
        <v>25</v>
      </c>
      <c r="D23" s="18">
        <v>56</v>
      </c>
    </row>
    <row r="24" spans="1:4" ht="18" customHeight="1" x14ac:dyDescent="0.15">
      <c r="A24" s="5">
        <v>15</v>
      </c>
      <c r="B24" s="22">
        <v>4</v>
      </c>
      <c r="C24" s="14">
        <v>1</v>
      </c>
      <c r="D24" s="18">
        <v>5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1</v>
      </c>
      <c r="C27" s="14">
        <v>0</v>
      </c>
      <c r="D27" s="18">
        <v>1</v>
      </c>
    </row>
    <row r="28" spans="1:4" ht="18" customHeight="1" x14ac:dyDescent="0.15">
      <c r="A28" s="5">
        <v>19</v>
      </c>
      <c r="B28" s="22">
        <v>5</v>
      </c>
      <c r="C28" s="14">
        <v>2</v>
      </c>
      <c r="D28" s="18">
        <v>7</v>
      </c>
    </row>
    <row r="29" spans="1:4" ht="18" customHeight="1" x14ac:dyDescent="0.15">
      <c r="A29" s="5" t="s">
        <v>14</v>
      </c>
      <c r="B29" s="22">
        <v>18</v>
      </c>
      <c r="C29" s="14">
        <v>11</v>
      </c>
      <c r="D29" s="18">
        <v>29</v>
      </c>
    </row>
    <row r="30" spans="1:4" ht="18" customHeight="1" x14ac:dyDescent="0.15">
      <c r="A30" s="5">
        <v>20</v>
      </c>
      <c r="B30" s="22">
        <v>5</v>
      </c>
      <c r="C30" s="14">
        <v>6</v>
      </c>
      <c r="D30" s="18">
        <v>11</v>
      </c>
    </row>
    <row r="31" spans="1:4" ht="18" customHeight="1" x14ac:dyDescent="0.15">
      <c r="A31" s="5">
        <v>21</v>
      </c>
      <c r="B31" s="22">
        <v>4</v>
      </c>
      <c r="C31" s="14">
        <v>1</v>
      </c>
      <c r="D31" s="18">
        <v>5</v>
      </c>
    </row>
    <row r="32" spans="1:4" ht="18" customHeight="1" x14ac:dyDescent="0.15">
      <c r="A32" s="5">
        <v>22</v>
      </c>
      <c r="B32" s="22">
        <v>4</v>
      </c>
      <c r="C32" s="14">
        <v>3</v>
      </c>
      <c r="D32" s="18">
        <v>7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3</v>
      </c>
      <c r="C34" s="14">
        <v>4</v>
      </c>
      <c r="D34" s="18">
        <v>7</v>
      </c>
    </row>
    <row r="35" spans="1:4" ht="18" customHeight="1" x14ac:dyDescent="0.15">
      <c r="A35" s="5" t="s">
        <v>9</v>
      </c>
      <c r="B35" s="22">
        <v>19</v>
      </c>
      <c r="C35" s="14">
        <v>16</v>
      </c>
      <c r="D35" s="18">
        <v>35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2</v>
      </c>
      <c r="C38" s="14">
        <v>2</v>
      </c>
      <c r="D38" s="18">
        <v>4</v>
      </c>
    </row>
    <row r="39" spans="1:4" ht="18" customHeight="1" x14ac:dyDescent="0.15">
      <c r="A39" s="5">
        <v>28</v>
      </c>
      <c r="B39" s="22">
        <v>3</v>
      </c>
      <c r="C39" s="14">
        <v>1</v>
      </c>
      <c r="D39" s="18">
        <v>4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10</v>
      </c>
      <c r="C41" s="14">
        <v>7</v>
      </c>
      <c r="D41" s="18">
        <v>17</v>
      </c>
    </row>
    <row r="42" spans="1:4" ht="18" customHeight="1" x14ac:dyDescent="0.15">
      <c r="A42" s="5">
        <v>30</v>
      </c>
      <c r="B42" s="22">
        <v>6</v>
      </c>
      <c r="C42" s="14">
        <v>1</v>
      </c>
      <c r="D42" s="18">
        <v>7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0</v>
      </c>
      <c r="C46" s="14">
        <v>2</v>
      </c>
      <c r="D46" s="18">
        <v>2</v>
      </c>
    </row>
    <row r="47" spans="1:4" ht="18" customHeight="1" x14ac:dyDescent="0.15">
      <c r="A47" s="5" t="s">
        <v>15</v>
      </c>
      <c r="B47" s="22">
        <v>10</v>
      </c>
      <c r="C47" s="14">
        <v>5</v>
      </c>
      <c r="D47" s="18">
        <v>15</v>
      </c>
    </row>
    <row r="48" spans="1:4" ht="18" customHeight="1" x14ac:dyDescent="0.15">
      <c r="A48" s="5">
        <v>35</v>
      </c>
      <c r="B48" s="22">
        <v>1</v>
      </c>
      <c r="C48" s="14">
        <v>3</v>
      </c>
      <c r="D48" s="18">
        <v>4</v>
      </c>
    </row>
    <row r="49" spans="1:4" ht="18" customHeight="1" x14ac:dyDescent="0.15">
      <c r="A49" s="5">
        <v>36</v>
      </c>
      <c r="B49" s="22">
        <v>3</v>
      </c>
      <c r="C49" s="14">
        <v>2</v>
      </c>
      <c r="D49" s="18">
        <v>5</v>
      </c>
    </row>
    <row r="50" spans="1:4" ht="18" customHeight="1" x14ac:dyDescent="0.15">
      <c r="A50" s="5">
        <v>37</v>
      </c>
      <c r="B50" s="22">
        <v>4</v>
      </c>
      <c r="C50" s="14">
        <v>4</v>
      </c>
      <c r="D50" s="18">
        <v>8</v>
      </c>
    </row>
    <row r="51" spans="1:4" ht="18" customHeight="1" x14ac:dyDescent="0.15">
      <c r="A51" s="5">
        <v>38</v>
      </c>
      <c r="B51" s="22">
        <v>2</v>
      </c>
      <c r="C51" s="14">
        <v>5</v>
      </c>
      <c r="D51" s="18">
        <v>7</v>
      </c>
    </row>
    <row r="52" spans="1:4" ht="18" customHeight="1" x14ac:dyDescent="0.15">
      <c r="A52" s="5">
        <v>39</v>
      </c>
      <c r="B52" s="22">
        <v>4</v>
      </c>
      <c r="C52" s="14">
        <v>4</v>
      </c>
      <c r="D52" s="18">
        <v>8</v>
      </c>
    </row>
    <row r="53" spans="1:4" ht="18" customHeight="1" x14ac:dyDescent="0.15">
      <c r="A53" s="5" t="s">
        <v>18</v>
      </c>
      <c r="B53" s="22">
        <v>14</v>
      </c>
      <c r="C53" s="14">
        <v>18</v>
      </c>
      <c r="D53" s="18">
        <v>32</v>
      </c>
    </row>
    <row r="54" spans="1:4" ht="18" customHeight="1" x14ac:dyDescent="0.15">
      <c r="A54" s="5">
        <v>40</v>
      </c>
      <c r="B54" s="22">
        <v>5</v>
      </c>
      <c r="C54" s="14">
        <v>4</v>
      </c>
      <c r="D54" s="18">
        <v>9</v>
      </c>
    </row>
    <row r="55" spans="1:4" ht="18" customHeight="1" x14ac:dyDescent="0.15">
      <c r="A55" s="5">
        <v>41</v>
      </c>
      <c r="B55" s="22">
        <v>4</v>
      </c>
      <c r="C55" s="14">
        <v>6</v>
      </c>
      <c r="D55" s="18">
        <v>10</v>
      </c>
    </row>
    <row r="56" spans="1:4" ht="18" customHeight="1" x14ac:dyDescent="0.15">
      <c r="A56" s="5">
        <v>42</v>
      </c>
      <c r="B56" s="22">
        <v>2</v>
      </c>
      <c r="C56" s="14">
        <v>4</v>
      </c>
      <c r="D56" s="18">
        <v>6</v>
      </c>
    </row>
    <row r="57" spans="1:4" ht="18" customHeight="1" x14ac:dyDescent="0.15">
      <c r="A57" s="5">
        <v>43</v>
      </c>
      <c r="B57" s="22">
        <v>5</v>
      </c>
      <c r="C57" s="14">
        <v>1</v>
      </c>
      <c r="D57" s="18">
        <v>6</v>
      </c>
    </row>
    <row r="58" spans="1:4" ht="18" customHeight="1" x14ac:dyDescent="0.15">
      <c r="A58" s="5">
        <v>44</v>
      </c>
      <c r="B58" s="22">
        <v>6</v>
      </c>
      <c r="C58" s="14">
        <v>5</v>
      </c>
      <c r="D58" s="18">
        <v>11</v>
      </c>
    </row>
    <row r="59" spans="1:4" ht="18" customHeight="1" x14ac:dyDescent="0.15">
      <c r="A59" s="5" t="s">
        <v>21</v>
      </c>
      <c r="B59" s="22">
        <v>22</v>
      </c>
      <c r="C59" s="14">
        <v>20</v>
      </c>
      <c r="D59" s="18">
        <v>42</v>
      </c>
    </row>
    <row r="60" spans="1:4" ht="18" customHeight="1" x14ac:dyDescent="0.15">
      <c r="A60" s="5">
        <v>45</v>
      </c>
      <c r="B60" s="22">
        <v>4</v>
      </c>
      <c r="C60" s="14">
        <v>7</v>
      </c>
      <c r="D60" s="18">
        <v>11</v>
      </c>
    </row>
    <row r="61" spans="1:4" ht="18" customHeight="1" x14ac:dyDescent="0.15">
      <c r="A61" s="5">
        <v>46</v>
      </c>
      <c r="B61" s="22">
        <v>5</v>
      </c>
      <c r="C61" s="14">
        <v>3</v>
      </c>
      <c r="D61" s="18">
        <v>8</v>
      </c>
    </row>
    <row r="62" spans="1:4" ht="18" customHeight="1" x14ac:dyDescent="0.15">
      <c r="A62" s="5">
        <v>47</v>
      </c>
      <c r="B62" s="22">
        <v>3</v>
      </c>
      <c r="C62" s="14">
        <v>2</v>
      </c>
      <c r="D62" s="18">
        <v>5</v>
      </c>
    </row>
    <row r="63" spans="1:4" ht="18" customHeight="1" x14ac:dyDescent="0.15">
      <c r="A63" s="5">
        <v>48</v>
      </c>
      <c r="B63" s="22">
        <v>2</v>
      </c>
      <c r="C63" s="14">
        <v>5</v>
      </c>
      <c r="D63" s="18">
        <v>7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18</v>
      </c>
      <c r="C65" s="14">
        <v>20</v>
      </c>
      <c r="D65" s="18">
        <v>38</v>
      </c>
    </row>
    <row r="66" spans="1:4" ht="18" customHeight="1" x14ac:dyDescent="0.15">
      <c r="A66" s="5">
        <v>50</v>
      </c>
      <c r="B66" s="22">
        <v>5</v>
      </c>
      <c r="C66" s="14">
        <v>3</v>
      </c>
      <c r="D66" s="18">
        <v>8</v>
      </c>
    </row>
    <row r="67" spans="1:4" ht="18" customHeight="1" x14ac:dyDescent="0.15">
      <c r="A67" s="5">
        <v>51</v>
      </c>
      <c r="B67" s="22">
        <v>4</v>
      </c>
      <c r="C67" s="14">
        <v>8</v>
      </c>
      <c r="D67" s="18">
        <v>12</v>
      </c>
    </row>
    <row r="68" spans="1:4" ht="18" customHeight="1" x14ac:dyDescent="0.15">
      <c r="A68" s="5">
        <v>52</v>
      </c>
      <c r="B68" s="22">
        <v>9</v>
      </c>
      <c r="C68" s="14">
        <v>7</v>
      </c>
      <c r="D68" s="18">
        <v>16</v>
      </c>
    </row>
    <row r="69" spans="1:4" ht="18" customHeight="1" x14ac:dyDescent="0.15">
      <c r="A69" s="5">
        <v>53</v>
      </c>
      <c r="B69" s="22">
        <v>5</v>
      </c>
      <c r="C69" s="14">
        <v>4</v>
      </c>
      <c r="D69" s="18">
        <v>9</v>
      </c>
    </row>
    <row r="70" spans="1:4" ht="18" customHeight="1" x14ac:dyDescent="0.15">
      <c r="A70" s="5">
        <v>54</v>
      </c>
      <c r="B70" s="22">
        <v>5</v>
      </c>
      <c r="C70" s="14">
        <v>2</v>
      </c>
      <c r="D70" s="18">
        <v>7</v>
      </c>
    </row>
    <row r="71" spans="1:4" ht="18" customHeight="1" x14ac:dyDescent="0.15">
      <c r="A71" s="5" t="s">
        <v>22</v>
      </c>
      <c r="B71" s="22">
        <v>28</v>
      </c>
      <c r="C71" s="14">
        <v>24</v>
      </c>
      <c r="D71" s="18">
        <v>52</v>
      </c>
    </row>
    <row r="72" spans="1:4" ht="18" customHeight="1" x14ac:dyDescent="0.15">
      <c r="A72" s="5">
        <v>55</v>
      </c>
      <c r="B72" s="22">
        <v>2</v>
      </c>
      <c r="C72" s="14">
        <v>8</v>
      </c>
      <c r="D72" s="18">
        <v>10</v>
      </c>
    </row>
    <row r="73" spans="1:4" ht="18" customHeight="1" x14ac:dyDescent="0.15">
      <c r="A73" s="5">
        <v>56</v>
      </c>
      <c r="B73" s="22">
        <v>6</v>
      </c>
      <c r="C73" s="14">
        <v>3</v>
      </c>
      <c r="D73" s="18">
        <v>9</v>
      </c>
    </row>
    <row r="74" spans="1:4" ht="18" customHeight="1" x14ac:dyDescent="0.15">
      <c r="A74" s="5">
        <v>57</v>
      </c>
      <c r="B74" s="22">
        <v>3</v>
      </c>
      <c r="C74" s="14">
        <v>5</v>
      </c>
      <c r="D74" s="18">
        <v>8</v>
      </c>
    </row>
    <row r="75" spans="1:4" ht="18" customHeight="1" x14ac:dyDescent="0.15">
      <c r="A75" s="5">
        <v>58</v>
      </c>
      <c r="B75" s="22">
        <v>0</v>
      </c>
      <c r="C75" s="14">
        <v>10</v>
      </c>
      <c r="D75" s="18">
        <v>10</v>
      </c>
    </row>
    <row r="76" spans="1:4" ht="18" customHeight="1" x14ac:dyDescent="0.15">
      <c r="A76" s="5">
        <v>59</v>
      </c>
      <c r="B76" s="22">
        <v>5</v>
      </c>
      <c r="C76" s="14">
        <v>7</v>
      </c>
      <c r="D76" s="18">
        <v>12</v>
      </c>
    </row>
    <row r="77" spans="1:4" ht="18" customHeight="1" x14ac:dyDescent="0.15">
      <c r="A77" s="5" t="s">
        <v>27</v>
      </c>
      <c r="B77" s="22">
        <v>16</v>
      </c>
      <c r="C77" s="14">
        <v>33</v>
      </c>
      <c r="D77" s="18">
        <v>49</v>
      </c>
    </row>
    <row r="78" spans="1:4" ht="18" customHeight="1" x14ac:dyDescent="0.15">
      <c r="A78" s="5">
        <v>60</v>
      </c>
      <c r="B78" s="22">
        <v>6</v>
      </c>
      <c r="C78" s="14">
        <v>3</v>
      </c>
      <c r="D78" s="18">
        <v>9</v>
      </c>
    </row>
    <row r="79" spans="1:4" ht="18" customHeight="1" x14ac:dyDescent="0.15">
      <c r="A79" s="5">
        <v>61</v>
      </c>
      <c r="B79" s="22">
        <v>5</v>
      </c>
      <c r="C79" s="14">
        <v>3</v>
      </c>
      <c r="D79" s="18">
        <v>8</v>
      </c>
    </row>
    <row r="80" spans="1:4" ht="18" customHeight="1" x14ac:dyDescent="0.15">
      <c r="A80" s="5">
        <v>62</v>
      </c>
      <c r="B80" s="22">
        <v>7</v>
      </c>
      <c r="C80" s="14">
        <v>5</v>
      </c>
      <c r="D80" s="18">
        <v>12</v>
      </c>
    </row>
    <row r="81" spans="1:4" ht="18" customHeight="1" x14ac:dyDescent="0.15">
      <c r="A81" s="5">
        <v>63</v>
      </c>
      <c r="B81" s="22">
        <v>5</v>
      </c>
      <c r="C81" s="14">
        <v>8</v>
      </c>
      <c r="D81" s="18">
        <v>13</v>
      </c>
    </row>
    <row r="82" spans="1:4" ht="18" customHeight="1" x14ac:dyDescent="0.15">
      <c r="A82" s="5">
        <v>64</v>
      </c>
      <c r="B82" s="22">
        <v>2</v>
      </c>
      <c r="C82" s="14">
        <v>6</v>
      </c>
      <c r="D82" s="18">
        <v>8</v>
      </c>
    </row>
    <row r="83" spans="1:4" ht="18" customHeight="1" x14ac:dyDescent="0.15">
      <c r="A83" s="5" t="s">
        <v>28</v>
      </c>
      <c r="B83" s="22">
        <v>25</v>
      </c>
      <c r="C83" s="14">
        <v>25</v>
      </c>
      <c r="D83" s="18">
        <v>50</v>
      </c>
    </row>
    <row r="84" spans="1:4" ht="18" customHeight="1" x14ac:dyDescent="0.15">
      <c r="A84" s="5" t="s">
        <v>31</v>
      </c>
      <c r="B84" s="22">
        <v>180</v>
      </c>
      <c r="C84" s="14">
        <v>179</v>
      </c>
      <c r="D84" s="18">
        <v>359</v>
      </c>
    </row>
    <row r="85" spans="1:4" ht="18" customHeight="1" x14ac:dyDescent="0.15">
      <c r="A85" s="5">
        <v>65</v>
      </c>
      <c r="B85" s="22">
        <v>3</v>
      </c>
      <c r="C85" s="14">
        <v>2</v>
      </c>
      <c r="D85" s="18">
        <v>5</v>
      </c>
    </row>
    <row r="86" spans="1:4" ht="18" customHeight="1" x14ac:dyDescent="0.15">
      <c r="A86" s="5">
        <v>66</v>
      </c>
      <c r="B86" s="22">
        <v>6</v>
      </c>
      <c r="C86" s="14">
        <v>6</v>
      </c>
      <c r="D86" s="18">
        <v>12</v>
      </c>
    </row>
    <row r="87" spans="1:4" ht="18" customHeight="1" x14ac:dyDescent="0.15">
      <c r="A87" s="5">
        <v>67</v>
      </c>
      <c r="B87" s="22">
        <v>1</v>
      </c>
      <c r="C87" s="14">
        <v>10</v>
      </c>
      <c r="D87" s="18">
        <v>11</v>
      </c>
    </row>
    <row r="88" spans="1:4" ht="18" customHeight="1" x14ac:dyDescent="0.15">
      <c r="A88" s="5">
        <v>68</v>
      </c>
      <c r="B88" s="22">
        <v>5</v>
      </c>
      <c r="C88" s="14">
        <v>8</v>
      </c>
      <c r="D88" s="18">
        <v>13</v>
      </c>
    </row>
    <row r="89" spans="1:4" ht="18" customHeight="1" x14ac:dyDescent="0.15">
      <c r="A89" s="5">
        <v>69</v>
      </c>
      <c r="B89" s="22">
        <v>7</v>
      </c>
      <c r="C89" s="14">
        <v>9</v>
      </c>
      <c r="D89" s="18">
        <v>16</v>
      </c>
    </row>
    <row r="90" spans="1:4" ht="18" customHeight="1" x14ac:dyDescent="0.15">
      <c r="A90" s="5" t="s">
        <v>20</v>
      </c>
      <c r="B90" s="22">
        <v>22</v>
      </c>
      <c r="C90" s="14">
        <v>35</v>
      </c>
      <c r="D90" s="18">
        <v>57</v>
      </c>
    </row>
    <row r="91" spans="1:4" ht="18" customHeight="1" x14ac:dyDescent="0.15">
      <c r="A91" s="5">
        <v>70</v>
      </c>
      <c r="B91" s="22">
        <v>11</v>
      </c>
      <c r="C91" s="14">
        <v>5</v>
      </c>
      <c r="D91" s="18">
        <v>16</v>
      </c>
    </row>
    <row r="92" spans="1:4" ht="18" customHeight="1" x14ac:dyDescent="0.15">
      <c r="A92" s="5">
        <v>71</v>
      </c>
      <c r="B92" s="22">
        <v>3</v>
      </c>
      <c r="C92" s="14">
        <v>5</v>
      </c>
      <c r="D92" s="18">
        <v>8</v>
      </c>
    </row>
    <row r="93" spans="1:4" ht="18" customHeight="1" x14ac:dyDescent="0.15">
      <c r="A93" s="5">
        <v>72</v>
      </c>
      <c r="B93" s="22">
        <v>13</v>
      </c>
      <c r="C93" s="14">
        <v>11</v>
      </c>
      <c r="D93" s="18">
        <v>24</v>
      </c>
    </row>
    <row r="94" spans="1:4" ht="18" customHeight="1" x14ac:dyDescent="0.15">
      <c r="A94" s="5">
        <v>73</v>
      </c>
      <c r="B94" s="22">
        <v>14</v>
      </c>
      <c r="C94" s="14">
        <v>14</v>
      </c>
      <c r="D94" s="18">
        <v>28</v>
      </c>
    </row>
    <row r="95" spans="1:4" ht="18" customHeight="1" x14ac:dyDescent="0.15">
      <c r="A95" s="5">
        <v>74</v>
      </c>
      <c r="B95" s="22">
        <v>12</v>
      </c>
      <c r="C95" s="14">
        <v>10</v>
      </c>
      <c r="D95" s="18">
        <v>22</v>
      </c>
    </row>
    <row r="96" spans="1:4" ht="18" customHeight="1" x14ac:dyDescent="0.15">
      <c r="A96" s="5" t="s">
        <v>33</v>
      </c>
      <c r="B96" s="22">
        <v>53</v>
      </c>
      <c r="C96" s="14">
        <v>45</v>
      </c>
      <c r="D96" s="18">
        <v>98</v>
      </c>
    </row>
    <row r="97" spans="1:4" ht="18" customHeight="1" x14ac:dyDescent="0.15">
      <c r="A97" s="5">
        <v>75</v>
      </c>
      <c r="B97" s="22">
        <v>3</v>
      </c>
      <c r="C97" s="14">
        <v>8</v>
      </c>
      <c r="D97" s="18">
        <v>11</v>
      </c>
    </row>
    <row r="98" spans="1:4" ht="18" customHeight="1" x14ac:dyDescent="0.15">
      <c r="A98" s="5">
        <v>76</v>
      </c>
      <c r="B98" s="22">
        <v>10</v>
      </c>
      <c r="C98" s="14">
        <v>8</v>
      </c>
      <c r="D98" s="18">
        <v>18</v>
      </c>
    </row>
    <row r="99" spans="1:4" ht="18" customHeight="1" x14ac:dyDescent="0.15">
      <c r="A99" s="5">
        <v>77</v>
      </c>
      <c r="B99" s="22">
        <v>7</v>
      </c>
      <c r="C99" s="14">
        <v>13</v>
      </c>
      <c r="D99" s="18">
        <v>20</v>
      </c>
    </row>
    <row r="100" spans="1:4" ht="18" customHeight="1" x14ac:dyDescent="0.15">
      <c r="A100" s="5">
        <v>78</v>
      </c>
      <c r="B100" s="22">
        <v>7</v>
      </c>
      <c r="C100" s="14">
        <v>5</v>
      </c>
      <c r="D100" s="18">
        <v>12</v>
      </c>
    </row>
    <row r="101" spans="1:4" ht="18" customHeight="1" x14ac:dyDescent="0.15">
      <c r="A101" s="5">
        <v>79</v>
      </c>
      <c r="B101" s="22">
        <v>11</v>
      </c>
      <c r="C101" s="14">
        <v>7</v>
      </c>
      <c r="D101" s="18">
        <v>18</v>
      </c>
    </row>
    <row r="102" spans="1:4" ht="18" customHeight="1" x14ac:dyDescent="0.15">
      <c r="A102" s="5" t="s">
        <v>0</v>
      </c>
      <c r="B102" s="22">
        <v>38</v>
      </c>
      <c r="C102" s="14">
        <v>41</v>
      </c>
      <c r="D102" s="18">
        <v>79</v>
      </c>
    </row>
    <row r="103" spans="1:4" ht="18" customHeight="1" x14ac:dyDescent="0.15">
      <c r="A103" s="5">
        <v>80</v>
      </c>
      <c r="B103" s="22">
        <v>4</v>
      </c>
      <c r="C103" s="14">
        <v>2</v>
      </c>
      <c r="D103" s="18">
        <v>6</v>
      </c>
    </row>
    <row r="104" spans="1:4" ht="18" customHeight="1" x14ac:dyDescent="0.15">
      <c r="A104" s="5">
        <v>81</v>
      </c>
      <c r="B104" s="22">
        <v>1</v>
      </c>
      <c r="C104" s="14">
        <v>6</v>
      </c>
      <c r="D104" s="18">
        <v>7</v>
      </c>
    </row>
    <row r="105" spans="1:4" ht="18" customHeight="1" x14ac:dyDescent="0.15">
      <c r="A105" s="5">
        <v>82</v>
      </c>
      <c r="B105" s="22">
        <v>4</v>
      </c>
      <c r="C105" s="14">
        <v>5</v>
      </c>
      <c r="D105" s="18">
        <v>9</v>
      </c>
    </row>
    <row r="106" spans="1:4" ht="18" customHeight="1" x14ac:dyDescent="0.15">
      <c r="A106" s="5">
        <v>83</v>
      </c>
      <c r="B106" s="22">
        <v>8</v>
      </c>
      <c r="C106" s="14">
        <v>3</v>
      </c>
      <c r="D106" s="18">
        <v>11</v>
      </c>
    </row>
    <row r="107" spans="1:4" ht="18" customHeight="1" x14ac:dyDescent="0.15">
      <c r="A107" s="5">
        <v>84</v>
      </c>
      <c r="B107" s="22">
        <v>2</v>
      </c>
      <c r="C107" s="14">
        <v>9</v>
      </c>
      <c r="D107" s="18">
        <v>11</v>
      </c>
    </row>
    <row r="108" spans="1:4" ht="18" customHeight="1" x14ac:dyDescent="0.15">
      <c r="A108" s="5" t="s">
        <v>35</v>
      </c>
      <c r="B108" s="22">
        <v>19</v>
      </c>
      <c r="C108" s="14">
        <v>25</v>
      </c>
      <c r="D108" s="18">
        <v>44</v>
      </c>
    </row>
    <row r="109" spans="1:4" ht="18" customHeight="1" x14ac:dyDescent="0.15">
      <c r="A109" s="5">
        <v>85</v>
      </c>
      <c r="B109" s="22">
        <v>2</v>
      </c>
      <c r="C109" s="14">
        <v>8</v>
      </c>
      <c r="D109" s="18">
        <v>10</v>
      </c>
    </row>
    <row r="110" spans="1:4" ht="18" customHeight="1" x14ac:dyDescent="0.15">
      <c r="A110" s="5">
        <v>86</v>
      </c>
      <c r="B110" s="22">
        <v>2</v>
      </c>
      <c r="C110" s="14">
        <v>3</v>
      </c>
      <c r="D110" s="18">
        <v>5</v>
      </c>
    </row>
    <row r="111" spans="1:4" ht="18" customHeight="1" x14ac:dyDescent="0.15">
      <c r="A111" s="5">
        <v>87</v>
      </c>
      <c r="B111" s="22">
        <v>3</v>
      </c>
      <c r="C111" s="14">
        <v>1</v>
      </c>
      <c r="D111" s="18">
        <v>4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4</v>
      </c>
      <c r="C113" s="14">
        <v>4</v>
      </c>
      <c r="D113" s="18">
        <v>8</v>
      </c>
    </row>
    <row r="114" spans="1:4" ht="18" customHeight="1" x14ac:dyDescent="0.15">
      <c r="A114" s="5" t="s">
        <v>37</v>
      </c>
      <c r="B114" s="22">
        <v>12</v>
      </c>
      <c r="C114" s="14">
        <v>19</v>
      </c>
      <c r="D114" s="18">
        <v>31</v>
      </c>
    </row>
    <row r="115" spans="1:4" ht="18" customHeight="1" x14ac:dyDescent="0.15">
      <c r="A115" s="5">
        <v>90</v>
      </c>
      <c r="B115" s="22">
        <v>1</v>
      </c>
      <c r="C115" s="14">
        <v>5</v>
      </c>
      <c r="D115" s="18">
        <v>6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3</v>
      </c>
      <c r="C117" s="14">
        <v>4</v>
      </c>
      <c r="D117" s="18">
        <v>7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5</v>
      </c>
      <c r="C120" s="14">
        <v>19</v>
      </c>
      <c r="D120" s="18">
        <v>24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7</v>
      </c>
      <c r="D126" s="18">
        <v>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50</v>
      </c>
      <c r="C130" s="14">
        <v>191</v>
      </c>
      <c r="D130" s="18">
        <v>341</v>
      </c>
    </row>
    <row r="131" spans="1:4" ht="18" customHeight="1" x14ac:dyDescent="0.15">
      <c r="A131" s="7" t="s">
        <v>45</v>
      </c>
      <c r="B131" s="23">
        <v>361</v>
      </c>
      <c r="C131" s="15">
        <v>395</v>
      </c>
      <c r="D131" s="19">
        <v>7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2</v>
      </c>
      <c r="C23" s="14">
        <v>5</v>
      </c>
      <c r="D23" s="18">
        <v>7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34</v>
      </c>
      <c r="C84" s="14">
        <v>30</v>
      </c>
      <c r="D84" s="18">
        <v>64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39</v>
      </c>
      <c r="C130" s="14">
        <v>34</v>
      </c>
      <c r="D130" s="18">
        <v>73</v>
      </c>
    </row>
    <row r="131" spans="1:4" ht="18" customHeight="1" x14ac:dyDescent="0.15">
      <c r="A131" s="7" t="s">
        <v>45</v>
      </c>
      <c r="B131" s="23">
        <v>75</v>
      </c>
      <c r="C131" s="15">
        <v>69</v>
      </c>
      <c r="D131" s="19">
        <v>1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1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2</v>
      </c>
      <c r="C15" s="14">
        <v>0</v>
      </c>
      <c r="D15" s="18">
        <v>2</v>
      </c>
    </row>
    <row r="16" spans="1:4" ht="18" customHeight="1" x14ac:dyDescent="0.15">
      <c r="A16" s="5" t="s">
        <v>11</v>
      </c>
      <c r="B16" s="22">
        <v>3</v>
      </c>
      <c r="C16" s="14">
        <v>2</v>
      </c>
      <c r="D16" s="18">
        <v>5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2</v>
      </c>
      <c r="C18" s="14">
        <v>1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2</v>
      </c>
      <c r="C20" s="14">
        <v>0</v>
      </c>
      <c r="D20" s="18">
        <v>2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5</v>
      </c>
      <c r="C22" s="14">
        <v>2</v>
      </c>
      <c r="D22" s="18">
        <v>7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0</v>
      </c>
      <c r="C25" s="14">
        <v>1</v>
      </c>
      <c r="D25" s="18">
        <v>1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2</v>
      </c>
      <c r="C27" s="14">
        <v>1</v>
      </c>
      <c r="D27" s="18">
        <v>3</v>
      </c>
    </row>
    <row r="28" spans="1:4" ht="18" customHeight="1" x14ac:dyDescent="0.15">
      <c r="A28" s="5">
        <v>19</v>
      </c>
      <c r="B28" s="22">
        <v>1</v>
      </c>
      <c r="C28" s="14">
        <v>1</v>
      </c>
      <c r="D28" s="18">
        <v>2</v>
      </c>
    </row>
    <row r="29" spans="1:4" ht="18" customHeight="1" x14ac:dyDescent="0.15">
      <c r="A29" s="5" t="s">
        <v>14</v>
      </c>
      <c r="B29" s="22">
        <v>6</v>
      </c>
      <c r="C29" s="14">
        <v>3</v>
      </c>
      <c r="D29" s="18">
        <v>9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2</v>
      </c>
      <c r="D31" s="18">
        <v>2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3</v>
      </c>
      <c r="C34" s="14">
        <v>0</v>
      </c>
      <c r="D34" s="18">
        <v>3</v>
      </c>
    </row>
    <row r="35" spans="1:4" ht="18" customHeight="1" x14ac:dyDescent="0.15">
      <c r="A35" s="5" t="s">
        <v>9</v>
      </c>
      <c r="B35" s="22">
        <v>5</v>
      </c>
      <c r="C35" s="14">
        <v>5</v>
      </c>
      <c r="D35" s="18">
        <v>1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2</v>
      </c>
      <c r="C38" s="14">
        <v>0</v>
      </c>
      <c r="D38" s="18">
        <v>2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2</v>
      </c>
      <c r="C41" s="14">
        <v>0</v>
      </c>
      <c r="D41" s="18">
        <v>2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1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2</v>
      </c>
      <c r="D47" s="18">
        <v>6</v>
      </c>
    </row>
    <row r="48" spans="1:4" ht="18" customHeight="1" x14ac:dyDescent="0.15">
      <c r="A48" s="5">
        <v>35</v>
      </c>
      <c r="B48" s="22">
        <v>4</v>
      </c>
      <c r="C48" s="14">
        <v>1</v>
      </c>
      <c r="D48" s="18">
        <v>5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1</v>
      </c>
      <c r="C52" s="14">
        <v>0</v>
      </c>
      <c r="D52" s="18">
        <v>1</v>
      </c>
    </row>
    <row r="53" spans="1:4" ht="18" customHeight="1" x14ac:dyDescent="0.15">
      <c r="A53" s="5" t="s">
        <v>18</v>
      </c>
      <c r="B53" s="22">
        <v>7</v>
      </c>
      <c r="C53" s="14">
        <v>2</v>
      </c>
      <c r="D53" s="18">
        <v>9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0</v>
      </c>
      <c r="D55" s="18">
        <v>1</v>
      </c>
    </row>
    <row r="56" spans="1:4" ht="18" customHeight="1" x14ac:dyDescent="0.15">
      <c r="A56" s="5">
        <v>42</v>
      </c>
      <c r="B56" s="22">
        <v>1</v>
      </c>
      <c r="C56" s="14">
        <v>2</v>
      </c>
      <c r="D56" s="18">
        <v>3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1</v>
      </c>
      <c r="C58" s="14">
        <v>1</v>
      </c>
      <c r="D58" s="18">
        <v>2</v>
      </c>
    </row>
    <row r="59" spans="1:4" ht="18" customHeight="1" x14ac:dyDescent="0.15">
      <c r="A59" s="5" t="s">
        <v>21</v>
      </c>
      <c r="B59" s="22">
        <v>5</v>
      </c>
      <c r="C59" s="14">
        <v>4</v>
      </c>
      <c r="D59" s="18">
        <v>9</v>
      </c>
    </row>
    <row r="60" spans="1:4" ht="18" customHeight="1" x14ac:dyDescent="0.15">
      <c r="A60" s="5">
        <v>45</v>
      </c>
      <c r="B60" s="22">
        <v>5</v>
      </c>
      <c r="C60" s="14">
        <v>3</v>
      </c>
      <c r="D60" s="18">
        <v>8</v>
      </c>
    </row>
    <row r="61" spans="1:4" ht="18" customHeight="1" x14ac:dyDescent="0.15">
      <c r="A61" s="5">
        <v>46</v>
      </c>
      <c r="B61" s="22">
        <v>1</v>
      </c>
      <c r="C61" s="14">
        <v>3</v>
      </c>
      <c r="D61" s="18">
        <v>4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3</v>
      </c>
      <c r="C63" s="14">
        <v>1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14</v>
      </c>
      <c r="C65" s="14">
        <v>11</v>
      </c>
      <c r="D65" s="18">
        <v>25</v>
      </c>
    </row>
    <row r="66" spans="1:4" ht="18" customHeight="1" x14ac:dyDescent="0.15">
      <c r="A66" s="5">
        <v>50</v>
      </c>
      <c r="B66" s="22">
        <v>1</v>
      </c>
      <c r="C66" s="14">
        <v>2</v>
      </c>
      <c r="D66" s="18">
        <v>3</v>
      </c>
    </row>
    <row r="67" spans="1:4" ht="18" customHeight="1" x14ac:dyDescent="0.15">
      <c r="A67" s="5">
        <v>51</v>
      </c>
      <c r="B67" s="22">
        <v>3</v>
      </c>
      <c r="C67" s="14">
        <v>2</v>
      </c>
      <c r="D67" s="18">
        <v>5</v>
      </c>
    </row>
    <row r="68" spans="1:4" ht="18" customHeight="1" x14ac:dyDescent="0.15">
      <c r="A68" s="5">
        <v>52</v>
      </c>
      <c r="B68" s="22">
        <v>3</v>
      </c>
      <c r="C68" s="14">
        <v>4</v>
      </c>
      <c r="D68" s="18">
        <v>7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5</v>
      </c>
      <c r="C70" s="14">
        <v>3</v>
      </c>
      <c r="D70" s="18">
        <v>8</v>
      </c>
    </row>
    <row r="71" spans="1:4" ht="18" customHeight="1" x14ac:dyDescent="0.15">
      <c r="A71" s="5" t="s">
        <v>22</v>
      </c>
      <c r="B71" s="22">
        <v>13</v>
      </c>
      <c r="C71" s="14">
        <v>13</v>
      </c>
      <c r="D71" s="18">
        <v>26</v>
      </c>
    </row>
    <row r="72" spans="1:4" ht="18" customHeight="1" x14ac:dyDescent="0.15">
      <c r="A72" s="5">
        <v>55</v>
      </c>
      <c r="B72" s="22">
        <v>5</v>
      </c>
      <c r="C72" s="14">
        <v>1</v>
      </c>
      <c r="D72" s="18">
        <v>6</v>
      </c>
    </row>
    <row r="73" spans="1:4" ht="18" customHeight="1" x14ac:dyDescent="0.15">
      <c r="A73" s="5">
        <v>56</v>
      </c>
      <c r="B73" s="22">
        <v>3</v>
      </c>
      <c r="C73" s="14">
        <v>1</v>
      </c>
      <c r="D73" s="18">
        <v>4</v>
      </c>
    </row>
    <row r="74" spans="1:4" ht="18" customHeight="1" x14ac:dyDescent="0.15">
      <c r="A74" s="5">
        <v>57</v>
      </c>
      <c r="B74" s="22">
        <v>1</v>
      </c>
      <c r="C74" s="14">
        <v>4</v>
      </c>
      <c r="D74" s="18">
        <v>5</v>
      </c>
    </row>
    <row r="75" spans="1:4" ht="18" customHeight="1" x14ac:dyDescent="0.15">
      <c r="A75" s="5">
        <v>58</v>
      </c>
      <c r="B75" s="22">
        <v>3</v>
      </c>
      <c r="C75" s="14">
        <v>2</v>
      </c>
      <c r="D75" s="18">
        <v>5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14</v>
      </c>
      <c r="C77" s="14">
        <v>8</v>
      </c>
      <c r="D77" s="18">
        <v>22</v>
      </c>
    </row>
    <row r="78" spans="1:4" ht="18" customHeight="1" x14ac:dyDescent="0.15">
      <c r="A78" s="5">
        <v>60</v>
      </c>
      <c r="B78" s="22">
        <v>2</v>
      </c>
      <c r="C78" s="14">
        <v>2</v>
      </c>
      <c r="D78" s="18">
        <v>4</v>
      </c>
    </row>
    <row r="79" spans="1:4" ht="18" customHeight="1" x14ac:dyDescent="0.15">
      <c r="A79" s="5">
        <v>61</v>
      </c>
      <c r="B79" s="22">
        <v>2</v>
      </c>
      <c r="C79" s="14">
        <v>1</v>
      </c>
      <c r="D79" s="18">
        <v>3</v>
      </c>
    </row>
    <row r="80" spans="1:4" ht="18" customHeight="1" x14ac:dyDescent="0.15">
      <c r="A80" s="5">
        <v>62</v>
      </c>
      <c r="B80" s="22">
        <v>1</v>
      </c>
      <c r="C80" s="14">
        <v>2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0</v>
      </c>
      <c r="C82" s="14">
        <v>3</v>
      </c>
      <c r="D82" s="18">
        <v>3</v>
      </c>
    </row>
    <row r="83" spans="1:4" ht="18" customHeight="1" x14ac:dyDescent="0.15">
      <c r="A83" s="5" t="s">
        <v>28</v>
      </c>
      <c r="B83" s="22">
        <v>5</v>
      </c>
      <c r="C83" s="14">
        <v>9</v>
      </c>
      <c r="D83" s="18">
        <v>14</v>
      </c>
    </row>
    <row r="84" spans="1:4" ht="18" customHeight="1" x14ac:dyDescent="0.15">
      <c r="A84" s="5" t="s">
        <v>31</v>
      </c>
      <c r="B84" s="22">
        <v>75</v>
      </c>
      <c r="C84" s="14">
        <v>57</v>
      </c>
      <c r="D84" s="18">
        <v>132</v>
      </c>
    </row>
    <row r="85" spans="1:4" ht="18" customHeight="1" x14ac:dyDescent="0.15">
      <c r="A85" s="5">
        <v>65</v>
      </c>
      <c r="B85" s="22">
        <v>0</v>
      </c>
      <c r="C85" s="14">
        <v>3</v>
      </c>
      <c r="D85" s="18">
        <v>3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4</v>
      </c>
      <c r="C88" s="14">
        <v>1</v>
      </c>
      <c r="D88" s="18">
        <v>5</v>
      </c>
    </row>
    <row r="89" spans="1:4" ht="18" customHeight="1" x14ac:dyDescent="0.15">
      <c r="A89" s="5">
        <v>69</v>
      </c>
      <c r="B89" s="22">
        <v>0</v>
      </c>
      <c r="C89" s="14">
        <v>2</v>
      </c>
      <c r="D89" s="18">
        <v>2</v>
      </c>
    </row>
    <row r="90" spans="1:4" ht="18" customHeight="1" x14ac:dyDescent="0.15">
      <c r="A90" s="5" t="s">
        <v>20</v>
      </c>
      <c r="B90" s="22">
        <v>6</v>
      </c>
      <c r="C90" s="14">
        <v>8</v>
      </c>
      <c r="D90" s="18">
        <v>14</v>
      </c>
    </row>
    <row r="91" spans="1:4" ht="18" customHeight="1" x14ac:dyDescent="0.15">
      <c r="A91" s="5">
        <v>70</v>
      </c>
      <c r="B91" s="22">
        <v>3</v>
      </c>
      <c r="C91" s="14">
        <v>2</v>
      </c>
      <c r="D91" s="18">
        <v>5</v>
      </c>
    </row>
    <row r="92" spans="1:4" ht="18" customHeight="1" x14ac:dyDescent="0.15">
      <c r="A92" s="5">
        <v>71</v>
      </c>
      <c r="B92" s="22">
        <v>5</v>
      </c>
      <c r="C92" s="14">
        <v>4</v>
      </c>
      <c r="D92" s="18">
        <v>9</v>
      </c>
    </row>
    <row r="93" spans="1:4" ht="18" customHeight="1" x14ac:dyDescent="0.15">
      <c r="A93" s="5">
        <v>72</v>
      </c>
      <c r="B93" s="22">
        <v>2</v>
      </c>
      <c r="C93" s="14">
        <v>2</v>
      </c>
      <c r="D93" s="18">
        <v>4</v>
      </c>
    </row>
    <row r="94" spans="1:4" ht="18" customHeight="1" x14ac:dyDescent="0.15">
      <c r="A94" s="5">
        <v>73</v>
      </c>
      <c r="B94" s="22">
        <v>2</v>
      </c>
      <c r="C94" s="14">
        <v>2</v>
      </c>
      <c r="D94" s="18">
        <v>4</v>
      </c>
    </row>
    <row r="95" spans="1:4" ht="18" customHeight="1" x14ac:dyDescent="0.15">
      <c r="A95" s="5">
        <v>74</v>
      </c>
      <c r="B95" s="22">
        <v>1</v>
      </c>
      <c r="C95" s="14">
        <v>3</v>
      </c>
      <c r="D95" s="18">
        <v>4</v>
      </c>
    </row>
    <row r="96" spans="1:4" ht="18" customHeight="1" x14ac:dyDescent="0.15">
      <c r="A96" s="5" t="s">
        <v>33</v>
      </c>
      <c r="B96" s="22">
        <v>13</v>
      </c>
      <c r="C96" s="14">
        <v>13</v>
      </c>
      <c r="D96" s="18">
        <v>26</v>
      </c>
    </row>
    <row r="97" spans="1:4" ht="18" customHeight="1" x14ac:dyDescent="0.15">
      <c r="A97" s="5">
        <v>75</v>
      </c>
      <c r="B97" s="22">
        <v>2</v>
      </c>
      <c r="C97" s="14">
        <v>2</v>
      </c>
      <c r="D97" s="18">
        <v>4</v>
      </c>
    </row>
    <row r="98" spans="1:4" ht="18" customHeight="1" x14ac:dyDescent="0.15">
      <c r="A98" s="5">
        <v>76</v>
      </c>
      <c r="B98" s="22">
        <v>4</v>
      </c>
      <c r="C98" s="14">
        <v>5</v>
      </c>
      <c r="D98" s="18">
        <v>9</v>
      </c>
    </row>
    <row r="99" spans="1:4" ht="18" customHeight="1" x14ac:dyDescent="0.15">
      <c r="A99" s="5">
        <v>77</v>
      </c>
      <c r="B99" s="22">
        <v>2</v>
      </c>
      <c r="C99" s="14">
        <v>2</v>
      </c>
      <c r="D99" s="18">
        <v>4</v>
      </c>
    </row>
    <row r="100" spans="1:4" ht="18" customHeight="1" x14ac:dyDescent="0.15">
      <c r="A100" s="5">
        <v>78</v>
      </c>
      <c r="B100" s="22">
        <v>1</v>
      </c>
      <c r="C100" s="14">
        <v>3</v>
      </c>
      <c r="D100" s="18">
        <v>4</v>
      </c>
    </row>
    <row r="101" spans="1:4" ht="18" customHeight="1" x14ac:dyDescent="0.15">
      <c r="A101" s="5">
        <v>79</v>
      </c>
      <c r="B101" s="22">
        <v>3</v>
      </c>
      <c r="C101" s="14">
        <v>3</v>
      </c>
      <c r="D101" s="18">
        <v>6</v>
      </c>
    </row>
    <row r="102" spans="1:4" ht="18" customHeight="1" x14ac:dyDescent="0.15">
      <c r="A102" s="5" t="s">
        <v>0</v>
      </c>
      <c r="B102" s="22">
        <v>12</v>
      </c>
      <c r="C102" s="14">
        <v>15</v>
      </c>
      <c r="D102" s="18">
        <v>27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1</v>
      </c>
      <c r="D104" s="18">
        <v>2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1</v>
      </c>
      <c r="C106" s="14">
        <v>2</v>
      </c>
      <c r="D106" s="18">
        <v>3</v>
      </c>
    </row>
    <row r="107" spans="1:4" ht="18" customHeight="1" x14ac:dyDescent="0.15">
      <c r="A107" s="5">
        <v>84</v>
      </c>
      <c r="B107" s="22">
        <v>2</v>
      </c>
      <c r="C107" s="14">
        <v>2</v>
      </c>
      <c r="D107" s="18">
        <v>4</v>
      </c>
    </row>
    <row r="108" spans="1:4" ht="18" customHeight="1" x14ac:dyDescent="0.15">
      <c r="A108" s="5" t="s">
        <v>35</v>
      </c>
      <c r="B108" s="22">
        <v>5</v>
      </c>
      <c r="C108" s="14">
        <v>5</v>
      </c>
      <c r="D108" s="18">
        <v>10</v>
      </c>
    </row>
    <row r="109" spans="1:4" ht="18" customHeight="1" x14ac:dyDescent="0.15">
      <c r="A109" s="5">
        <v>85</v>
      </c>
      <c r="B109" s="22">
        <v>0</v>
      </c>
      <c r="C109" s="14">
        <v>3</v>
      </c>
      <c r="D109" s="18">
        <v>3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1</v>
      </c>
      <c r="D112" s="18">
        <v>1</v>
      </c>
    </row>
    <row r="113" spans="1:4" ht="18" customHeight="1" x14ac:dyDescent="0.15">
      <c r="A113" s="5">
        <v>89</v>
      </c>
      <c r="B113" s="22">
        <v>1</v>
      </c>
      <c r="C113" s="14">
        <v>1</v>
      </c>
      <c r="D113" s="18">
        <v>2</v>
      </c>
    </row>
    <row r="114" spans="1:4" ht="18" customHeight="1" x14ac:dyDescent="0.15">
      <c r="A114" s="5" t="s">
        <v>37</v>
      </c>
      <c r="B114" s="22">
        <v>1</v>
      </c>
      <c r="C114" s="14">
        <v>6</v>
      </c>
      <c r="D114" s="18">
        <v>7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4</v>
      </c>
      <c r="D120" s="18">
        <v>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3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9</v>
      </c>
      <c r="C130" s="14">
        <v>56</v>
      </c>
      <c r="D130" s="18">
        <v>95</v>
      </c>
    </row>
    <row r="131" spans="1:4" ht="18" customHeight="1" x14ac:dyDescent="0.15">
      <c r="A131" s="7" t="s">
        <v>45</v>
      </c>
      <c r="B131" s="23">
        <v>122</v>
      </c>
      <c r="C131" s="15">
        <v>118</v>
      </c>
      <c r="D131" s="19">
        <v>2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3</v>
      </c>
      <c r="C10" s="14">
        <v>3</v>
      </c>
      <c r="D10" s="18">
        <v>6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2</v>
      </c>
      <c r="C12" s="14">
        <v>3</v>
      </c>
      <c r="D12" s="18">
        <v>5</v>
      </c>
    </row>
    <row r="13" spans="1:4" ht="18" customHeight="1" x14ac:dyDescent="0.15">
      <c r="A13" s="5">
        <v>7</v>
      </c>
      <c r="B13" s="27">
        <v>1</v>
      </c>
      <c r="C13" s="14">
        <v>5</v>
      </c>
      <c r="D13" s="18">
        <v>6</v>
      </c>
    </row>
    <row r="14" spans="1:4" ht="18" customHeight="1" x14ac:dyDescent="0.15">
      <c r="A14" s="5">
        <v>8</v>
      </c>
      <c r="B14" s="27">
        <v>4</v>
      </c>
      <c r="C14" s="14">
        <v>2</v>
      </c>
      <c r="D14" s="18">
        <v>6</v>
      </c>
    </row>
    <row r="15" spans="1:4" ht="18" customHeight="1" x14ac:dyDescent="0.15">
      <c r="A15" s="5">
        <v>9</v>
      </c>
      <c r="B15" s="27">
        <v>6</v>
      </c>
      <c r="C15" s="14">
        <v>1</v>
      </c>
      <c r="D15" s="18">
        <v>7</v>
      </c>
    </row>
    <row r="16" spans="1:4" ht="18" customHeight="1" x14ac:dyDescent="0.15">
      <c r="A16" s="5" t="s">
        <v>11</v>
      </c>
      <c r="B16" s="22">
        <v>14</v>
      </c>
      <c r="C16" s="14">
        <v>12</v>
      </c>
      <c r="D16" s="18">
        <v>26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8</v>
      </c>
      <c r="C18" s="14">
        <v>5</v>
      </c>
      <c r="D18" s="18">
        <v>13</v>
      </c>
    </row>
    <row r="19" spans="1:4" ht="18" customHeight="1" x14ac:dyDescent="0.15">
      <c r="A19" s="5">
        <v>12</v>
      </c>
      <c r="B19" s="22">
        <v>2</v>
      </c>
      <c r="C19" s="14">
        <v>4</v>
      </c>
      <c r="D19" s="18">
        <v>6</v>
      </c>
    </row>
    <row r="20" spans="1:4" ht="18" customHeight="1" x14ac:dyDescent="0.15">
      <c r="A20" s="5">
        <v>13</v>
      </c>
      <c r="B20" s="22">
        <v>2</v>
      </c>
      <c r="C20" s="14">
        <v>5</v>
      </c>
      <c r="D20" s="18">
        <v>7</v>
      </c>
    </row>
    <row r="21" spans="1:4" ht="18" customHeight="1" x14ac:dyDescent="0.15">
      <c r="A21" s="5">
        <v>14</v>
      </c>
      <c r="B21" s="22">
        <v>8</v>
      </c>
      <c r="C21" s="14">
        <v>4</v>
      </c>
      <c r="D21" s="18">
        <v>12</v>
      </c>
    </row>
    <row r="22" spans="1:4" ht="18" customHeight="1" x14ac:dyDescent="0.15">
      <c r="A22" s="5" t="s">
        <v>12</v>
      </c>
      <c r="B22" s="22">
        <v>24</v>
      </c>
      <c r="C22" s="14">
        <v>20</v>
      </c>
      <c r="D22" s="18">
        <v>44</v>
      </c>
    </row>
    <row r="23" spans="1:4" ht="18" customHeight="1" x14ac:dyDescent="0.15">
      <c r="A23" s="5" t="s">
        <v>6</v>
      </c>
      <c r="B23" s="22">
        <v>41</v>
      </c>
      <c r="C23" s="14">
        <v>35</v>
      </c>
      <c r="D23" s="18">
        <v>76</v>
      </c>
    </row>
    <row r="24" spans="1:4" ht="18" customHeight="1" x14ac:dyDescent="0.15">
      <c r="A24" s="5">
        <v>15</v>
      </c>
      <c r="B24" s="22">
        <v>8</v>
      </c>
      <c r="C24" s="14">
        <v>1</v>
      </c>
      <c r="D24" s="18">
        <v>9</v>
      </c>
    </row>
    <row r="25" spans="1:4" ht="18" customHeight="1" x14ac:dyDescent="0.15">
      <c r="A25" s="5">
        <v>16</v>
      </c>
      <c r="B25" s="22">
        <v>5</v>
      </c>
      <c r="C25" s="14">
        <v>5</v>
      </c>
      <c r="D25" s="18">
        <v>10</v>
      </c>
    </row>
    <row r="26" spans="1:4" ht="18" customHeight="1" x14ac:dyDescent="0.15">
      <c r="A26" s="5">
        <v>17</v>
      </c>
      <c r="B26" s="22">
        <v>6</v>
      </c>
      <c r="C26" s="14">
        <v>6</v>
      </c>
      <c r="D26" s="18">
        <v>12</v>
      </c>
    </row>
    <row r="27" spans="1:4" ht="18" customHeight="1" x14ac:dyDescent="0.15">
      <c r="A27" s="5">
        <v>18</v>
      </c>
      <c r="B27" s="22">
        <v>4</v>
      </c>
      <c r="C27" s="14">
        <v>2</v>
      </c>
      <c r="D27" s="18">
        <v>6</v>
      </c>
    </row>
    <row r="28" spans="1:4" ht="18" customHeight="1" x14ac:dyDescent="0.15">
      <c r="A28" s="5">
        <v>19</v>
      </c>
      <c r="B28" s="22">
        <v>6</v>
      </c>
      <c r="C28" s="14">
        <v>4</v>
      </c>
      <c r="D28" s="18">
        <v>10</v>
      </c>
    </row>
    <row r="29" spans="1:4" ht="18" customHeight="1" x14ac:dyDescent="0.15">
      <c r="A29" s="5" t="s">
        <v>14</v>
      </c>
      <c r="B29" s="22">
        <v>29</v>
      </c>
      <c r="C29" s="14">
        <v>18</v>
      </c>
      <c r="D29" s="18">
        <v>47</v>
      </c>
    </row>
    <row r="30" spans="1:4" ht="18" customHeight="1" x14ac:dyDescent="0.15">
      <c r="A30" s="5">
        <v>20</v>
      </c>
      <c r="B30" s="22">
        <v>5</v>
      </c>
      <c r="C30" s="14">
        <v>7</v>
      </c>
      <c r="D30" s="18">
        <v>12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6</v>
      </c>
      <c r="C32" s="14">
        <v>5</v>
      </c>
      <c r="D32" s="18">
        <v>11</v>
      </c>
    </row>
    <row r="33" spans="1:4" ht="18" customHeight="1" x14ac:dyDescent="0.15">
      <c r="A33" s="5">
        <v>23</v>
      </c>
      <c r="B33" s="22">
        <v>5</v>
      </c>
      <c r="C33" s="14">
        <v>3</v>
      </c>
      <c r="D33" s="18">
        <v>8</v>
      </c>
    </row>
    <row r="34" spans="1:4" ht="18" customHeight="1" x14ac:dyDescent="0.15">
      <c r="A34" s="5">
        <v>24</v>
      </c>
      <c r="B34" s="22">
        <v>6</v>
      </c>
      <c r="C34" s="14">
        <v>4</v>
      </c>
      <c r="D34" s="18">
        <v>10</v>
      </c>
    </row>
    <row r="35" spans="1:4" ht="18" customHeight="1" x14ac:dyDescent="0.15">
      <c r="A35" s="5" t="s">
        <v>9</v>
      </c>
      <c r="B35" s="22">
        <v>26</v>
      </c>
      <c r="C35" s="14">
        <v>23</v>
      </c>
      <c r="D35" s="18">
        <v>49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3</v>
      </c>
      <c r="C39" s="14">
        <v>1</v>
      </c>
      <c r="D39" s="18">
        <v>4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12</v>
      </c>
      <c r="C41" s="14">
        <v>7</v>
      </c>
      <c r="D41" s="18">
        <v>19</v>
      </c>
    </row>
    <row r="42" spans="1:4" ht="18" customHeight="1" x14ac:dyDescent="0.15">
      <c r="A42" s="5">
        <v>30</v>
      </c>
      <c r="B42" s="22">
        <v>6</v>
      </c>
      <c r="C42" s="14">
        <v>2</v>
      </c>
      <c r="D42" s="18">
        <v>8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2</v>
      </c>
      <c r="C44" s="14">
        <v>1</v>
      </c>
      <c r="D44" s="18">
        <v>3</v>
      </c>
    </row>
    <row r="45" spans="1:4" ht="18" customHeight="1" x14ac:dyDescent="0.15">
      <c r="A45" s="5">
        <v>33</v>
      </c>
      <c r="B45" s="22">
        <v>5</v>
      </c>
      <c r="C45" s="14">
        <v>2</v>
      </c>
      <c r="D45" s="18">
        <v>7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7</v>
      </c>
      <c r="C47" s="14">
        <v>9</v>
      </c>
      <c r="D47" s="18">
        <v>26</v>
      </c>
    </row>
    <row r="48" spans="1:4" ht="18" customHeight="1" x14ac:dyDescent="0.15">
      <c r="A48" s="5">
        <v>35</v>
      </c>
      <c r="B48" s="22">
        <v>6</v>
      </c>
      <c r="C48" s="14">
        <v>4</v>
      </c>
      <c r="D48" s="18">
        <v>10</v>
      </c>
    </row>
    <row r="49" spans="1:4" ht="18" customHeight="1" x14ac:dyDescent="0.15">
      <c r="A49" s="5">
        <v>36</v>
      </c>
      <c r="B49" s="22">
        <v>3</v>
      </c>
      <c r="C49" s="14">
        <v>3</v>
      </c>
      <c r="D49" s="18">
        <v>6</v>
      </c>
    </row>
    <row r="50" spans="1:4" ht="18" customHeight="1" x14ac:dyDescent="0.15">
      <c r="A50" s="5">
        <v>37</v>
      </c>
      <c r="B50" s="22">
        <v>4</v>
      </c>
      <c r="C50" s="14">
        <v>4</v>
      </c>
      <c r="D50" s="18">
        <v>8</v>
      </c>
    </row>
    <row r="51" spans="1:4" ht="18" customHeight="1" x14ac:dyDescent="0.15">
      <c r="A51" s="5">
        <v>38</v>
      </c>
      <c r="B51" s="22">
        <v>4</v>
      </c>
      <c r="C51" s="14">
        <v>6</v>
      </c>
      <c r="D51" s="18">
        <v>10</v>
      </c>
    </row>
    <row r="52" spans="1:4" ht="18" customHeight="1" x14ac:dyDescent="0.15">
      <c r="A52" s="5">
        <v>39</v>
      </c>
      <c r="B52" s="22">
        <v>5</v>
      </c>
      <c r="C52" s="14">
        <v>5</v>
      </c>
      <c r="D52" s="18">
        <v>10</v>
      </c>
    </row>
    <row r="53" spans="1:4" ht="18" customHeight="1" x14ac:dyDescent="0.15">
      <c r="A53" s="5" t="s">
        <v>18</v>
      </c>
      <c r="B53" s="22">
        <v>22</v>
      </c>
      <c r="C53" s="14">
        <v>22</v>
      </c>
      <c r="D53" s="18">
        <v>44</v>
      </c>
    </row>
    <row r="54" spans="1:4" ht="18" customHeight="1" x14ac:dyDescent="0.15">
      <c r="A54" s="5">
        <v>40</v>
      </c>
      <c r="B54" s="22">
        <v>6</v>
      </c>
      <c r="C54" s="14">
        <v>5</v>
      </c>
      <c r="D54" s="18">
        <v>11</v>
      </c>
    </row>
    <row r="55" spans="1:4" ht="18" customHeight="1" x14ac:dyDescent="0.15">
      <c r="A55" s="5">
        <v>41</v>
      </c>
      <c r="B55" s="22">
        <v>7</v>
      </c>
      <c r="C55" s="14">
        <v>6</v>
      </c>
      <c r="D55" s="18">
        <v>13</v>
      </c>
    </row>
    <row r="56" spans="1:4" ht="18" customHeight="1" x14ac:dyDescent="0.15">
      <c r="A56" s="5">
        <v>42</v>
      </c>
      <c r="B56" s="22">
        <v>3</v>
      </c>
      <c r="C56" s="14">
        <v>6</v>
      </c>
      <c r="D56" s="18">
        <v>9</v>
      </c>
    </row>
    <row r="57" spans="1:4" ht="18" customHeight="1" x14ac:dyDescent="0.15">
      <c r="A57" s="5">
        <v>43</v>
      </c>
      <c r="B57" s="22">
        <v>6</v>
      </c>
      <c r="C57" s="14">
        <v>3</v>
      </c>
      <c r="D57" s="18">
        <v>9</v>
      </c>
    </row>
    <row r="58" spans="1:4" ht="18" customHeight="1" x14ac:dyDescent="0.15">
      <c r="A58" s="5">
        <v>44</v>
      </c>
      <c r="B58" s="22">
        <v>8</v>
      </c>
      <c r="C58" s="14">
        <v>7</v>
      </c>
      <c r="D58" s="18">
        <v>15</v>
      </c>
    </row>
    <row r="59" spans="1:4" ht="18" customHeight="1" x14ac:dyDescent="0.15">
      <c r="A59" s="5" t="s">
        <v>21</v>
      </c>
      <c r="B59" s="22">
        <v>30</v>
      </c>
      <c r="C59" s="14">
        <v>27</v>
      </c>
      <c r="D59" s="18">
        <v>57</v>
      </c>
    </row>
    <row r="60" spans="1:4" ht="18" customHeight="1" x14ac:dyDescent="0.15">
      <c r="A60" s="5">
        <v>45</v>
      </c>
      <c r="B60" s="22">
        <v>10</v>
      </c>
      <c r="C60" s="14">
        <v>10</v>
      </c>
      <c r="D60" s="18">
        <v>20</v>
      </c>
    </row>
    <row r="61" spans="1:4" ht="18" customHeight="1" x14ac:dyDescent="0.15">
      <c r="A61" s="5">
        <v>46</v>
      </c>
      <c r="B61" s="22">
        <v>8</v>
      </c>
      <c r="C61" s="14">
        <v>6</v>
      </c>
      <c r="D61" s="18">
        <v>14</v>
      </c>
    </row>
    <row r="62" spans="1:4" ht="18" customHeight="1" x14ac:dyDescent="0.15">
      <c r="A62" s="5">
        <v>47</v>
      </c>
      <c r="B62" s="22">
        <v>4</v>
      </c>
      <c r="C62" s="14">
        <v>4</v>
      </c>
      <c r="D62" s="18">
        <v>8</v>
      </c>
    </row>
    <row r="63" spans="1:4" ht="18" customHeight="1" x14ac:dyDescent="0.15">
      <c r="A63" s="5">
        <v>48</v>
      </c>
      <c r="B63" s="22">
        <v>6</v>
      </c>
      <c r="C63" s="14">
        <v>6</v>
      </c>
      <c r="D63" s="18">
        <v>12</v>
      </c>
    </row>
    <row r="64" spans="1:4" ht="18" customHeight="1" x14ac:dyDescent="0.15">
      <c r="A64" s="5">
        <v>49</v>
      </c>
      <c r="B64" s="22">
        <v>9</v>
      </c>
      <c r="C64" s="14">
        <v>8</v>
      </c>
      <c r="D64" s="18">
        <v>17</v>
      </c>
    </row>
    <row r="65" spans="1:4" ht="18" customHeight="1" x14ac:dyDescent="0.15">
      <c r="A65" s="5" t="s">
        <v>17</v>
      </c>
      <c r="B65" s="22">
        <v>37</v>
      </c>
      <c r="C65" s="14">
        <v>34</v>
      </c>
      <c r="D65" s="18">
        <v>71</v>
      </c>
    </row>
    <row r="66" spans="1:4" ht="18" customHeight="1" x14ac:dyDescent="0.15">
      <c r="A66" s="5">
        <v>50</v>
      </c>
      <c r="B66" s="22">
        <v>6</v>
      </c>
      <c r="C66" s="14">
        <v>6</v>
      </c>
      <c r="D66" s="18">
        <v>12</v>
      </c>
    </row>
    <row r="67" spans="1:4" ht="18" customHeight="1" x14ac:dyDescent="0.15">
      <c r="A67" s="5">
        <v>51</v>
      </c>
      <c r="B67" s="22">
        <v>12</v>
      </c>
      <c r="C67" s="14">
        <v>13</v>
      </c>
      <c r="D67" s="18">
        <v>25</v>
      </c>
    </row>
    <row r="68" spans="1:4" ht="18" customHeight="1" x14ac:dyDescent="0.15">
      <c r="A68" s="5">
        <v>52</v>
      </c>
      <c r="B68" s="22">
        <v>14</v>
      </c>
      <c r="C68" s="14">
        <v>11</v>
      </c>
      <c r="D68" s="18">
        <v>25</v>
      </c>
    </row>
    <row r="69" spans="1:4" ht="18" customHeight="1" x14ac:dyDescent="0.15">
      <c r="A69" s="5">
        <v>53</v>
      </c>
      <c r="B69" s="22">
        <v>10</v>
      </c>
      <c r="C69" s="14">
        <v>8</v>
      </c>
      <c r="D69" s="18">
        <v>18</v>
      </c>
    </row>
    <row r="70" spans="1:4" ht="18" customHeight="1" x14ac:dyDescent="0.15">
      <c r="A70" s="5">
        <v>54</v>
      </c>
      <c r="B70" s="22">
        <v>12</v>
      </c>
      <c r="C70" s="14">
        <v>6</v>
      </c>
      <c r="D70" s="18">
        <v>18</v>
      </c>
    </row>
    <row r="71" spans="1:4" ht="18" customHeight="1" x14ac:dyDescent="0.15">
      <c r="A71" s="5" t="s">
        <v>22</v>
      </c>
      <c r="B71" s="22">
        <v>54</v>
      </c>
      <c r="C71" s="14">
        <v>44</v>
      </c>
      <c r="D71" s="18">
        <v>98</v>
      </c>
    </row>
    <row r="72" spans="1:4" ht="18" customHeight="1" x14ac:dyDescent="0.15">
      <c r="A72" s="5">
        <v>55</v>
      </c>
      <c r="B72" s="22">
        <v>7</v>
      </c>
      <c r="C72" s="14">
        <v>9</v>
      </c>
      <c r="D72" s="18">
        <v>16</v>
      </c>
    </row>
    <row r="73" spans="1:4" ht="18" customHeight="1" x14ac:dyDescent="0.15">
      <c r="A73" s="5">
        <v>56</v>
      </c>
      <c r="B73" s="22">
        <v>10</v>
      </c>
      <c r="C73" s="14">
        <v>4</v>
      </c>
      <c r="D73" s="18">
        <v>14</v>
      </c>
    </row>
    <row r="74" spans="1:4" ht="18" customHeight="1" x14ac:dyDescent="0.15">
      <c r="A74" s="5">
        <v>57</v>
      </c>
      <c r="B74" s="22">
        <v>5</v>
      </c>
      <c r="C74" s="14">
        <v>9</v>
      </c>
      <c r="D74" s="18">
        <v>14</v>
      </c>
    </row>
    <row r="75" spans="1:4" ht="18" customHeight="1" x14ac:dyDescent="0.15">
      <c r="A75" s="5">
        <v>58</v>
      </c>
      <c r="B75" s="22">
        <v>3</v>
      </c>
      <c r="C75" s="14">
        <v>13</v>
      </c>
      <c r="D75" s="18">
        <v>16</v>
      </c>
    </row>
    <row r="76" spans="1:4" ht="18" customHeight="1" x14ac:dyDescent="0.15">
      <c r="A76" s="5">
        <v>59</v>
      </c>
      <c r="B76" s="22">
        <v>8</v>
      </c>
      <c r="C76" s="14">
        <v>8</v>
      </c>
      <c r="D76" s="18">
        <v>16</v>
      </c>
    </row>
    <row r="77" spans="1:4" ht="18" customHeight="1" x14ac:dyDescent="0.15">
      <c r="A77" s="5" t="s">
        <v>27</v>
      </c>
      <c r="B77" s="22">
        <v>33</v>
      </c>
      <c r="C77" s="14">
        <v>43</v>
      </c>
      <c r="D77" s="18">
        <v>76</v>
      </c>
    </row>
    <row r="78" spans="1:4" ht="18" customHeight="1" x14ac:dyDescent="0.15">
      <c r="A78" s="5">
        <v>60</v>
      </c>
      <c r="B78" s="22">
        <v>9</v>
      </c>
      <c r="C78" s="14">
        <v>7</v>
      </c>
      <c r="D78" s="18">
        <v>16</v>
      </c>
    </row>
    <row r="79" spans="1:4" ht="18" customHeight="1" x14ac:dyDescent="0.15">
      <c r="A79" s="5">
        <v>61</v>
      </c>
      <c r="B79" s="22">
        <v>7</v>
      </c>
      <c r="C79" s="14">
        <v>5</v>
      </c>
      <c r="D79" s="18">
        <v>12</v>
      </c>
    </row>
    <row r="80" spans="1:4" ht="18" customHeight="1" x14ac:dyDescent="0.15">
      <c r="A80" s="5">
        <v>62</v>
      </c>
      <c r="B80" s="22">
        <v>8</v>
      </c>
      <c r="C80" s="14">
        <v>8</v>
      </c>
      <c r="D80" s="18">
        <v>16</v>
      </c>
    </row>
    <row r="81" spans="1:4" ht="18" customHeight="1" x14ac:dyDescent="0.15">
      <c r="A81" s="5">
        <v>63</v>
      </c>
      <c r="B81" s="22">
        <v>5</v>
      </c>
      <c r="C81" s="14">
        <v>9</v>
      </c>
      <c r="D81" s="18">
        <v>14</v>
      </c>
    </row>
    <row r="82" spans="1:4" ht="18" customHeight="1" x14ac:dyDescent="0.15">
      <c r="A82" s="5">
        <v>64</v>
      </c>
      <c r="B82" s="22">
        <v>2</v>
      </c>
      <c r="C82" s="14">
        <v>12</v>
      </c>
      <c r="D82" s="18">
        <v>14</v>
      </c>
    </row>
    <row r="83" spans="1:4" ht="18" customHeight="1" x14ac:dyDescent="0.15">
      <c r="A83" s="5" t="s">
        <v>28</v>
      </c>
      <c r="B83" s="22">
        <v>31</v>
      </c>
      <c r="C83" s="14">
        <v>41</v>
      </c>
      <c r="D83" s="18">
        <v>72</v>
      </c>
    </row>
    <row r="84" spans="1:4" ht="18" customHeight="1" x14ac:dyDescent="0.15">
      <c r="A84" s="5" t="s">
        <v>31</v>
      </c>
      <c r="B84" s="22">
        <v>291</v>
      </c>
      <c r="C84" s="14">
        <v>268</v>
      </c>
      <c r="D84" s="18">
        <v>559</v>
      </c>
    </row>
    <row r="85" spans="1:4" ht="18" customHeight="1" x14ac:dyDescent="0.15">
      <c r="A85" s="5">
        <v>65</v>
      </c>
      <c r="B85" s="22">
        <v>5</v>
      </c>
      <c r="C85" s="14">
        <v>5</v>
      </c>
      <c r="D85" s="18">
        <v>10</v>
      </c>
    </row>
    <row r="86" spans="1:4" ht="18" customHeight="1" x14ac:dyDescent="0.15">
      <c r="A86" s="5">
        <v>66</v>
      </c>
      <c r="B86" s="22">
        <v>7</v>
      </c>
      <c r="C86" s="14">
        <v>9</v>
      </c>
      <c r="D86" s="18">
        <v>16</v>
      </c>
    </row>
    <row r="87" spans="1:4" ht="18" customHeight="1" x14ac:dyDescent="0.15">
      <c r="A87" s="5">
        <v>67</v>
      </c>
      <c r="B87" s="22">
        <v>5</v>
      </c>
      <c r="C87" s="14">
        <v>11</v>
      </c>
      <c r="D87" s="18">
        <v>16</v>
      </c>
    </row>
    <row r="88" spans="1:4" ht="18" customHeight="1" x14ac:dyDescent="0.15">
      <c r="A88" s="5">
        <v>68</v>
      </c>
      <c r="B88" s="22">
        <v>12</v>
      </c>
      <c r="C88" s="14">
        <v>10</v>
      </c>
      <c r="D88" s="18">
        <v>22</v>
      </c>
    </row>
    <row r="89" spans="1:4" ht="18" customHeight="1" x14ac:dyDescent="0.15">
      <c r="A89" s="5">
        <v>69</v>
      </c>
      <c r="B89" s="22">
        <v>10</v>
      </c>
      <c r="C89" s="14">
        <v>11</v>
      </c>
      <c r="D89" s="18">
        <v>21</v>
      </c>
    </row>
    <row r="90" spans="1:4" ht="18" customHeight="1" x14ac:dyDescent="0.15">
      <c r="A90" s="5" t="s">
        <v>20</v>
      </c>
      <c r="B90" s="22">
        <v>39</v>
      </c>
      <c r="C90" s="14">
        <v>46</v>
      </c>
      <c r="D90" s="18">
        <v>85</v>
      </c>
    </row>
    <row r="91" spans="1:4" ht="18" customHeight="1" x14ac:dyDescent="0.15">
      <c r="A91" s="5">
        <v>70</v>
      </c>
      <c r="B91" s="22">
        <v>15</v>
      </c>
      <c r="C91" s="14">
        <v>9</v>
      </c>
      <c r="D91" s="18">
        <v>24</v>
      </c>
    </row>
    <row r="92" spans="1:4" ht="18" customHeight="1" x14ac:dyDescent="0.15">
      <c r="A92" s="5">
        <v>71</v>
      </c>
      <c r="B92" s="22">
        <v>10</v>
      </c>
      <c r="C92" s="14">
        <v>10</v>
      </c>
      <c r="D92" s="18">
        <v>20</v>
      </c>
    </row>
    <row r="93" spans="1:4" ht="18" customHeight="1" x14ac:dyDescent="0.15">
      <c r="A93" s="5">
        <v>72</v>
      </c>
      <c r="B93" s="22">
        <v>18</v>
      </c>
      <c r="C93" s="14">
        <v>16</v>
      </c>
      <c r="D93" s="18">
        <v>34</v>
      </c>
    </row>
    <row r="94" spans="1:4" ht="18" customHeight="1" x14ac:dyDescent="0.15">
      <c r="A94" s="5">
        <v>73</v>
      </c>
      <c r="B94" s="22">
        <v>17</v>
      </c>
      <c r="C94" s="14">
        <v>16</v>
      </c>
      <c r="D94" s="18">
        <v>33</v>
      </c>
    </row>
    <row r="95" spans="1:4" ht="18" customHeight="1" x14ac:dyDescent="0.15">
      <c r="A95" s="5">
        <v>74</v>
      </c>
      <c r="B95" s="22">
        <v>15</v>
      </c>
      <c r="C95" s="14">
        <v>13</v>
      </c>
      <c r="D95" s="18">
        <v>28</v>
      </c>
    </row>
    <row r="96" spans="1:4" ht="18" customHeight="1" x14ac:dyDescent="0.15">
      <c r="A96" s="5" t="s">
        <v>33</v>
      </c>
      <c r="B96" s="22">
        <v>75</v>
      </c>
      <c r="C96" s="14">
        <v>64</v>
      </c>
      <c r="D96" s="18">
        <v>139</v>
      </c>
    </row>
    <row r="97" spans="1:4" ht="18" customHeight="1" x14ac:dyDescent="0.15">
      <c r="A97" s="5">
        <v>75</v>
      </c>
      <c r="B97" s="22">
        <v>7</v>
      </c>
      <c r="C97" s="14">
        <v>11</v>
      </c>
      <c r="D97" s="18">
        <v>18</v>
      </c>
    </row>
    <row r="98" spans="1:4" ht="18" customHeight="1" x14ac:dyDescent="0.15">
      <c r="A98" s="5">
        <v>76</v>
      </c>
      <c r="B98" s="22">
        <v>14</v>
      </c>
      <c r="C98" s="14">
        <v>17</v>
      </c>
      <c r="D98" s="18">
        <v>31</v>
      </c>
    </row>
    <row r="99" spans="1:4" ht="18" customHeight="1" x14ac:dyDescent="0.15">
      <c r="A99" s="5">
        <v>77</v>
      </c>
      <c r="B99" s="22">
        <v>11</v>
      </c>
      <c r="C99" s="14">
        <v>17</v>
      </c>
      <c r="D99" s="18">
        <v>28</v>
      </c>
    </row>
    <row r="100" spans="1:4" ht="18" customHeight="1" x14ac:dyDescent="0.15">
      <c r="A100" s="5">
        <v>78</v>
      </c>
      <c r="B100" s="22">
        <v>11</v>
      </c>
      <c r="C100" s="14">
        <v>10</v>
      </c>
      <c r="D100" s="18">
        <v>21</v>
      </c>
    </row>
    <row r="101" spans="1:4" ht="18" customHeight="1" x14ac:dyDescent="0.15">
      <c r="A101" s="5">
        <v>79</v>
      </c>
      <c r="B101" s="22">
        <v>15</v>
      </c>
      <c r="C101" s="14">
        <v>10</v>
      </c>
      <c r="D101" s="18">
        <v>25</v>
      </c>
    </row>
    <row r="102" spans="1:4" ht="18" customHeight="1" x14ac:dyDescent="0.15">
      <c r="A102" s="5" t="s">
        <v>0</v>
      </c>
      <c r="B102" s="22">
        <v>58</v>
      </c>
      <c r="C102" s="14">
        <v>65</v>
      </c>
      <c r="D102" s="18">
        <v>123</v>
      </c>
    </row>
    <row r="103" spans="1:4" ht="18" customHeight="1" x14ac:dyDescent="0.15">
      <c r="A103" s="5">
        <v>80</v>
      </c>
      <c r="B103" s="22">
        <v>5</v>
      </c>
      <c r="C103" s="14">
        <v>4</v>
      </c>
      <c r="D103" s="18">
        <v>9</v>
      </c>
    </row>
    <row r="104" spans="1:4" ht="18" customHeight="1" x14ac:dyDescent="0.15">
      <c r="A104" s="5">
        <v>81</v>
      </c>
      <c r="B104" s="22">
        <v>5</v>
      </c>
      <c r="C104" s="14">
        <v>7</v>
      </c>
      <c r="D104" s="18">
        <v>12</v>
      </c>
    </row>
    <row r="105" spans="1:4" ht="18" customHeight="1" x14ac:dyDescent="0.15">
      <c r="A105" s="5">
        <v>82</v>
      </c>
      <c r="B105" s="22">
        <v>6</v>
      </c>
      <c r="C105" s="14">
        <v>6</v>
      </c>
      <c r="D105" s="18">
        <v>12</v>
      </c>
    </row>
    <row r="106" spans="1:4" ht="18" customHeight="1" x14ac:dyDescent="0.15">
      <c r="A106" s="5">
        <v>83</v>
      </c>
      <c r="B106" s="22">
        <v>9</v>
      </c>
      <c r="C106" s="14">
        <v>6</v>
      </c>
      <c r="D106" s="18">
        <v>15</v>
      </c>
    </row>
    <row r="107" spans="1:4" ht="18" customHeight="1" x14ac:dyDescent="0.15">
      <c r="A107" s="5">
        <v>84</v>
      </c>
      <c r="B107" s="22">
        <v>5</v>
      </c>
      <c r="C107" s="14">
        <v>12</v>
      </c>
      <c r="D107" s="18">
        <v>17</v>
      </c>
    </row>
    <row r="108" spans="1:4" ht="18" customHeight="1" x14ac:dyDescent="0.15">
      <c r="A108" s="5" t="s">
        <v>35</v>
      </c>
      <c r="B108" s="22">
        <v>30</v>
      </c>
      <c r="C108" s="14">
        <v>35</v>
      </c>
      <c r="D108" s="18">
        <v>65</v>
      </c>
    </row>
    <row r="109" spans="1:4" ht="18" customHeight="1" x14ac:dyDescent="0.15">
      <c r="A109" s="5">
        <v>85</v>
      </c>
      <c r="B109" s="22">
        <v>3</v>
      </c>
      <c r="C109" s="14">
        <v>11</v>
      </c>
      <c r="D109" s="18">
        <v>14</v>
      </c>
    </row>
    <row r="110" spans="1:4" ht="18" customHeight="1" x14ac:dyDescent="0.15">
      <c r="A110" s="5">
        <v>86</v>
      </c>
      <c r="B110" s="22">
        <v>3</v>
      </c>
      <c r="C110" s="14">
        <v>5</v>
      </c>
      <c r="D110" s="18">
        <v>8</v>
      </c>
    </row>
    <row r="111" spans="1:4" ht="18" customHeight="1" x14ac:dyDescent="0.15">
      <c r="A111" s="5">
        <v>87</v>
      </c>
      <c r="B111" s="22">
        <v>5</v>
      </c>
      <c r="C111" s="14">
        <v>4</v>
      </c>
      <c r="D111" s="18">
        <v>9</v>
      </c>
    </row>
    <row r="112" spans="1:4" ht="18" customHeight="1" x14ac:dyDescent="0.15">
      <c r="A112" s="5">
        <v>88</v>
      </c>
      <c r="B112" s="22">
        <v>1</v>
      </c>
      <c r="C112" s="14">
        <v>4</v>
      </c>
      <c r="D112" s="18">
        <v>5</v>
      </c>
    </row>
    <row r="113" spans="1:4" ht="18" customHeight="1" x14ac:dyDescent="0.15">
      <c r="A113" s="5">
        <v>89</v>
      </c>
      <c r="B113" s="22">
        <v>6</v>
      </c>
      <c r="C113" s="14">
        <v>7</v>
      </c>
      <c r="D113" s="18">
        <v>13</v>
      </c>
    </row>
    <row r="114" spans="1:4" ht="18" customHeight="1" x14ac:dyDescent="0.15">
      <c r="A114" s="5" t="s">
        <v>37</v>
      </c>
      <c r="B114" s="22">
        <v>18</v>
      </c>
      <c r="C114" s="14">
        <v>31</v>
      </c>
      <c r="D114" s="18">
        <v>49</v>
      </c>
    </row>
    <row r="115" spans="1:4" ht="18" customHeight="1" x14ac:dyDescent="0.15">
      <c r="A115" s="5">
        <v>90</v>
      </c>
      <c r="B115" s="22">
        <v>2</v>
      </c>
      <c r="C115" s="14">
        <v>8</v>
      </c>
      <c r="D115" s="18">
        <v>10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6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7</v>
      </c>
      <c r="C120" s="14">
        <v>29</v>
      </c>
      <c r="D120" s="18">
        <v>36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9</v>
      </c>
      <c r="C130" s="14">
        <v>284</v>
      </c>
      <c r="D130" s="18">
        <v>513</v>
      </c>
    </row>
    <row r="131" spans="1:4" ht="18" customHeight="1" x14ac:dyDescent="0.15">
      <c r="A131" s="7" t="s">
        <v>45</v>
      </c>
      <c r="B131" s="23">
        <v>561</v>
      </c>
      <c r="C131" s="15">
        <v>587</v>
      </c>
      <c r="D131" s="19">
        <v>11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0</v>
      </c>
      <c r="C8" s="14">
        <v>2</v>
      </c>
      <c r="D8" s="18">
        <v>2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5</v>
      </c>
      <c r="D10" s="18">
        <v>9</v>
      </c>
    </row>
    <row r="11" spans="1:4" ht="18" customHeight="1" x14ac:dyDescent="0.15">
      <c r="A11" s="5">
        <v>5</v>
      </c>
      <c r="B11" s="27">
        <v>3</v>
      </c>
      <c r="C11" s="14">
        <v>4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2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3</v>
      </c>
      <c r="C15" s="14">
        <v>0</v>
      </c>
      <c r="D15" s="18">
        <v>3</v>
      </c>
    </row>
    <row r="16" spans="1:4" ht="18" customHeight="1" x14ac:dyDescent="0.15">
      <c r="A16" s="5" t="s">
        <v>11</v>
      </c>
      <c r="B16" s="22">
        <v>8</v>
      </c>
      <c r="C16" s="14">
        <v>10</v>
      </c>
      <c r="D16" s="18">
        <v>18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1</v>
      </c>
      <c r="C18" s="14">
        <v>3</v>
      </c>
      <c r="D18" s="18">
        <v>4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2</v>
      </c>
      <c r="C20" s="14">
        <v>1</v>
      </c>
      <c r="D20" s="18">
        <v>3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11</v>
      </c>
      <c r="C22" s="14">
        <v>9</v>
      </c>
      <c r="D22" s="18">
        <v>20</v>
      </c>
    </row>
    <row r="23" spans="1:4" ht="18" customHeight="1" x14ac:dyDescent="0.15">
      <c r="A23" s="5" t="s">
        <v>6</v>
      </c>
      <c r="B23" s="22">
        <v>23</v>
      </c>
      <c r="C23" s="14">
        <v>24</v>
      </c>
      <c r="D23" s="18">
        <v>47</v>
      </c>
    </row>
    <row r="24" spans="1:4" ht="18" customHeight="1" x14ac:dyDescent="0.15">
      <c r="A24" s="5">
        <v>15</v>
      </c>
      <c r="B24" s="22">
        <v>8</v>
      </c>
      <c r="C24" s="14">
        <v>0</v>
      </c>
      <c r="D24" s="18">
        <v>8</v>
      </c>
    </row>
    <row r="25" spans="1:4" ht="18" customHeight="1" x14ac:dyDescent="0.15">
      <c r="A25" s="5">
        <v>16</v>
      </c>
      <c r="B25" s="22">
        <v>6</v>
      </c>
      <c r="C25" s="14">
        <v>1</v>
      </c>
      <c r="D25" s="18">
        <v>7</v>
      </c>
    </row>
    <row r="26" spans="1:4" ht="18" customHeight="1" x14ac:dyDescent="0.15">
      <c r="A26" s="5">
        <v>17</v>
      </c>
      <c r="B26" s="22">
        <v>6</v>
      </c>
      <c r="C26" s="14">
        <v>3</v>
      </c>
      <c r="D26" s="18">
        <v>9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10</v>
      </c>
      <c r="C28" s="14">
        <v>2</v>
      </c>
      <c r="D28" s="18">
        <v>12</v>
      </c>
    </row>
    <row r="29" spans="1:4" ht="18" customHeight="1" x14ac:dyDescent="0.15">
      <c r="A29" s="5" t="s">
        <v>14</v>
      </c>
      <c r="B29" s="22">
        <v>32</v>
      </c>
      <c r="C29" s="14">
        <v>8</v>
      </c>
      <c r="D29" s="18">
        <v>40</v>
      </c>
    </row>
    <row r="30" spans="1:4" ht="18" customHeight="1" x14ac:dyDescent="0.15">
      <c r="A30" s="5">
        <v>20</v>
      </c>
      <c r="B30" s="22">
        <v>11</v>
      </c>
      <c r="C30" s="14">
        <v>5</v>
      </c>
      <c r="D30" s="18">
        <v>16</v>
      </c>
    </row>
    <row r="31" spans="1:4" ht="18" customHeight="1" x14ac:dyDescent="0.15">
      <c r="A31" s="5">
        <v>21</v>
      </c>
      <c r="B31" s="22">
        <v>4</v>
      </c>
      <c r="C31" s="14">
        <v>3</v>
      </c>
      <c r="D31" s="18">
        <v>7</v>
      </c>
    </row>
    <row r="32" spans="1:4" ht="18" customHeight="1" x14ac:dyDescent="0.15">
      <c r="A32" s="5">
        <v>22</v>
      </c>
      <c r="B32" s="22">
        <v>5</v>
      </c>
      <c r="C32" s="14">
        <v>8</v>
      </c>
      <c r="D32" s="18">
        <v>13</v>
      </c>
    </row>
    <row r="33" spans="1:4" ht="18" customHeight="1" x14ac:dyDescent="0.15">
      <c r="A33" s="5">
        <v>23</v>
      </c>
      <c r="B33" s="22">
        <v>2</v>
      </c>
      <c r="C33" s="14">
        <v>2</v>
      </c>
      <c r="D33" s="18">
        <v>4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23</v>
      </c>
      <c r="C35" s="14">
        <v>21</v>
      </c>
      <c r="D35" s="18">
        <v>44</v>
      </c>
    </row>
    <row r="36" spans="1:4" ht="18" customHeight="1" x14ac:dyDescent="0.15">
      <c r="A36" s="5">
        <v>25</v>
      </c>
      <c r="B36" s="22">
        <v>3</v>
      </c>
      <c r="C36" s="14">
        <v>5</v>
      </c>
      <c r="D36" s="18">
        <v>8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3</v>
      </c>
      <c r="C38" s="14">
        <v>1</v>
      </c>
      <c r="D38" s="18">
        <v>4</v>
      </c>
    </row>
    <row r="39" spans="1:4" ht="18" customHeight="1" x14ac:dyDescent="0.15">
      <c r="A39" s="5">
        <v>28</v>
      </c>
      <c r="B39" s="22">
        <v>3</v>
      </c>
      <c r="C39" s="14">
        <v>3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3</v>
      </c>
      <c r="D40" s="18">
        <v>6</v>
      </c>
    </row>
    <row r="41" spans="1:4" ht="18" customHeight="1" x14ac:dyDescent="0.15">
      <c r="A41" s="5" t="s">
        <v>2</v>
      </c>
      <c r="B41" s="22">
        <v>15</v>
      </c>
      <c r="C41" s="14">
        <v>13</v>
      </c>
      <c r="D41" s="18">
        <v>28</v>
      </c>
    </row>
    <row r="42" spans="1:4" ht="18" customHeight="1" x14ac:dyDescent="0.15">
      <c r="A42" s="5">
        <v>30</v>
      </c>
      <c r="B42" s="22">
        <v>2</v>
      </c>
      <c r="C42" s="14">
        <v>5</v>
      </c>
      <c r="D42" s="18">
        <v>7</v>
      </c>
    </row>
    <row r="43" spans="1:4" ht="18" customHeight="1" x14ac:dyDescent="0.15">
      <c r="A43" s="5">
        <v>31</v>
      </c>
      <c r="B43" s="22">
        <v>2</v>
      </c>
      <c r="C43" s="14">
        <v>2</v>
      </c>
      <c r="D43" s="18">
        <v>4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2</v>
      </c>
      <c r="C46" s="14">
        <v>2</v>
      </c>
      <c r="D46" s="18">
        <v>4</v>
      </c>
    </row>
    <row r="47" spans="1:4" ht="18" customHeight="1" x14ac:dyDescent="0.15">
      <c r="A47" s="5" t="s">
        <v>15</v>
      </c>
      <c r="B47" s="22">
        <v>10</v>
      </c>
      <c r="C47" s="14">
        <v>13</v>
      </c>
      <c r="D47" s="18">
        <v>23</v>
      </c>
    </row>
    <row r="48" spans="1:4" ht="18" customHeight="1" x14ac:dyDescent="0.15">
      <c r="A48" s="5">
        <v>35</v>
      </c>
      <c r="B48" s="22">
        <v>6</v>
      </c>
      <c r="C48" s="14">
        <v>1</v>
      </c>
      <c r="D48" s="18">
        <v>7</v>
      </c>
    </row>
    <row r="49" spans="1:4" ht="18" customHeight="1" x14ac:dyDescent="0.15">
      <c r="A49" s="5">
        <v>36</v>
      </c>
      <c r="B49" s="22">
        <v>3</v>
      </c>
      <c r="C49" s="14">
        <v>1</v>
      </c>
      <c r="D49" s="18">
        <v>4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2</v>
      </c>
      <c r="C52" s="14">
        <v>3</v>
      </c>
      <c r="D52" s="18">
        <v>5</v>
      </c>
    </row>
    <row r="53" spans="1:4" ht="18" customHeight="1" x14ac:dyDescent="0.15">
      <c r="A53" s="5" t="s">
        <v>18</v>
      </c>
      <c r="B53" s="22">
        <v>15</v>
      </c>
      <c r="C53" s="14">
        <v>10</v>
      </c>
      <c r="D53" s="18">
        <v>25</v>
      </c>
    </row>
    <row r="54" spans="1:4" ht="18" customHeight="1" x14ac:dyDescent="0.15">
      <c r="A54" s="5">
        <v>40</v>
      </c>
      <c r="B54" s="22">
        <v>4</v>
      </c>
      <c r="C54" s="14">
        <v>3</v>
      </c>
      <c r="D54" s="18">
        <v>7</v>
      </c>
    </row>
    <row r="55" spans="1:4" ht="18" customHeight="1" x14ac:dyDescent="0.15">
      <c r="A55" s="5">
        <v>41</v>
      </c>
      <c r="B55" s="22">
        <v>2</v>
      </c>
      <c r="C55" s="14">
        <v>5</v>
      </c>
      <c r="D55" s="18">
        <v>7</v>
      </c>
    </row>
    <row r="56" spans="1:4" ht="18" customHeight="1" x14ac:dyDescent="0.15">
      <c r="A56" s="5">
        <v>42</v>
      </c>
      <c r="B56" s="22">
        <v>6</v>
      </c>
      <c r="C56" s="14">
        <v>3</v>
      </c>
      <c r="D56" s="18">
        <v>9</v>
      </c>
    </row>
    <row r="57" spans="1:4" ht="18" customHeight="1" x14ac:dyDescent="0.15">
      <c r="A57" s="5">
        <v>43</v>
      </c>
      <c r="B57" s="22">
        <v>8</v>
      </c>
      <c r="C57" s="14">
        <v>0</v>
      </c>
      <c r="D57" s="18">
        <v>8</v>
      </c>
    </row>
    <row r="58" spans="1:4" ht="18" customHeight="1" x14ac:dyDescent="0.15">
      <c r="A58" s="5">
        <v>44</v>
      </c>
      <c r="B58" s="22">
        <v>5</v>
      </c>
      <c r="C58" s="14">
        <v>2</v>
      </c>
      <c r="D58" s="18">
        <v>7</v>
      </c>
    </row>
    <row r="59" spans="1:4" ht="18" customHeight="1" x14ac:dyDescent="0.15">
      <c r="A59" s="5" t="s">
        <v>21</v>
      </c>
      <c r="B59" s="22">
        <v>25</v>
      </c>
      <c r="C59" s="14">
        <v>13</v>
      </c>
      <c r="D59" s="18">
        <v>38</v>
      </c>
    </row>
    <row r="60" spans="1:4" ht="18" customHeight="1" x14ac:dyDescent="0.15">
      <c r="A60" s="5">
        <v>45</v>
      </c>
      <c r="B60" s="22">
        <v>1</v>
      </c>
      <c r="C60" s="14">
        <v>4</v>
      </c>
      <c r="D60" s="18">
        <v>5</v>
      </c>
    </row>
    <row r="61" spans="1:4" ht="18" customHeight="1" x14ac:dyDescent="0.15">
      <c r="A61" s="5">
        <v>46</v>
      </c>
      <c r="B61" s="22">
        <v>6</v>
      </c>
      <c r="C61" s="14">
        <v>5</v>
      </c>
      <c r="D61" s="18">
        <v>11</v>
      </c>
    </row>
    <row r="62" spans="1:4" ht="18" customHeight="1" x14ac:dyDescent="0.15">
      <c r="A62" s="5">
        <v>47</v>
      </c>
      <c r="B62" s="22">
        <v>5</v>
      </c>
      <c r="C62" s="14">
        <v>6</v>
      </c>
      <c r="D62" s="18">
        <v>11</v>
      </c>
    </row>
    <row r="63" spans="1:4" ht="18" customHeight="1" x14ac:dyDescent="0.15">
      <c r="A63" s="5">
        <v>48</v>
      </c>
      <c r="B63" s="22">
        <v>6</v>
      </c>
      <c r="C63" s="14">
        <v>1</v>
      </c>
      <c r="D63" s="18">
        <v>7</v>
      </c>
    </row>
    <row r="64" spans="1:4" ht="18" customHeight="1" x14ac:dyDescent="0.15">
      <c r="A64" s="5">
        <v>49</v>
      </c>
      <c r="B64" s="22">
        <v>9</v>
      </c>
      <c r="C64" s="14">
        <v>4</v>
      </c>
      <c r="D64" s="18">
        <v>13</v>
      </c>
    </row>
    <row r="65" spans="1:4" ht="18" customHeight="1" x14ac:dyDescent="0.15">
      <c r="A65" s="5" t="s">
        <v>17</v>
      </c>
      <c r="B65" s="22">
        <v>27</v>
      </c>
      <c r="C65" s="14">
        <v>20</v>
      </c>
      <c r="D65" s="18">
        <v>47</v>
      </c>
    </row>
    <row r="66" spans="1:4" ht="18" customHeight="1" x14ac:dyDescent="0.15">
      <c r="A66" s="5">
        <v>50</v>
      </c>
      <c r="B66" s="22">
        <v>6</v>
      </c>
      <c r="C66" s="14">
        <v>7</v>
      </c>
      <c r="D66" s="18">
        <v>13</v>
      </c>
    </row>
    <row r="67" spans="1:4" ht="18" customHeight="1" x14ac:dyDescent="0.15">
      <c r="A67" s="5">
        <v>51</v>
      </c>
      <c r="B67" s="22">
        <v>11</v>
      </c>
      <c r="C67" s="14">
        <v>6</v>
      </c>
      <c r="D67" s="18">
        <v>17</v>
      </c>
    </row>
    <row r="68" spans="1:4" ht="18" customHeight="1" x14ac:dyDescent="0.15">
      <c r="A68" s="5">
        <v>52</v>
      </c>
      <c r="B68" s="22">
        <v>6</v>
      </c>
      <c r="C68" s="14">
        <v>9</v>
      </c>
      <c r="D68" s="18">
        <v>15</v>
      </c>
    </row>
    <row r="69" spans="1:4" ht="18" customHeight="1" x14ac:dyDescent="0.15">
      <c r="A69" s="5">
        <v>53</v>
      </c>
      <c r="B69" s="22">
        <v>8</v>
      </c>
      <c r="C69" s="14">
        <v>6</v>
      </c>
      <c r="D69" s="18">
        <v>14</v>
      </c>
    </row>
    <row r="70" spans="1:4" ht="18" customHeight="1" x14ac:dyDescent="0.15">
      <c r="A70" s="5">
        <v>54</v>
      </c>
      <c r="B70" s="22">
        <v>5</v>
      </c>
      <c r="C70" s="14">
        <v>4</v>
      </c>
      <c r="D70" s="18">
        <v>9</v>
      </c>
    </row>
    <row r="71" spans="1:4" ht="18" customHeight="1" x14ac:dyDescent="0.15">
      <c r="A71" s="5" t="s">
        <v>22</v>
      </c>
      <c r="B71" s="22">
        <v>36</v>
      </c>
      <c r="C71" s="14">
        <v>32</v>
      </c>
      <c r="D71" s="18">
        <v>68</v>
      </c>
    </row>
    <row r="72" spans="1:4" ht="18" customHeight="1" x14ac:dyDescent="0.15">
      <c r="A72" s="5">
        <v>55</v>
      </c>
      <c r="B72" s="22">
        <v>4</v>
      </c>
      <c r="C72" s="14">
        <v>10</v>
      </c>
      <c r="D72" s="18">
        <v>14</v>
      </c>
    </row>
    <row r="73" spans="1:4" ht="18" customHeight="1" x14ac:dyDescent="0.15">
      <c r="A73" s="5">
        <v>56</v>
      </c>
      <c r="B73" s="22">
        <v>7</v>
      </c>
      <c r="C73" s="14">
        <v>7</v>
      </c>
      <c r="D73" s="18">
        <v>14</v>
      </c>
    </row>
    <row r="74" spans="1:4" ht="18" customHeight="1" x14ac:dyDescent="0.15">
      <c r="A74" s="5">
        <v>57</v>
      </c>
      <c r="B74" s="22">
        <v>5</v>
      </c>
      <c r="C74" s="14">
        <v>8</v>
      </c>
      <c r="D74" s="18">
        <v>13</v>
      </c>
    </row>
    <row r="75" spans="1:4" ht="18" customHeight="1" x14ac:dyDescent="0.15">
      <c r="A75" s="5">
        <v>58</v>
      </c>
      <c r="B75" s="22">
        <v>5</v>
      </c>
      <c r="C75" s="14">
        <v>6</v>
      </c>
      <c r="D75" s="18">
        <v>11</v>
      </c>
    </row>
    <row r="76" spans="1:4" ht="18" customHeight="1" x14ac:dyDescent="0.15">
      <c r="A76" s="5">
        <v>59</v>
      </c>
      <c r="B76" s="22">
        <v>5</v>
      </c>
      <c r="C76" s="14">
        <v>3</v>
      </c>
      <c r="D76" s="18">
        <v>8</v>
      </c>
    </row>
    <row r="77" spans="1:4" ht="18" customHeight="1" x14ac:dyDescent="0.15">
      <c r="A77" s="5" t="s">
        <v>27</v>
      </c>
      <c r="B77" s="22">
        <v>26</v>
      </c>
      <c r="C77" s="14">
        <v>34</v>
      </c>
      <c r="D77" s="18">
        <v>60</v>
      </c>
    </row>
    <row r="78" spans="1:4" ht="18" customHeight="1" x14ac:dyDescent="0.15">
      <c r="A78" s="5">
        <v>60</v>
      </c>
      <c r="B78" s="22">
        <v>5</v>
      </c>
      <c r="C78" s="14">
        <v>4</v>
      </c>
      <c r="D78" s="18">
        <v>9</v>
      </c>
    </row>
    <row r="79" spans="1:4" ht="18" customHeight="1" x14ac:dyDescent="0.15">
      <c r="A79" s="5">
        <v>61</v>
      </c>
      <c r="B79" s="22">
        <v>2</v>
      </c>
      <c r="C79" s="14">
        <v>6</v>
      </c>
      <c r="D79" s="18">
        <v>8</v>
      </c>
    </row>
    <row r="80" spans="1:4" ht="18" customHeight="1" x14ac:dyDescent="0.15">
      <c r="A80" s="5">
        <v>62</v>
      </c>
      <c r="B80" s="22">
        <v>5</v>
      </c>
      <c r="C80" s="14">
        <v>8</v>
      </c>
      <c r="D80" s="18">
        <v>13</v>
      </c>
    </row>
    <row r="81" spans="1:4" ht="18" customHeight="1" x14ac:dyDescent="0.15">
      <c r="A81" s="5">
        <v>63</v>
      </c>
      <c r="B81" s="22">
        <v>7</v>
      </c>
      <c r="C81" s="14">
        <v>4</v>
      </c>
      <c r="D81" s="18">
        <v>11</v>
      </c>
    </row>
    <row r="82" spans="1:4" ht="18" customHeight="1" x14ac:dyDescent="0.15">
      <c r="A82" s="5">
        <v>64</v>
      </c>
      <c r="B82" s="22">
        <v>4</v>
      </c>
      <c r="C82" s="14">
        <v>1</v>
      </c>
      <c r="D82" s="18">
        <v>5</v>
      </c>
    </row>
    <row r="83" spans="1:4" ht="18" customHeight="1" x14ac:dyDescent="0.15">
      <c r="A83" s="5" t="s">
        <v>28</v>
      </c>
      <c r="B83" s="22">
        <v>23</v>
      </c>
      <c r="C83" s="14">
        <v>23</v>
      </c>
      <c r="D83" s="18">
        <v>46</v>
      </c>
    </row>
    <row r="84" spans="1:4" ht="18" customHeight="1" x14ac:dyDescent="0.15">
      <c r="A84" s="5" t="s">
        <v>31</v>
      </c>
      <c r="B84" s="22">
        <v>232</v>
      </c>
      <c r="C84" s="14">
        <v>187</v>
      </c>
      <c r="D84" s="18">
        <v>419</v>
      </c>
    </row>
    <row r="85" spans="1:4" ht="18" customHeight="1" x14ac:dyDescent="0.15">
      <c r="A85" s="5">
        <v>65</v>
      </c>
      <c r="B85" s="22">
        <v>8</v>
      </c>
      <c r="C85" s="14">
        <v>9</v>
      </c>
      <c r="D85" s="18">
        <v>17</v>
      </c>
    </row>
    <row r="86" spans="1:4" ht="18" customHeight="1" x14ac:dyDescent="0.15">
      <c r="A86" s="5">
        <v>66</v>
      </c>
      <c r="B86" s="22">
        <v>3</v>
      </c>
      <c r="C86" s="14">
        <v>7</v>
      </c>
      <c r="D86" s="18">
        <v>10</v>
      </c>
    </row>
    <row r="87" spans="1:4" ht="18" customHeight="1" x14ac:dyDescent="0.15">
      <c r="A87" s="5">
        <v>67</v>
      </c>
      <c r="B87" s="22">
        <v>6</v>
      </c>
      <c r="C87" s="14">
        <v>8</v>
      </c>
      <c r="D87" s="18">
        <v>14</v>
      </c>
    </row>
    <row r="88" spans="1:4" ht="18" customHeight="1" x14ac:dyDescent="0.15">
      <c r="A88" s="5">
        <v>68</v>
      </c>
      <c r="B88" s="22">
        <v>6</v>
      </c>
      <c r="C88" s="14">
        <v>3</v>
      </c>
      <c r="D88" s="18">
        <v>9</v>
      </c>
    </row>
    <row r="89" spans="1:4" ht="18" customHeight="1" x14ac:dyDescent="0.15">
      <c r="A89" s="5">
        <v>69</v>
      </c>
      <c r="B89" s="22">
        <v>4</v>
      </c>
      <c r="C89" s="14">
        <v>4</v>
      </c>
      <c r="D89" s="18">
        <v>8</v>
      </c>
    </row>
    <row r="90" spans="1:4" ht="18" customHeight="1" x14ac:dyDescent="0.15">
      <c r="A90" s="5" t="s">
        <v>20</v>
      </c>
      <c r="B90" s="22">
        <v>27</v>
      </c>
      <c r="C90" s="14">
        <v>31</v>
      </c>
      <c r="D90" s="18">
        <v>58</v>
      </c>
    </row>
    <row r="91" spans="1:4" ht="18" customHeight="1" x14ac:dyDescent="0.15">
      <c r="A91" s="5">
        <v>70</v>
      </c>
      <c r="B91" s="22">
        <v>5</v>
      </c>
      <c r="C91" s="14">
        <v>8</v>
      </c>
      <c r="D91" s="18">
        <v>13</v>
      </c>
    </row>
    <row r="92" spans="1:4" ht="18" customHeight="1" x14ac:dyDescent="0.15">
      <c r="A92" s="5">
        <v>71</v>
      </c>
      <c r="B92" s="22">
        <v>6</v>
      </c>
      <c r="C92" s="14">
        <v>8</v>
      </c>
      <c r="D92" s="18">
        <v>14</v>
      </c>
    </row>
    <row r="93" spans="1:4" ht="18" customHeight="1" x14ac:dyDescent="0.15">
      <c r="A93" s="5">
        <v>72</v>
      </c>
      <c r="B93" s="22">
        <v>14</v>
      </c>
      <c r="C93" s="14">
        <v>9</v>
      </c>
      <c r="D93" s="18">
        <v>23</v>
      </c>
    </row>
    <row r="94" spans="1:4" ht="18" customHeight="1" x14ac:dyDescent="0.15">
      <c r="A94" s="5">
        <v>73</v>
      </c>
      <c r="B94" s="22">
        <v>7</v>
      </c>
      <c r="C94" s="14">
        <v>5</v>
      </c>
      <c r="D94" s="18">
        <v>12</v>
      </c>
    </row>
    <row r="95" spans="1:4" ht="18" customHeight="1" x14ac:dyDescent="0.15">
      <c r="A95" s="5">
        <v>74</v>
      </c>
      <c r="B95" s="22">
        <v>9</v>
      </c>
      <c r="C95" s="14">
        <v>7</v>
      </c>
      <c r="D95" s="18">
        <v>16</v>
      </c>
    </row>
    <row r="96" spans="1:4" ht="18" customHeight="1" x14ac:dyDescent="0.15">
      <c r="A96" s="5" t="s">
        <v>33</v>
      </c>
      <c r="B96" s="22">
        <v>41</v>
      </c>
      <c r="C96" s="14">
        <v>37</v>
      </c>
      <c r="D96" s="18">
        <v>78</v>
      </c>
    </row>
    <row r="97" spans="1:4" ht="18" customHeight="1" x14ac:dyDescent="0.15">
      <c r="A97" s="5">
        <v>75</v>
      </c>
      <c r="B97" s="22">
        <v>7</v>
      </c>
      <c r="C97" s="14">
        <v>9</v>
      </c>
      <c r="D97" s="18">
        <v>16</v>
      </c>
    </row>
    <row r="98" spans="1:4" ht="18" customHeight="1" x14ac:dyDescent="0.15">
      <c r="A98" s="5">
        <v>76</v>
      </c>
      <c r="B98" s="22">
        <v>6</v>
      </c>
      <c r="C98" s="14">
        <v>10</v>
      </c>
      <c r="D98" s="18">
        <v>16</v>
      </c>
    </row>
    <row r="99" spans="1:4" ht="18" customHeight="1" x14ac:dyDescent="0.15">
      <c r="A99" s="5">
        <v>77</v>
      </c>
      <c r="B99" s="22">
        <v>8</v>
      </c>
      <c r="C99" s="14">
        <v>16</v>
      </c>
      <c r="D99" s="18">
        <v>24</v>
      </c>
    </row>
    <row r="100" spans="1:4" ht="18" customHeight="1" x14ac:dyDescent="0.15">
      <c r="A100" s="5">
        <v>78</v>
      </c>
      <c r="B100" s="22">
        <v>8</v>
      </c>
      <c r="C100" s="14">
        <v>11</v>
      </c>
      <c r="D100" s="18">
        <v>19</v>
      </c>
    </row>
    <row r="101" spans="1:4" ht="18" customHeight="1" x14ac:dyDescent="0.15">
      <c r="A101" s="5">
        <v>79</v>
      </c>
      <c r="B101" s="22">
        <v>8</v>
      </c>
      <c r="C101" s="14">
        <v>16</v>
      </c>
      <c r="D101" s="18">
        <v>24</v>
      </c>
    </row>
    <row r="102" spans="1:4" ht="18" customHeight="1" x14ac:dyDescent="0.15">
      <c r="A102" s="5" t="s">
        <v>0</v>
      </c>
      <c r="B102" s="22">
        <v>37</v>
      </c>
      <c r="C102" s="14">
        <v>62</v>
      </c>
      <c r="D102" s="18">
        <v>99</v>
      </c>
    </row>
    <row r="103" spans="1:4" ht="18" customHeight="1" x14ac:dyDescent="0.15">
      <c r="A103" s="5">
        <v>80</v>
      </c>
      <c r="B103" s="22">
        <v>9</v>
      </c>
      <c r="C103" s="14">
        <v>6</v>
      </c>
      <c r="D103" s="18">
        <v>15</v>
      </c>
    </row>
    <row r="104" spans="1:4" ht="18" customHeight="1" x14ac:dyDescent="0.15">
      <c r="A104" s="5">
        <v>81</v>
      </c>
      <c r="B104" s="22">
        <v>8</v>
      </c>
      <c r="C104" s="14">
        <v>4</v>
      </c>
      <c r="D104" s="18">
        <v>12</v>
      </c>
    </row>
    <row r="105" spans="1:4" ht="18" customHeight="1" x14ac:dyDescent="0.15">
      <c r="A105" s="5">
        <v>82</v>
      </c>
      <c r="B105" s="22">
        <v>5</v>
      </c>
      <c r="C105" s="14">
        <v>11</v>
      </c>
      <c r="D105" s="18">
        <v>16</v>
      </c>
    </row>
    <row r="106" spans="1:4" ht="18" customHeight="1" x14ac:dyDescent="0.15">
      <c r="A106" s="5">
        <v>83</v>
      </c>
      <c r="B106" s="22">
        <v>5</v>
      </c>
      <c r="C106" s="14">
        <v>6</v>
      </c>
      <c r="D106" s="18">
        <v>11</v>
      </c>
    </row>
    <row r="107" spans="1:4" ht="18" customHeight="1" x14ac:dyDescent="0.15">
      <c r="A107" s="5">
        <v>84</v>
      </c>
      <c r="B107" s="22">
        <v>4</v>
      </c>
      <c r="C107" s="14">
        <v>7</v>
      </c>
      <c r="D107" s="18">
        <v>11</v>
      </c>
    </row>
    <row r="108" spans="1:4" ht="18" customHeight="1" x14ac:dyDescent="0.15">
      <c r="A108" s="5" t="s">
        <v>35</v>
      </c>
      <c r="B108" s="22">
        <v>31</v>
      </c>
      <c r="C108" s="14">
        <v>34</v>
      </c>
      <c r="D108" s="18">
        <v>65</v>
      </c>
    </row>
    <row r="109" spans="1:4" ht="18" customHeight="1" x14ac:dyDescent="0.15">
      <c r="A109" s="5">
        <v>85</v>
      </c>
      <c r="B109" s="22">
        <v>2</v>
      </c>
      <c r="C109" s="14">
        <v>3</v>
      </c>
      <c r="D109" s="18">
        <v>5</v>
      </c>
    </row>
    <row r="110" spans="1:4" ht="18" customHeight="1" x14ac:dyDescent="0.15">
      <c r="A110" s="5">
        <v>86</v>
      </c>
      <c r="B110" s="22">
        <v>1</v>
      </c>
      <c r="C110" s="14">
        <v>4</v>
      </c>
      <c r="D110" s="18">
        <v>5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1</v>
      </c>
      <c r="C112" s="14">
        <v>8</v>
      </c>
      <c r="D112" s="18">
        <v>9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9</v>
      </c>
      <c r="C114" s="14">
        <v>23</v>
      </c>
      <c r="D114" s="18">
        <v>32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3</v>
      </c>
      <c r="D116" s="18">
        <v>5</v>
      </c>
    </row>
    <row r="117" spans="1:4" ht="18" customHeight="1" x14ac:dyDescent="0.15">
      <c r="A117" s="5">
        <v>92</v>
      </c>
      <c r="B117" s="22">
        <v>3</v>
      </c>
      <c r="C117" s="14">
        <v>1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0</v>
      </c>
      <c r="C120" s="14">
        <v>18</v>
      </c>
      <c r="D120" s="18">
        <v>28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7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57</v>
      </c>
      <c r="C130" s="14">
        <v>213</v>
      </c>
      <c r="D130" s="18">
        <v>370</v>
      </c>
    </row>
    <row r="131" spans="1:4" ht="18" customHeight="1" x14ac:dyDescent="0.15">
      <c r="A131" s="7" t="s">
        <v>45</v>
      </c>
      <c r="B131" s="23">
        <v>412</v>
      </c>
      <c r="C131" s="15">
        <v>424</v>
      </c>
      <c r="D131" s="19">
        <v>8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2</v>
      </c>
      <c r="C10" s="14">
        <v>1</v>
      </c>
      <c r="D10" s="18">
        <v>3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1</v>
      </c>
      <c r="C16" s="14">
        <v>1</v>
      </c>
      <c r="D16" s="18">
        <v>2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1</v>
      </c>
      <c r="C22" s="14">
        <v>2</v>
      </c>
      <c r="D22" s="18">
        <v>3</v>
      </c>
    </row>
    <row r="23" spans="1:4" ht="18" customHeight="1" x14ac:dyDescent="0.15">
      <c r="A23" s="5" t="s">
        <v>6</v>
      </c>
      <c r="B23" s="22">
        <v>4</v>
      </c>
      <c r="C23" s="14">
        <v>4</v>
      </c>
      <c r="D23" s="18">
        <v>8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1</v>
      </c>
      <c r="C27" s="14">
        <v>0</v>
      </c>
      <c r="D27" s="18">
        <v>1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2</v>
      </c>
      <c r="C29" s="14">
        <v>0</v>
      </c>
      <c r="D29" s="18">
        <v>2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2</v>
      </c>
      <c r="D35" s="18">
        <v>3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0</v>
      </c>
      <c r="C44" s="14">
        <v>2</v>
      </c>
      <c r="D44" s="18">
        <v>2</v>
      </c>
    </row>
    <row r="45" spans="1:4" ht="18" customHeight="1" x14ac:dyDescent="0.15">
      <c r="A45" s="5">
        <v>33</v>
      </c>
      <c r="B45" s="22">
        <v>0</v>
      </c>
      <c r="C45" s="14">
        <v>2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3</v>
      </c>
      <c r="C47" s="14">
        <v>5</v>
      </c>
      <c r="D47" s="18">
        <v>8</v>
      </c>
    </row>
    <row r="48" spans="1:4" ht="18" customHeight="1" x14ac:dyDescent="0.15">
      <c r="A48" s="5">
        <v>35</v>
      </c>
      <c r="B48" s="22">
        <v>2</v>
      </c>
      <c r="C48" s="14">
        <v>0</v>
      </c>
      <c r="D48" s="18">
        <v>2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5</v>
      </c>
      <c r="C53" s="14">
        <v>2</v>
      </c>
      <c r="D53" s="18">
        <v>7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1</v>
      </c>
      <c r="D55" s="18">
        <v>2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1</v>
      </c>
      <c r="D59" s="18">
        <v>6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0</v>
      </c>
      <c r="C61" s="14">
        <v>2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1</v>
      </c>
      <c r="C64" s="14">
        <v>0</v>
      </c>
      <c r="D64" s="18">
        <v>1</v>
      </c>
    </row>
    <row r="65" spans="1:4" ht="18" customHeight="1" x14ac:dyDescent="0.15">
      <c r="A65" s="5" t="s">
        <v>17</v>
      </c>
      <c r="B65" s="22">
        <v>2</v>
      </c>
      <c r="C65" s="14">
        <v>4</v>
      </c>
      <c r="D65" s="18">
        <v>6</v>
      </c>
    </row>
    <row r="66" spans="1:4" ht="18" customHeight="1" x14ac:dyDescent="0.15">
      <c r="A66" s="5">
        <v>50</v>
      </c>
      <c r="B66" s="22">
        <v>0</v>
      </c>
      <c r="C66" s="14">
        <v>0</v>
      </c>
      <c r="D66" s="18">
        <v>0</v>
      </c>
    </row>
    <row r="67" spans="1:4" ht="18" customHeight="1" x14ac:dyDescent="0.15">
      <c r="A67" s="5">
        <v>51</v>
      </c>
      <c r="B67" s="22">
        <v>1</v>
      </c>
      <c r="C67" s="14">
        <v>1</v>
      </c>
      <c r="D67" s="18">
        <v>2</v>
      </c>
    </row>
    <row r="68" spans="1:4" ht="18" customHeight="1" x14ac:dyDescent="0.15">
      <c r="A68" s="5">
        <v>52</v>
      </c>
      <c r="B68" s="22">
        <v>0</v>
      </c>
      <c r="C68" s="14">
        <v>2</v>
      </c>
      <c r="D68" s="18">
        <v>2</v>
      </c>
    </row>
    <row r="69" spans="1:4" ht="18" customHeight="1" x14ac:dyDescent="0.15">
      <c r="A69" s="5">
        <v>53</v>
      </c>
      <c r="B69" s="22">
        <v>2</v>
      </c>
      <c r="C69" s="14">
        <v>1</v>
      </c>
      <c r="D69" s="18">
        <v>3</v>
      </c>
    </row>
    <row r="70" spans="1:4" ht="18" customHeight="1" x14ac:dyDescent="0.15">
      <c r="A70" s="5">
        <v>54</v>
      </c>
      <c r="B70" s="22">
        <v>2</v>
      </c>
      <c r="C70" s="14">
        <v>3</v>
      </c>
      <c r="D70" s="18">
        <v>5</v>
      </c>
    </row>
    <row r="71" spans="1:4" ht="18" customHeight="1" x14ac:dyDescent="0.15">
      <c r="A71" s="5" t="s">
        <v>22</v>
      </c>
      <c r="B71" s="22">
        <v>5</v>
      </c>
      <c r="C71" s="14">
        <v>7</v>
      </c>
      <c r="D71" s="18">
        <v>12</v>
      </c>
    </row>
    <row r="72" spans="1:4" ht="18" customHeight="1" x14ac:dyDescent="0.15">
      <c r="A72" s="5">
        <v>55</v>
      </c>
      <c r="B72" s="22">
        <v>1</v>
      </c>
      <c r="C72" s="14">
        <v>2</v>
      </c>
      <c r="D72" s="18">
        <v>3</v>
      </c>
    </row>
    <row r="73" spans="1:4" ht="18" customHeight="1" x14ac:dyDescent="0.15">
      <c r="A73" s="5">
        <v>56</v>
      </c>
      <c r="B73" s="22">
        <v>2</v>
      </c>
      <c r="C73" s="14">
        <v>3</v>
      </c>
      <c r="D73" s="18">
        <v>5</v>
      </c>
    </row>
    <row r="74" spans="1:4" ht="18" customHeight="1" x14ac:dyDescent="0.15">
      <c r="A74" s="5">
        <v>57</v>
      </c>
      <c r="B74" s="22">
        <v>1</v>
      </c>
      <c r="C74" s="14">
        <v>0</v>
      </c>
      <c r="D74" s="18">
        <v>1</v>
      </c>
    </row>
    <row r="75" spans="1:4" ht="18" customHeight="1" x14ac:dyDescent="0.15">
      <c r="A75" s="5">
        <v>58</v>
      </c>
      <c r="B75" s="22">
        <v>2</v>
      </c>
      <c r="C75" s="14">
        <v>2</v>
      </c>
      <c r="D75" s="18">
        <v>4</v>
      </c>
    </row>
    <row r="76" spans="1:4" ht="18" customHeight="1" x14ac:dyDescent="0.15">
      <c r="A76" s="5">
        <v>59</v>
      </c>
      <c r="B76" s="22">
        <v>1</v>
      </c>
      <c r="C76" s="14">
        <v>4</v>
      </c>
      <c r="D76" s="18">
        <v>5</v>
      </c>
    </row>
    <row r="77" spans="1:4" ht="18" customHeight="1" x14ac:dyDescent="0.15">
      <c r="A77" s="5" t="s">
        <v>27</v>
      </c>
      <c r="B77" s="22">
        <v>7</v>
      </c>
      <c r="C77" s="14">
        <v>11</v>
      </c>
      <c r="D77" s="18">
        <v>18</v>
      </c>
    </row>
    <row r="78" spans="1:4" ht="18" customHeight="1" x14ac:dyDescent="0.15">
      <c r="A78" s="5">
        <v>60</v>
      </c>
      <c r="B78" s="22">
        <v>0</v>
      </c>
      <c r="C78" s="14">
        <v>2</v>
      </c>
      <c r="D78" s="18">
        <v>2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1</v>
      </c>
      <c r="C81" s="14">
        <v>2</v>
      </c>
      <c r="D81" s="18">
        <v>3</v>
      </c>
    </row>
    <row r="82" spans="1:4" ht="18" customHeight="1" x14ac:dyDescent="0.15">
      <c r="A82" s="5">
        <v>64</v>
      </c>
      <c r="B82" s="22">
        <v>3</v>
      </c>
      <c r="C82" s="14">
        <v>1</v>
      </c>
      <c r="D82" s="18">
        <v>4</v>
      </c>
    </row>
    <row r="83" spans="1:4" ht="18" customHeight="1" x14ac:dyDescent="0.15">
      <c r="A83" s="5" t="s">
        <v>28</v>
      </c>
      <c r="B83" s="22">
        <v>6</v>
      </c>
      <c r="C83" s="14">
        <v>7</v>
      </c>
      <c r="D83" s="18">
        <v>13</v>
      </c>
    </row>
    <row r="84" spans="1:4" ht="18" customHeight="1" x14ac:dyDescent="0.15">
      <c r="A84" s="5" t="s">
        <v>31</v>
      </c>
      <c r="B84" s="22">
        <v>39</v>
      </c>
      <c r="C84" s="14">
        <v>39</v>
      </c>
      <c r="D84" s="18">
        <v>78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2</v>
      </c>
      <c r="C86" s="14">
        <v>2</v>
      </c>
      <c r="D86" s="18">
        <v>4</v>
      </c>
    </row>
    <row r="87" spans="1:4" ht="18" customHeight="1" x14ac:dyDescent="0.15">
      <c r="A87" s="5">
        <v>67</v>
      </c>
      <c r="B87" s="22">
        <v>1</v>
      </c>
      <c r="C87" s="14">
        <v>2</v>
      </c>
      <c r="D87" s="18">
        <v>3</v>
      </c>
    </row>
    <row r="88" spans="1:4" ht="18" customHeight="1" x14ac:dyDescent="0.15">
      <c r="A88" s="5">
        <v>68</v>
      </c>
      <c r="B88" s="22">
        <v>3</v>
      </c>
      <c r="C88" s="14">
        <v>5</v>
      </c>
      <c r="D88" s="18">
        <v>8</v>
      </c>
    </row>
    <row r="89" spans="1:4" ht="18" customHeight="1" x14ac:dyDescent="0.15">
      <c r="A89" s="5">
        <v>69</v>
      </c>
      <c r="B89" s="22">
        <v>2</v>
      </c>
      <c r="C89" s="14">
        <v>2</v>
      </c>
      <c r="D89" s="18">
        <v>4</v>
      </c>
    </row>
    <row r="90" spans="1:4" ht="18" customHeight="1" x14ac:dyDescent="0.15">
      <c r="A90" s="5" t="s">
        <v>20</v>
      </c>
      <c r="B90" s="22">
        <v>9</v>
      </c>
      <c r="C90" s="14">
        <v>11</v>
      </c>
      <c r="D90" s="18">
        <v>20</v>
      </c>
    </row>
    <row r="91" spans="1:4" ht="18" customHeight="1" x14ac:dyDescent="0.15">
      <c r="A91" s="5">
        <v>70</v>
      </c>
      <c r="B91" s="22">
        <v>2</v>
      </c>
      <c r="C91" s="14">
        <v>3</v>
      </c>
      <c r="D91" s="18">
        <v>5</v>
      </c>
    </row>
    <row r="92" spans="1:4" ht="18" customHeight="1" x14ac:dyDescent="0.15">
      <c r="A92" s="5">
        <v>71</v>
      </c>
      <c r="B92" s="22">
        <v>2</v>
      </c>
      <c r="C92" s="14">
        <v>2</v>
      </c>
      <c r="D92" s="18">
        <v>4</v>
      </c>
    </row>
    <row r="93" spans="1:4" ht="18" customHeight="1" x14ac:dyDescent="0.15">
      <c r="A93" s="5">
        <v>72</v>
      </c>
      <c r="B93" s="22">
        <v>4</v>
      </c>
      <c r="C93" s="14">
        <v>4</v>
      </c>
      <c r="D93" s="18">
        <v>8</v>
      </c>
    </row>
    <row r="94" spans="1:4" ht="18" customHeight="1" x14ac:dyDescent="0.15">
      <c r="A94" s="5">
        <v>73</v>
      </c>
      <c r="B94" s="22">
        <v>1</v>
      </c>
      <c r="C94" s="14">
        <v>1</v>
      </c>
      <c r="D94" s="18">
        <v>2</v>
      </c>
    </row>
    <row r="95" spans="1:4" ht="18" customHeight="1" x14ac:dyDescent="0.15">
      <c r="A95" s="5">
        <v>74</v>
      </c>
      <c r="B95" s="22">
        <v>2</v>
      </c>
      <c r="C95" s="14">
        <v>2</v>
      </c>
      <c r="D95" s="18">
        <v>4</v>
      </c>
    </row>
    <row r="96" spans="1:4" ht="18" customHeight="1" x14ac:dyDescent="0.15">
      <c r="A96" s="5" t="s">
        <v>33</v>
      </c>
      <c r="B96" s="22">
        <v>11</v>
      </c>
      <c r="C96" s="14">
        <v>12</v>
      </c>
      <c r="D96" s="18">
        <v>23</v>
      </c>
    </row>
    <row r="97" spans="1:4" ht="18" customHeight="1" x14ac:dyDescent="0.15">
      <c r="A97" s="5">
        <v>75</v>
      </c>
      <c r="B97" s="22">
        <v>5</v>
      </c>
      <c r="C97" s="14">
        <v>2</v>
      </c>
      <c r="D97" s="18">
        <v>7</v>
      </c>
    </row>
    <row r="98" spans="1:4" ht="18" customHeight="1" x14ac:dyDescent="0.15">
      <c r="A98" s="5">
        <v>76</v>
      </c>
      <c r="B98" s="22">
        <v>4</v>
      </c>
      <c r="C98" s="14">
        <v>3</v>
      </c>
      <c r="D98" s="18">
        <v>7</v>
      </c>
    </row>
    <row r="99" spans="1:4" ht="18" customHeight="1" x14ac:dyDescent="0.15">
      <c r="A99" s="5">
        <v>77</v>
      </c>
      <c r="B99" s="22">
        <v>3</v>
      </c>
      <c r="C99" s="14">
        <v>2</v>
      </c>
      <c r="D99" s="18">
        <v>5</v>
      </c>
    </row>
    <row r="100" spans="1:4" ht="18" customHeight="1" x14ac:dyDescent="0.15">
      <c r="A100" s="5">
        <v>78</v>
      </c>
      <c r="B100" s="22">
        <v>5</v>
      </c>
      <c r="C100" s="14">
        <v>3</v>
      </c>
      <c r="D100" s="18">
        <v>8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18</v>
      </c>
      <c r="C102" s="14">
        <v>11</v>
      </c>
      <c r="D102" s="18">
        <v>29</v>
      </c>
    </row>
    <row r="103" spans="1:4" ht="18" customHeight="1" x14ac:dyDescent="0.15">
      <c r="A103" s="5">
        <v>80</v>
      </c>
      <c r="B103" s="22">
        <v>0</v>
      </c>
      <c r="C103" s="14">
        <v>2</v>
      </c>
      <c r="D103" s="18">
        <v>2</v>
      </c>
    </row>
    <row r="104" spans="1:4" ht="18" customHeight="1" x14ac:dyDescent="0.15">
      <c r="A104" s="5">
        <v>81</v>
      </c>
      <c r="B104" s="22">
        <v>4</v>
      </c>
      <c r="C104" s="14">
        <v>3</v>
      </c>
      <c r="D104" s="18">
        <v>7</v>
      </c>
    </row>
    <row r="105" spans="1:4" ht="18" customHeight="1" x14ac:dyDescent="0.15">
      <c r="A105" s="5">
        <v>82</v>
      </c>
      <c r="B105" s="22">
        <v>2</v>
      </c>
      <c r="C105" s="14">
        <v>2</v>
      </c>
      <c r="D105" s="18">
        <v>4</v>
      </c>
    </row>
    <row r="106" spans="1:4" ht="18" customHeight="1" x14ac:dyDescent="0.15">
      <c r="A106" s="5">
        <v>83</v>
      </c>
      <c r="B106" s="22">
        <v>2</v>
      </c>
      <c r="C106" s="14">
        <v>2</v>
      </c>
      <c r="D106" s="18">
        <v>4</v>
      </c>
    </row>
    <row r="107" spans="1:4" ht="18" customHeight="1" x14ac:dyDescent="0.15">
      <c r="A107" s="5">
        <v>84</v>
      </c>
      <c r="B107" s="22">
        <v>1</v>
      </c>
      <c r="C107" s="14">
        <v>3</v>
      </c>
      <c r="D107" s="18">
        <v>4</v>
      </c>
    </row>
    <row r="108" spans="1:4" ht="18" customHeight="1" x14ac:dyDescent="0.15">
      <c r="A108" s="5" t="s">
        <v>35</v>
      </c>
      <c r="B108" s="22">
        <v>9</v>
      </c>
      <c r="C108" s="14">
        <v>12</v>
      </c>
      <c r="D108" s="18">
        <v>21</v>
      </c>
    </row>
    <row r="109" spans="1:4" ht="18" customHeight="1" x14ac:dyDescent="0.15">
      <c r="A109" s="5">
        <v>85</v>
      </c>
      <c r="B109" s="22">
        <v>3</v>
      </c>
      <c r="C109" s="14">
        <v>2</v>
      </c>
      <c r="D109" s="18">
        <v>5</v>
      </c>
    </row>
    <row r="110" spans="1:4" ht="18" customHeight="1" x14ac:dyDescent="0.15">
      <c r="A110" s="5">
        <v>86</v>
      </c>
      <c r="B110" s="22">
        <v>0</v>
      </c>
      <c r="C110" s="14">
        <v>4</v>
      </c>
      <c r="D110" s="18">
        <v>4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0</v>
      </c>
      <c r="C113" s="14">
        <v>0</v>
      </c>
      <c r="D113" s="18">
        <v>0</v>
      </c>
    </row>
    <row r="114" spans="1:4" ht="18" customHeight="1" x14ac:dyDescent="0.15">
      <c r="A114" s="5" t="s">
        <v>37</v>
      </c>
      <c r="B114" s="22">
        <v>8</v>
      </c>
      <c r="C114" s="14">
        <v>10</v>
      </c>
      <c r="D114" s="18">
        <v>18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1</v>
      </c>
      <c r="C119" s="14">
        <v>3</v>
      </c>
      <c r="D119" s="18">
        <v>4</v>
      </c>
    </row>
    <row r="120" spans="1:4" ht="18" customHeight="1" x14ac:dyDescent="0.15">
      <c r="A120" s="5" t="s">
        <v>39</v>
      </c>
      <c r="B120" s="22">
        <v>1</v>
      </c>
      <c r="C120" s="14">
        <v>8</v>
      </c>
      <c r="D120" s="18">
        <v>9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5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57</v>
      </c>
      <c r="C130" s="14">
        <v>69</v>
      </c>
      <c r="D130" s="18">
        <v>126</v>
      </c>
    </row>
    <row r="131" spans="1:4" ht="18" customHeight="1" x14ac:dyDescent="0.15">
      <c r="A131" s="7" t="s">
        <v>45</v>
      </c>
      <c r="B131" s="23">
        <v>100</v>
      </c>
      <c r="C131" s="15">
        <v>112</v>
      </c>
      <c r="D131" s="19">
        <v>2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6</v>
      </c>
      <c r="D5" s="17">
        <v>16</v>
      </c>
    </row>
    <row r="6" spans="1:4" ht="18" customHeight="1" x14ac:dyDescent="0.15">
      <c r="A6" s="5">
        <v>1</v>
      </c>
      <c r="B6" s="22">
        <v>11</v>
      </c>
      <c r="C6" s="14">
        <v>5</v>
      </c>
      <c r="D6" s="18">
        <v>16</v>
      </c>
    </row>
    <row r="7" spans="1:4" ht="18" customHeight="1" x14ac:dyDescent="0.15">
      <c r="A7" s="5">
        <v>2</v>
      </c>
      <c r="B7" s="22">
        <v>5</v>
      </c>
      <c r="C7" s="14">
        <v>7</v>
      </c>
      <c r="D7" s="18">
        <v>12</v>
      </c>
    </row>
    <row r="8" spans="1:4" ht="18" customHeight="1" x14ac:dyDescent="0.15">
      <c r="A8" s="5">
        <v>3</v>
      </c>
      <c r="B8" s="22">
        <v>7</v>
      </c>
      <c r="C8" s="14">
        <v>9</v>
      </c>
      <c r="D8" s="18">
        <v>16</v>
      </c>
    </row>
    <row r="9" spans="1:4" ht="18" customHeight="1" x14ac:dyDescent="0.15">
      <c r="A9" s="5">
        <v>4</v>
      </c>
      <c r="B9" s="22">
        <v>9</v>
      </c>
      <c r="C9" s="14">
        <v>7</v>
      </c>
      <c r="D9" s="18">
        <v>16</v>
      </c>
    </row>
    <row r="10" spans="1:4" ht="18" customHeight="1" x14ac:dyDescent="0.15">
      <c r="A10" s="5" t="s">
        <v>7</v>
      </c>
      <c r="B10" s="22">
        <v>42</v>
      </c>
      <c r="C10" s="14">
        <v>34</v>
      </c>
      <c r="D10" s="18">
        <v>76</v>
      </c>
    </row>
    <row r="11" spans="1:4" ht="18" customHeight="1" x14ac:dyDescent="0.15">
      <c r="A11" s="5">
        <v>5</v>
      </c>
      <c r="B11" s="22">
        <v>4</v>
      </c>
      <c r="C11" s="14">
        <v>8</v>
      </c>
      <c r="D11" s="18">
        <v>12</v>
      </c>
    </row>
    <row r="12" spans="1:4" ht="18" customHeight="1" x14ac:dyDescent="0.15">
      <c r="A12" s="5">
        <v>6</v>
      </c>
      <c r="B12" s="22">
        <v>12</v>
      </c>
      <c r="C12" s="14">
        <v>9</v>
      </c>
      <c r="D12" s="18">
        <v>21</v>
      </c>
    </row>
    <row r="13" spans="1:4" ht="18" customHeight="1" x14ac:dyDescent="0.15">
      <c r="A13" s="5">
        <v>7</v>
      </c>
      <c r="B13" s="22">
        <v>13</v>
      </c>
      <c r="C13" s="14">
        <v>7</v>
      </c>
      <c r="D13" s="18">
        <v>20</v>
      </c>
    </row>
    <row r="14" spans="1:4" ht="18" customHeight="1" x14ac:dyDescent="0.15">
      <c r="A14" s="5">
        <v>8</v>
      </c>
      <c r="B14" s="22">
        <v>2</v>
      </c>
      <c r="C14" s="14">
        <v>5</v>
      </c>
      <c r="D14" s="18">
        <v>7</v>
      </c>
    </row>
    <row r="15" spans="1:4" ht="18" customHeight="1" x14ac:dyDescent="0.15">
      <c r="A15" s="5">
        <v>9</v>
      </c>
      <c r="B15" s="22">
        <v>13</v>
      </c>
      <c r="C15" s="14">
        <v>11</v>
      </c>
      <c r="D15" s="18">
        <v>24</v>
      </c>
    </row>
    <row r="16" spans="1:4" ht="18" customHeight="1" x14ac:dyDescent="0.15">
      <c r="A16" s="5" t="s">
        <v>11</v>
      </c>
      <c r="B16" s="22">
        <v>44</v>
      </c>
      <c r="C16" s="14">
        <v>40</v>
      </c>
      <c r="D16" s="18">
        <v>84</v>
      </c>
    </row>
    <row r="17" spans="1:4" ht="18" customHeight="1" x14ac:dyDescent="0.15">
      <c r="A17" s="5">
        <v>10</v>
      </c>
      <c r="B17" s="22">
        <v>8</v>
      </c>
      <c r="C17" s="14">
        <v>8</v>
      </c>
      <c r="D17" s="18">
        <v>16</v>
      </c>
    </row>
    <row r="18" spans="1:4" ht="18" customHeight="1" x14ac:dyDescent="0.15">
      <c r="A18" s="5">
        <v>11</v>
      </c>
      <c r="B18" s="22">
        <v>7</v>
      </c>
      <c r="C18" s="14">
        <v>7</v>
      </c>
      <c r="D18" s="18">
        <v>14</v>
      </c>
    </row>
    <row r="19" spans="1:4" ht="18" customHeight="1" x14ac:dyDescent="0.15">
      <c r="A19" s="5">
        <v>12</v>
      </c>
      <c r="B19" s="22">
        <v>7</v>
      </c>
      <c r="C19" s="14">
        <v>15</v>
      </c>
      <c r="D19" s="18">
        <v>22</v>
      </c>
    </row>
    <row r="20" spans="1:4" ht="18" customHeight="1" x14ac:dyDescent="0.15">
      <c r="A20" s="5">
        <v>13</v>
      </c>
      <c r="B20" s="22">
        <v>7</v>
      </c>
      <c r="C20" s="14">
        <v>6</v>
      </c>
      <c r="D20" s="18">
        <v>13</v>
      </c>
    </row>
    <row r="21" spans="1:4" ht="18" customHeight="1" x14ac:dyDescent="0.15">
      <c r="A21" s="5">
        <v>14</v>
      </c>
      <c r="B21" s="22">
        <v>9</v>
      </c>
      <c r="C21" s="14">
        <v>5</v>
      </c>
      <c r="D21" s="18">
        <v>14</v>
      </c>
    </row>
    <row r="22" spans="1:4" ht="18" customHeight="1" x14ac:dyDescent="0.15">
      <c r="A22" s="5" t="s">
        <v>12</v>
      </c>
      <c r="B22" s="22">
        <v>38</v>
      </c>
      <c r="C22" s="14">
        <v>41</v>
      </c>
      <c r="D22" s="18">
        <v>79</v>
      </c>
    </row>
    <row r="23" spans="1:4" ht="18" customHeight="1" x14ac:dyDescent="0.15">
      <c r="A23" s="5" t="s">
        <v>6</v>
      </c>
      <c r="B23" s="22">
        <v>124</v>
      </c>
      <c r="C23" s="14">
        <v>115</v>
      </c>
      <c r="D23" s="18">
        <v>239</v>
      </c>
    </row>
    <row r="24" spans="1:4" ht="18" customHeight="1" x14ac:dyDescent="0.15">
      <c r="A24" s="5">
        <v>15</v>
      </c>
      <c r="B24" s="22">
        <v>10</v>
      </c>
      <c r="C24" s="14">
        <v>5</v>
      </c>
      <c r="D24" s="18">
        <v>15</v>
      </c>
    </row>
    <row r="25" spans="1:4" ht="18" customHeight="1" x14ac:dyDescent="0.15">
      <c r="A25" s="5">
        <v>16</v>
      </c>
      <c r="B25" s="22">
        <v>10</v>
      </c>
      <c r="C25" s="14">
        <v>12</v>
      </c>
      <c r="D25" s="18">
        <v>22</v>
      </c>
    </row>
    <row r="26" spans="1:4" ht="18" customHeight="1" x14ac:dyDescent="0.15">
      <c r="A26" s="5">
        <v>17</v>
      </c>
      <c r="B26" s="22">
        <v>9</v>
      </c>
      <c r="C26" s="14">
        <v>10</v>
      </c>
      <c r="D26" s="18">
        <v>19</v>
      </c>
    </row>
    <row r="27" spans="1:4" ht="18" customHeight="1" x14ac:dyDescent="0.15">
      <c r="A27" s="5">
        <v>18</v>
      </c>
      <c r="B27" s="22">
        <v>13</v>
      </c>
      <c r="C27" s="14">
        <v>4</v>
      </c>
      <c r="D27" s="18">
        <v>17</v>
      </c>
    </row>
    <row r="28" spans="1:4" ht="18" customHeight="1" x14ac:dyDescent="0.15">
      <c r="A28" s="5">
        <v>19</v>
      </c>
      <c r="B28" s="22">
        <v>10</v>
      </c>
      <c r="C28" s="14">
        <v>12</v>
      </c>
      <c r="D28" s="18">
        <v>22</v>
      </c>
    </row>
    <row r="29" spans="1:4" ht="18" customHeight="1" x14ac:dyDescent="0.15">
      <c r="A29" s="5" t="s">
        <v>14</v>
      </c>
      <c r="B29" s="22">
        <v>52</v>
      </c>
      <c r="C29" s="14">
        <v>43</v>
      </c>
      <c r="D29" s="18">
        <v>95</v>
      </c>
    </row>
    <row r="30" spans="1:4" ht="18" customHeight="1" x14ac:dyDescent="0.15">
      <c r="A30" s="5">
        <v>20</v>
      </c>
      <c r="B30" s="22">
        <v>11</v>
      </c>
      <c r="C30" s="14">
        <v>9</v>
      </c>
      <c r="D30" s="18">
        <v>20</v>
      </c>
    </row>
    <row r="31" spans="1:4" ht="18" customHeight="1" x14ac:dyDescent="0.15">
      <c r="A31" s="5">
        <v>21</v>
      </c>
      <c r="B31" s="22">
        <v>10</v>
      </c>
      <c r="C31" s="14">
        <v>9</v>
      </c>
      <c r="D31" s="18">
        <v>19</v>
      </c>
    </row>
    <row r="32" spans="1:4" ht="18" customHeight="1" x14ac:dyDescent="0.15">
      <c r="A32" s="5">
        <v>22</v>
      </c>
      <c r="B32" s="22">
        <v>5</v>
      </c>
      <c r="C32" s="14">
        <v>10</v>
      </c>
      <c r="D32" s="18">
        <v>15</v>
      </c>
    </row>
    <row r="33" spans="1:4" ht="18" customHeight="1" x14ac:dyDescent="0.15">
      <c r="A33" s="5">
        <v>23</v>
      </c>
      <c r="B33" s="22">
        <v>14</v>
      </c>
      <c r="C33" s="14">
        <v>6</v>
      </c>
      <c r="D33" s="18">
        <v>20</v>
      </c>
    </row>
    <row r="34" spans="1:4" ht="18" customHeight="1" x14ac:dyDescent="0.15">
      <c r="A34" s="5">
        <v>24</v>
      </c>
      <c r="B34" s="22">
        <v>12</v>
      </c>
      <c r="C34" s="14">
        <v>5</v>
      </c>
      <c r="D34" s="18">
        <v>17</v>
      </c>
    </row>
    <row r="35" spans="1:4" ht="18" customHeight="1" x14ac:dyDescent="0.15">
      <c r="A35" s="5" t="s">
        <v>9</v>
      </c>
      <c r="B35" s="22">
        <v>52</v>
      </c>
      <c r="C35" s="14">
        <v>39</v>
      </c>
      <c r="D35" s="18">
        <v>91</v>
      </c>
    </row>
    <row r="36" spans="1:4" ht="18" customHeight="1" x14ac:dyDescent="0.15">
      <c r="A36" s="5">
        <v>25</v>
      </c>
      <c r="B36" s="22">
        <v>11</v>
      </c>
      <c r="C36" s="14">
        <v>6</v>
      </c>
      <c r="D36" s="18">
        <v>17</v>
      </c>
    </row>
    <row r="37" spans="1:4" ht="18" customHeight="1" x14ac:dyDescent="0.15">
      <c r="A37" s="5">
        <v>26</v>
      </c>
      <c r="B37" s="22">
        <v>11</v>
      </c>
      <c r="C37" s="14">
        <v>13</v>
      </c>
      <c r="D37" s="18">
        <v>24</v>
      </c>
    </row>
    <row r="38" spans="1:4" ht="18" customHeight="1" x14ac:dyDescent="0.15">
      <c r="A38" s="5">
        <v>27</v>
      </c>
      <c r="B38" s="22">
        <v>5</v>
      </c>
      <c r="C38" s="14">
        <v>4</v>
      </c>
      <c r="D38" s="18">
        <v>9</v>
      </c>
    </row>
    <row r="39" spans="1:4" ht="18" customHeight="1" x14ac:dyDescent="0.15">
      <c r="A39" s="5">
        <v>28</v>
      </c>
      <c r="B39" s="22">
        <v>11</v>
      </c>
      <c r="C39" s="14">
        <v>10</v>
      </c>
      <c r="D39" s="18">
        <v>21</v>
      </c>
    </row>
    <row r="40" spans="1:4" ht="18" customHeight="1" x14ac:dyDescent="0.15">
      <c r="A40" s="5">
        <v>29</v>
      </c>
      <c r="B40" s="22">
        <v>5</v>
      </c>
      <c r="C40" s="14">
        <v>7</v>
      </c>
      <c r="D40" s="18">
        <v>12</v>
      </c>
    </row>
    <row r="41" spans="1:4" ht="18" customHeight="1" x14ac:dyDescent="0.15">
      <c r="A41" s="5" t="s">
        <v>2</v>
      </c>
      <c r="B41" s="22">
        <v>43</v>
      </c>
      <c r="C41" s="14">
        <v>40</v>
      </c>
      <c r="D41" s="18">
        <v>83</v>
      </c>
    </row>
    <row r="42" spans="1:4" ht="18" customHeight="1" x14ac:dyDescent="0.15">
      <c r="A42" s="5">
        <v>30</v>
      </c>
      <c r="B42" s="22">
        <v>10</v>
      </c>
      <c r="C42" s="14">
        <v>9</v>
      </c>
      <c r="D42" s="18">
        <v>19</v>
      </c>
    </row>
    <row r="43" spans="1:4" ht="18" customHeight="1" x14ac:dyDescent="0.15">
      <c r="A43" s="5">
        <v>31</v>
      </c>
      <c r="B43" s="22">
        <v>15</v>
      </c>
      <c r="C43" s="14">
        <v>5</v>
      </c>
      <c r="D43" s="18">
        <v>20</v>
      </c>
    </row>
    <row r="44" spans="1:4" ht="18" customHeight="1" x14ac:dyDescent="0.15">
      <c r="A44" s="5">
        <v>32</v>
      </c>
      <c r="B44" s="22">
        <v>9</v>
      </c>
      <c r="C44" s="14">
        <v>7</v>
      </c>
      <c r="D44" s="18">
        <v>16</v>
      </c>
    </row>
    <row r="45" spans="1:4" ht="18" customHeight="1" x14ac:dyDescent="0.15">
      <c r="A45" s="5">
        <v>33</v>
      </c>
      <c r="B45" s="22">
        <v>13</v>
      </c>
      <c r="C45" s="14">
        <v>14</v>
      </c>
      <c r="D45" s="18">
        <v>27</v>
      </c>
    </row>
    <row r="46" spans="1:4" ht="18" customHeight="1" x14ac:dyDescent="0.15">
      <c r="A46" s="5">
        <v>34</v>
      </c>
      <c r="B46" s="22">
        <v>6</v>
      </c>
      <c r="C46" s="14">
        <v>14</v>
      </c>
      <c r="D46" s="18">
        <v>20</v>
      </c>
    </row>
    <row r="47" spans="1:4" ht="18" customHeight="1" x14ac:dyDescent="0.15">
      <c r="A47" s="5" t="s">
        <v>15</v>
      </c>
      <c r="B47" s="22">
        <v>53</v>
      </c>
      <c r="C47" s="14">
        <v>49</v>
      </c>
      <c r="D47" s="18">
        <v>102</v>
      </c>
    </row>
    <row r="48" spans="1:4" ht="18" customHeight="1" x14ac:dyDescent="0.15">
      <c r="A48" s="5">
        <v>35</v>
      </c>
      <c r="B48" s="22">
        <v>16</v>
      </c>
      <c r="C48" s="14">
        <v>13</v>
      </c>
      <c r="D48" s="18">
        <v>29</v>
      </c>
    </row>
    <row r="49" spans="1:4" ht="18" customHeight="1" x14ac:dyDescent="0.15">
      <c r="A49" s="5">
        <v>36</v>
      </c>
      <c r="B49" s="22">
        <v>12</v>
      </c>
      <c r="C49" s="14">
        <v>9</v>
      </c>
      <c r="D49" s="18">
        <v>21</v>
      </c>
    </row>
    <row r="50" spans="1:4" ht="18" customHeight="1" x14ac:dyDescent="0.15">
      <c r="A50" s="5">
        <v>37</v>
      </c>
      <c r="B50" s="22">
        <v>13</v>
      </c>
      <c r="C50" s="14">
        <v>8</v>
      </c>
      <c r="D50" s="18">
        <v>21</v>
      </c>
    </row>
    <row r="51" spans="1:4" ht="18" customHeight="1" x14ac:dyDescent="0.15">
      <c r="A51" s="5">
        <v>38</v>
      </c>
      <c r="B51" s="22">
        <v>7</v>
      </c>
      <c r="C51" s="14">
        <v>13</v>
      </c>
      <c r="D51" s="18">
        <v>20</v>
      </c>
    </row>
    <row r="52" spans="1:4" ht="18" customHeight="1" x14ac:dyDescent="0.15">
      <c r="A52" s="5">
        <v>39</v>
      </c>
      <c r="B52" s="22">
        <v>25</v>
      </c>
      <c r="C52" s="14">
        <v>18</v>
      </c>
      <c r="D52" s="18">
        <v>43</v>
      </c>
    </row>
    <row r="53" spans="1:4" ht="18" customHeight="1" x14ac:dyDescent="0.15">
      <c r="A53" s="5" t="s">
        <v>18</v>
      </c>
      <c r="B53" s="22">
        <v>73</v>
      </c>
      <c r="C53" s="14">
        <v>61</v>
      </c>
      <c r="D53" s="18">
        <v>134</v>
      </c>
    </row>
    <row r="54" spans="1:4" ht="18" customHeight="1" x14ac:dyDescent="0.15">
      <c r="A54" s="5">
        <v>40</v>
      </c>
      <c r="B54" s="22">
        <v>11</v>
      </c>
      <c r="C54" s="14">
        <v>17</v>
      </c>
      <c r="D54" s="18">
        <v>28</v>
      </c>
    </row>
    <row r="55" spans="1:4" ht="18" customHeight="1" x14ac:dyDescent="0.15">
      <c r="A55" s="5">
        <v>41</v>
      </c>
      <c r="B55" s="22">
        <v>11</v>
      </c>
      <c r="C55" s="14">
        <v>16</v>
      </c>
      <c r="D55" s="18">
        <v>27</v>
      </c>
    </row>
    <row r="56" spans="1:4" ht="18" customHeight="1" x14ac:dyDescent="0.15">
      <c r="A56" s="5">
        <v>42</v>
      </c>
      <c r="B56" s="22">
        <v>14</v>
      </c>
      <c r="C56" s="14">
        <v>12</v>
      </c>
      <c r="D56" s="18">
        <v>26</v>
      </c>
    </row>
    <row r="57" spans="1:4" ht="18" customHeight="1" x14ac:dyDescent="0.15">
      <c r="A57" s="5">
        <v>43</v>
      </c>
      <c r="B57" s="22">
        <v>12</v>
      </c>
      <c r="C57" s="14">
        <v>17</v>
      </c>
      <c r="D57" s="18">
        <v>29</v>
      </c>
    </row>
    <row r="58" spans="1:4" ht="18" customHeight="1" x14ac:dyDescent="0.15">
      <c r="A58" s="5">
        <v>44</v>
      </c>
      <c r="B58" s="22">
        <v>14</v>
      </c>
      <c r="C58" s="14">
        <v>16</v>
      </c>
      <c r="D58" s="18">
        <v>30</v>
      </c>
    </row>
    <row r="59" spans="1:4" ht="18" customHeight="1" x14ac:dyDescent="0.15">
      <c r="A59" s="5" t="s">
        <v>21</v>
      </c>
      <c r="B59" s="22">
        <v>62</v>
      </c>
      <c r="C59" s="14">
        <v>78</v>
      </c>
      <c r="D59" s="18">
        <v>140</v>
      </c>
    </row>
    <row r="60" spans="1:4" ht="18" customHeight="1" x14ac:dyDescent="0.15">
      <c r="A60" s="5">
        <v>45</v>
      </c>
      <c r="B60" s="22">
        <v>14</v>
      </c>
      <c r="C60" s="14">
        <v>17</v>
      </c>
      <c r="D60" s="18">
        <v>31</v>
      </c>
    </row>
    <row r="61" spans="1:4" ht="18" customHeight="1" x14ac:dyDescent="0.15">
      <c r="A61" s="5">
        <v>46</v>
      </c>
      <c r="B61" s="22">
        <v>13</v>
      </c>
      <c r="C61" s="14">
        <v>14</v>
      </c>
      <c r="D61" s="18">
        <v>27</v>
      </c>
    </row>
    <row r="62" spans="1:4" ht="18" customHeight="1" x14ac:dyDescent="0.15">
      <c r="A62" s="5">
        <v>47</v>
      </c>
      <c r="B62" s="22">
        <v>17</v>
      </c>
      <c r="C62" s="14">
        <v>8</v>
      </c>
      <c r="D62" s="18">
        <v>25</v>
      </c>
    </row>
    <row r="63" spans="1:4" ht="18" customHeight="1" x14ac:dyDescent="0.15">
      <c r="A63" s="5">
        <v>48</v>
      </c>
      <c r="B63" s="22">
        <v>17</v>
      </c>
      <c r="C63" s="14">
        <v>14</v>
      </c>
      <c r="D63" s="18">
        <v>31</v>
      </c>
    </row>
    <row r="64" spans="1:4" ht="18" customHeight="1" x14ac:dyDescent="0.15">
      <c r="A64" s="5">
        <v>49</v>
      </c>
      <c r="B64" s="22">
        <v>14</v>
      </c>
      <c r="C64" s="14">
        <v>16</v>
      </c>
      <c r="D64" s="18">
        <v>30</v>
      </c>
    </row>
    <row r="65" spans="1:4" ht="18" customHeight="1" x14ac:dyDescent="0.15">
      <c r="A65" s="5" t="s">
        <v>17</v>
      </c>
      <c r="B65" s="22">
        <v>75</v>
      </c>
      <c r="C65" s="14">
        <v>69</v>
      </c>
      <c r="D65" s="18">
        <v>144</v>
      </c>
    </row>
    <row r="66" spans="1:4" ht="18" customHeight="1" x14ac:dyDescent="0.15">
      <c r="A66" s="5">
        <v>50</v>
      </c>
      <c r="B66" s="22">
        <v>21</v>
      </c>
      <c r="C66" s="14">
        <v>16</v>
      </c>
      <c r="D66" s="18">
        <v>37</v>
      </c>
    </row>
    <row r="67" spans="1:4" ht="18" customHeight="1" x14ac:dyDescent="0.15">
      <c r="A67" s="5">
        <v>51</v>
      </c>
      <c r="B67" s="22">
        <v>11</v>
      </c>
      <c r="C67" s="14">
        <v>16</v>
      </c>
      <c r="D67" s="18">
        <v>27</v>
      </c>
    </row>
    <row r="68" spans="1:4" ht="18" customHeight="1" x14ac:dyDescent="0.15">
      <c r="A68" s="5">
        <v>52</v>
      </c>
      <c r="B68" s="22">
        <v>32</v>
      </c>
      <c r="C68" s="14">
        <v>27</v>
      </c>
      <c r="D68" s="18">
        <v>59</v>
      </c>
    </row>
    <row r="69" spans="1:4" ht="18" customHeight="1" x14ac:dyDescent="0.15">
      <c r="A69" s="5">
        <v>53</v>
      </c>
      <c r="B69" s="22">
        <v>17</v>
      </c>
      <c r="C69" s="14">
        <v>23</v>
      </c>
      <c r="D69" s="18">
        <v>40</v>
      </c>
    </row>
    <row r="70" spans="1:4" ht="18" customHeight="1" x14ac:dyDescent="0.15">
      <c r="A70" s="5">
        <v>54</v>
      </c>
      <c r="B70" s="22">
        <v>28</v>
      </c>
      <c r="C70" s="14">
        <v>18</v>
      </c>
      <c r="D70" s="18">
        <v>46</v>
      </c>
    </row>
    <row r="71" spans="1:4" ht="18" customHeight="1" x14ac:dyDescent="0.15">
      <c r="A71" s="5" t="s">
        <v>22</v>
      </c>
      <c r="B71" s="22">
        <v>109</v>
      </c>
      <c r="C71" s="14">
        <v>100</v>
      </c>
      <c r="D71" s="18">
        <v>209</v>
      </c>
    </row>
    <row r="72" spans="1:4" ht="18" customHeight="1" x14ac:dyDescent="0.15">
      <c r="A72" s="5">
        <v>55</v>
      </c>
      <c r="B72" s="22">
        <v>27</v>
      </c>
      <c r="C72" s="14">
        <v>23</v>
      </c>
      <c r="D72" s="18">
        <v>50</v>
      </c>
    </row>
    <row r="73" spans="1:4" ht="18" customHeight="1" x14ac:dyDescent="0.15">
      <c r="A73" s="5">
        <v>56</v>
      </c>
      <c r="B73" s="22">
        <v>22</v>
      </c>
      <c r="C73" s="14">
        <v>20</v>
      </c>
      <c r="D73" s="18">
        <v>42</v>
      </c>
    </row>
    <row r="74" spans="1:4" ht="18" customHeight="1" x14ac:dyDescent="0.15">
      <c r="A74" s="5">
        <v>57</v>
      </c>
      <c r="B74" s="22">
        <v>23</v>
      </c>
      <c r="C74" s="14">
        <v>19</v>
      </c>
      <c r="D74" s="18">
        <v>42</v>
      </c>
    </row>
    <row r="75" spans="1:4" ht="18" customHeight="1" x14ac:dyDescent="0.15">
      <c r="A75" s="5">
        <v>58</v>
      </c>
      <c r="B75" s="22">
        <v>19</v>
      </c>
      <c r="C75" s="14">
        <v>12</v>
      </c>
      <c r="D75" s="18">
        <v>31</v>
      </c>
    </row>
    <row r="76" spans="1:4" ht="18" customHeight="1" x14ac:dyDescent="0.15">
      <c r="A76" s="5">
        <v>59</v>
      </c>
      <c r="B76" s="22">
        <v>22</v>
      </c>
      <c r="C76" s="14">
        <v>20</v>
      </c>
      <c r="D76" s="18">
        <v>42</v>
      </c>
    </row>
    <row r="77" spans="1:4" ht="18" customHeight="1" x14ac:dyDescent="0.15">
      <c r="A77" s="5" t="s">
        <v>27</v>
      </c>
      <c r="B77" s="22">
        <v>113</v>
      </c>
      <c r="C77" s="14">
        <v>94</v>
      </c>
      <c r="D77" s="18">
        <v>207</v>
      </c>
    </row>
    <row r="78" spans="1:4" ht="18" customHeight="1" x14ac:dyDescent="0.15">
      <c r="A78" s="5">
        <v>60</v>
      </c>
      <c r="B78" s="22">
        <v>14</v>
      </c>
      <c r="C78" s="14">
        <v>19</v>
      </c>
      <c r="D78" s="18">
        <v>33</v>
      </c>
    </row>
    <row r="79" spans="1:4" ht="18" customHeight="1" x14ac:dyDescent="0.15">
      <c r="A79" s="5">
        <v>61</v>
      </c>
      <c r="B79" s="22">
        <v>20</v>
      </c>
      <c r="C79" s="14">
        <v>28</v>
      </c>
      <c r="D79" s="18">
        <v>48</v>
      </c>
    </row>
    <row r="80" spans="1:4" ht="18" customHeight="1" x14ac:dyDescent="0.15">
      <c r="A80" s="5">
        <v>62</v>
      </c>
      <c r="B80" s="22">
        <v>16</v>
      </c>
      <c r="C80" s="14">
        <v>15</v>
      </c>
      <c r="D80" s="18">
        <v>31</v>
      </c>
    </row>
    <row r="81" spans="1:4" ht="18" customHeight="1" x14ac:dyDescent="0.15">
      <c r="A81" s="5">
        <v>63</v>
      </c>
      <c r="B81" s="22">
        <v>21</v>
      </c>
      <c r="C81" s="14">
        <v>13</v>
      </c>
      <c r="D81" s="18">
        <v>34</v>
      </c>
    </row>
    <row r="82" spans="1:4" ht="18" customHeight="1" x14ac:dyDescent="0.15">
      <c r="A82" s="5">
        <v>64</v>
      </c>
      <c r="B82" s="22">
        <v>13</v>
      </c>
      <c r="C82" s="14">
        <v>15</v>
      </c>
      <c r="D82" s="18">
        <v>28</v>
      </c>
    </row>
    <row r="83" spans="1:4" ht="18" customHeight="1" x14ac:dyDescent="0.15">
      <c r="A83" s="5" t="s">
        <v>28</v>
      </c>
      <c r="B83" s="22">
        <v>84</v>
      </c>
      <c r="C83" s="14">
        <v>90</v>
      </c>
      <c r="D83" s="18">
        <v>174</v>
      </c>
    </row>
    <row r="84" spans="1:4" ht="18" customHeight="1" x14ac:dyDescent="0.15">
      <c r="A84" s="5" t="s">
        <v>31</v>
      </c>
      <c r="B84" s="22">
        <v>716</v>
      </c>
      <c r="C84" s="14">
        <v>663</v>
      </c>
      <c r="D84" s="18">
        <v>1379</v>
      </c>
    </row>
    <row r="85" spans="1:4" ht="18" customHeight="1" x14ac:dyDescent="0.15">
      <c r="A85" s="5">
        <v>65</v>
      </c>
      <c r="B85" s="22">
        <v>22</v>
      </c>
      <c r="C85" s="14">
        <v>12</v>
      </c>
      <c r="D85" s="18">
        <v>34</v>
      </c>
    </row>
    <row r="86" spans="1:4" ht="18" customHeight="1" x14ac:dyDescent="0.15">
      <c r="A86" s="5">
        <v>66</v>
      </c>
      <c r="B86" s="22">
        <v>14</v>
      </c>
      <c r="C86" s="14">
        <v>19</v>
      </c>
      <c r="D86" s="18">
        <v>33</v>
      </c>
    </row>
    <row r="87" spans="1:4" ht="18" customHeight="1" x14ac:dyDescent="0.15">
      <c r="A87" s="5">
        <v>67</v>
      </c>
      <c r="B87" s="22">
        <v>16</v>
      </c>
      <c r="C87" s="14">
        <v>25</v>
      </c>
      <c r="D87" s="18">
        <v>41</v>
      </c>
    </row>
    <row r="88" spans="1:4" ht="18" customHeight="1" x14ac:dyDescent="0.15">
      <c r="A88" s="5">
        <v>68</v>
      </c>
      <c r="B88" s="22">
        <v>11</v>
      </c>
      <c r="C88" s="14">
        <v>17</v>
      </c>
      <c r="D88" s="18">
        <v>28</v>
      </c>
    </row>
    <row r="89" spans="1:4" ht="18" customHeight="1" x14ac:dyDescent="0.15">
      <c r="A89" s="5">
        <v>69</v>
      </c>
      <c r="B89" s="22">
        <v>13</v>
      </c>
      <c r="C89" s="14">
        <v>14</v>
      </c>
      <c r="D89" s="18">
        <v>27</v>
      </c>
    </row>
    <row r="90" spans="1:4" ht="18" customHeight="1" x14ac:dyDescent="0.15">
      <c r="A90" s="5" t="s">
        <v>20</v>
      </c>
      <c r="B90" s="22">
        <v>76</v>
      </c>
      <c r="C90" s="14">
        <v>87</v>
      </c>
      <c r="D90" s="18">
        <v>163</v>
      </c>
    </row>
    <row r="91" spans="1:4" ht="18" customHeight="1" x14ac:dyDescent="0.15">
      <c r="A91" s="5">
        <v>70</v>
      </c>
      <c r="B91" s="22">
        <v>22</v>
      </c>
      <c r="C91" s="14">
        <v>22</v>
      </c>
      <c r="D91" s="18">
        <v>44</v>
      </c>
    </row>
    <row r="92" spans="1:4" ht="18" customHeight="1" x14ac:dyDescent="0.15">
      <c r="A92" s="5">
        <v>71</v>
      </c>
      <c r="B92" s="22">
        <v>17</v>
      </c>
      <c r="C92" s="14">
        <v>14</v>
      </c>
      <c r="D92" s="18">
        <v>31</v>
      </c>
    </row>
    <row r="93" spans="1:4" ht="18" customHeight="1" x14ac:dyDescent="0.15">
      <c r="A93" s="5">
        <v>72</v>
      </c>
      <c r="B93" s="22">
        <v>11</v>
      </c>
      <c r="C93" s="14">
        <v>17</v>
      </c>
      <c r="D93" s="18">
        <v>28</v>
      </c>
    </row>
    <row r="94" spans="1:4" ht="18" customHeight="1" x14ac:dyDescent="0.15">
      <c r="A94" s="5">
        <v>73</v>
      </c>
      <c r="B94" s="22">
        <v>20</v>
      </c>
      <c r="C94" s="14">
        <v>21</v>
      </c>
      <c r="D94" s="18">
        <v>41</v>
      </c>
    </row>
    <row r="95" spans="1:4" ht="18" customHeight="1" x14ac:dyDescent="0.15">
      <c r="A95" s="5">
        <v>74</v>
      </c>
      <c r="B95" s="22">
        <v>16</v>
      </c>
      <c r="C95" s="14">
        <v>13</v>
      </c>
      <c r="D95" s="18">
        <v>29</v>
      </c>
    </row>
    <row r="96" spans="1:4" ht="18" customHeight="1" x14ac:dyDescent="0.15">
      <c r="A96" s="5" t="s">
        <v>33</v>
      </c>
      <c r="B96" s="22">
        <v>86</v>
      </c>
      <c r="C96" s="14">
        <v>87</v>
      </c>
      <c r="D96" s="18">
        <v>173</v>
      </c>
    </row>
    <row r="97" spans="1:4" ht="18" customHeight="1" x14ac:dyDescent="0.15">
      <c r="A97" s="5">
        <v>75</v>
      </c>
      <c r="B97" s="22">
        <v>13</v>
      </c>
      <c r="C97" s="14">
        <v>18</v>
      </c>
      <c r="D97" s="18">
        <v>31</v>
      </c>
    </row>
    <row r="98" spans="1:4" ht="18" customHeight="1" x14ac:dyDescent="0.15">
      <c r="A98" s="5">
        <v>76</v>
      </c>
      <c r="B98" s="22">
        <v>24</v>
      </c>
      <c r="C98" s="14">
        <v>28</v>
      </c>
      <c r="D98" s="18">
        <v>52</v>
      </c>
    </row>
    <row r="99" spans="1:4" ht="18" customHeight="1" x14ac:dyDescent="0.15">
      <c r="A99" s="5">
        <v>77</v>
      </c>
      <c r="B99" s="22">
        <v>16</v>
      </c>
      <c r="C99" s="14">
        <v>27</v>
      </c>
      <c r="D99" s="18">
        <v>43</v>
      </c>
    </row>
    <row r="100" spans="1:4" ht="18" customHeight="1" x14ac:dyDescent="0.15">
      <c r="A100" s="5">
        <v>78</v>
      </c>
      <c r="B100" s="22">
        <v>17</v>
      </c>
      <c r="C100" s="14">
        <v>24</v>
      </c>
      <c r="D100" s="18">
        <v>41</v>
      </c>
    </row>
    <row r="101" spans="1:4" ht="18" customHeight="1" x14ac:dyDescent="0.15">
      <c r="A101" s="5">
        <v>79</v>
      </c>
      <c r="B101" s="22">
        <v>28</v>
      </c>
      <c r="C101" s="14">
        <v>34</v>
      </c>
      <c r="D101" s="18">
        <v>62</v>
      </c>
    </row>
    <row r="102" spans="1:4" ht="18" customHeight="1" x14ac:dyDescent="0.15">
      <c r="A102" s="5" t="s">
        <v>0</v>
      </c>
      <c r="B102" s="22">
        <v>98</v>
      </c>
      <c r="C102" s="14">
        <v>131</v>
      </c>
      <c r="D102" s="18">
        <v>229</v>
      </c>
    </row>
    <row r="103" spans="1:4" ht="18" customHeight="1" x14ac:dyDescent="0.15">
      <c r="A103" s="5">
        <v>80</v>
      </c>
      <c r="B103" s="22">
        <v>7</v>
      </c>
      <c r="C103" s="14">
        <v>11</v>
      </c>
      <c r="D103" s="18">
        <v>18</v>
      </c>
    </row>
    <row r="104" spans="1:4" ht="18" customHeight="1" x14ac:dyDescent="0.15">
      <c r="A104" s="5">
        <v>81</v>
      </c>
      <c r="B104" s="22">
        <v>17</v>
      </c>
      <c r="C104" s="14">
        <v>14</v>
      </c>
      <c r="D104" s="18">
        <v>31</v>
      </c>
    </row>
    <row r="105" spans="1:4" ht="18" customHeight="1" x14ac:dyDescent="0.15">
      <c r="A105" s="5">
        <v>82</v>
      </c>
      <c r="B105" s="22">
        <v>10</v>
      </c>
      <c r="C105" s="14">
        <v>29</v>
      </c>
      <c r="D105" s="18">
        <v>39</v>
      </c>
    </row>
    <row r="106" spans="1:4" ht="18" customHeight="1" x14ac:dyDescent="0.15">
      <c r="A106" s="5">
        <v>83</v>
      </c>
      <c r="B106" s="22">
        <v>14</v>
      </c>
      <c r="C106" s="14">
        <v>14</v>
      </c>
      <c r="D106" s="18">
        <v>28</v>
      </c>
    </row>
    <row r="107" spans="1:4" ht="18" customHeight="1" x14ac:dyDescent="0.15">
      <c r="A107" s="5">
        <v>84</v>
      </c>
      <c r="B107" s="22">
        <v>12</v>
      </c>
      <c r="C107" s="14">
        <v>16</v>
      </c>
      <c r="D107" s="18">
        <v>28</v>
      </c>
    </row>
    <row r="108" spans="1:4" ht="18" customHeight="1" x14ac:dyDescent="0.15">
      <c r="A108" s="5" t="s">
        <v>35</v>
      </c>
      <c r="B108" s="22">
        <v>60</v>
      </c>
      <c r="C108" s="14">
        <v>84</v>
      </c>
      <c r="D108" s="18">
        <v>144</v>
      </c>
    </row>
    <row r="109" spans="1:4" ht="18" customHeight="1" x14ac:dyDescent="0.15">
      <c r="A109" s="5">
        <v>85</v>
      </c>
      <c r="B109" s="22">
        <v>13</v>
      </c>
      <c r="C109" s="14">
        <v>17</v>
      </c>
      <c r="D109" s="18">
        <v>30</v>
      </c>
    </row>
    <row r="110" spans="1:4" ht="18" customHeight="1" x14ac:dyDescent="0.15">
      <c r="A110" s="5">
        <v>86</v>
      </c>
      <c r="B110" s="22">
        <v>12</v>
      </c>
      <c r="C110" s="14">
        <v>11</v>
      </c>
      <c r="D110" s="18">
        <v>23</v>
      </c>
    </row>
    <row r="111" spans="1:4" ht="18" customHeight="1" x14ac:dyDescent="0.15">
      <c r="A111" s="5">
        <v>87</v>
      </c>
      <c r="B111" s="22">
        <v>7</v>
      </c>
      <c r="C111" s="14">
        <v>10</v>
      </c>
      <c r="D111" s="18">
        <v>17</v>
      </c>
    </row>
    <row r="112" spans="1:4" ht="18" customHeight="1" x14ac:dyDescent="0.15">
      <c r="A112" s="5">
        <v>88</v>
      </c>
      <c r="B112" s="22">
        <v>5</v>
      </c>
      <c r="C112" s="14">
        <v>15</v>
      </c>
      <c r="D112" s="18">
        <v>20</v>
      </c>
    </row>
    <row r="113" spans="1:4" ht="18" customHeight="1" x14ac:dyDescent="0.15">
      <c r="A113" s="5">
        <v>89</v>
      </c>
      <c r="B113" s="22">
        <v>10</v>
      </c>
      <c r="C113" s="14">
        <v>18</v>
      </c>
      <c r="D113" s="18">
        <v>28</v>
      </c>
    </row>
    <row r="114" spans="1:4" ht="18" customHeight="1" x14ac:dyDescent="0.15">
      <c r="A114" s="5" t="s">
        <v>37</v>
      </c>
      <c r="B114" s="22">
        <v>47</v>
      </c>
      <c r="C114" s="14">
        <v>71</v>
      </c>
      <c r="D114" s="18">
        <v>118</v>
      </c>
    </row>
    <row r="115" spans="1:4" ht="18" customHeight="1" x14ac:dyDescent="0.15">
      <c r="A115" s="5">
        <v>90</v>
      </c>
      <c r="B115" s="22">
        <v>8</v>
      </c>
      <c r="C115" s="14">
        <v>14</v>
      </c>
      <c r="D115" s="18">
        <v>22</v>
      </c>
    </row>
    <row r="116" spans="1:4" ht="18" customHeight="1" x14ac:dyDescent="0.15">
      <c r="A116" s="5">
        <v>91</v>
      </c>
      <c r="B116" s="22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22">
        <v>6</v>
      </c>
      <c r="C117" s="14">
        <v>10</v>
      </c>
      <c r="D117" s="18">
        <v>16</v>
      </c>
    </row>
    <row r="118" spans="1:4" ht="18" customHeight="1" x14ac:dyDescent="0.15">
      <c r="A118" s="5">
        <v>93</v>
      </c>
      <c r="B118" s="22">
        <v>1</v>
      </c>
      <c r="C118" s="14">
        <v>14</v>
      </c>
      <c r="D118" s="18">
        <v>15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20</v>
      </c>
      <c r="C120" s="14">
        <v>50</v>
      </c>
      <c r="D120" s="18">
        <v>70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3</v>
      </c>
      <c r="C122" s="14">
        <v>4</v>
      </c>
      <c r="D122" s="18">
        <v>7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8</v>
      </c>
      <c r="C126" s="14">
        <v>11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95</v>
      </c>
      <c r="C130" s="14">
        <v>526</v>
      </c>
      <c r="D130" s="18">
        <v>921</v>
      </c>
    </row>
    <row r="131" spans="1:4" ht="18" customHeight="1" x14ac:dyDescent="0.15">
      <c r="A131" s="7" t="s">
        <v>45</v>
      </c>
      <c r="B131" s="23">
        <v>1235</v>
      </c>
      <c r="C131" s="15">
        <v>1304</v>
      </c>
      <c r="D131" s="19">
        <v>25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1</v>
      </c>
      <c r="C8" s="14">
        <v>2</v>
      </c>
      <c r="D8" s="18">
        <v>3</v>
      </c>
    </row>
    <row r="9" spans="1:4" ht="18" customHeight="1" x14ac:dyDescent="0.15">
      <c r="A9" s="5">
        <v>4</v>
      </c>
      <c r="B9" s="28">
        <v>1</v>
      </c>
      <c r="C9" s="30">
        <v>1</v>
      </c>
      <c r="D9" s="32">
        <v>2</v>
      </c>
    </row>
    <row r="10" spans="1:4" ht="18" customHeight="1" x14ac:dyDescent="0.15">
      <c r="A10" s="5" t="s">
        <v>7</v>
      </c>
      <c r="B10" s="22">
        <v>6</v>
      </c>
      <c r="C10" s="14">
        <v>6</v>
      </c>
      <c r="D10" s="18">
        <v>12</v>
      </c>
    </row>
    <row r="11" spans="1:4" ht="18" customHeight="1" x14ac:dyDescent="0.15">
      <c r="A11" s="5">
        <v>5</v>
      </c>
      <c r="B11" s="27">
        <v>3</v>
      </c>
      <c r="C11" s="14">
        <v>4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2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9</v>
      </c>
      <c r="C16" s="14">
        <v>11</v>
      </c>
      <c r="D16" s="18">
        <v>20</v>
      </c>
    </row>
    <row r="17" spans="1:4" ht="18" customHeight="1" x14ac:dyDescent="0.15">
      <c r="A17" s="5">
        <v>10</v>
      </c>
      <c r="B17" s="22">
        <v>1</v>
      </c>
      <c r="C17" s="14">
        <v>2</v>
      </c>
      <c r="D17" s="18">
        <v>3</v>
      </c>
    </row>
    <row r="18" spans="1:4" ht="18" customHeight="1" x14ac:dyDescent="0.15">
      <c r="A18" s="5">
        <v>11</v>
      </c>
      <c r="B18" s="22">
        <v>2</v>
      </c>
      <c r="C18" s="14">
        <v>4</v>
      </c>
      <c r="D18" s="18">
        <v>6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2</v>
      </c>
      <c r="C20" s="14">
        <v>1</v>
      </c>
      <c r="D20" s="18">
        <v>3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12</v>
      </c>
      <c r="C22" s="14">
        <v>11</v>
      </c>
      <c r="D22" s="18">
        <v>23</v>
      </c>
    </row>
    <row r="23" spans="1:4" ht="18" customHeight="1" x14ac:dyDescent="0.15">
      <c r="A23" s="5" t="s">
        <v>6</v>
      </c>
      <c r="B23" s="22">
        <v>27</v>
      </c>
      <c r="C23" s="14">
        <v>28</v>
      </c>
      <c r="D23" s="18">
        <v>55</v>
      </c>
    </row>
    <row r="24" spans="1:4" ht="18" customHeight="1" x14ac:dyDescent="0.15">
      <c r="A24" s="5">
        <v>15</v>
      </c>
      <c r="B24" s="22">
        <v>9</v>
      </c>
      <c r="C24" s="14">
        <v>0</v>
      </c>
      <c r="D24" s="18">
        <v>9</v>
      </c>
    </row>
    <row r="25" spans="1:4" ht="18" customHeight="1" x14ac:dyDescent="0.15">
      <c r="A25" s="5">
        <v>16</v>
      </c>
      <c r="B25" s="22">
        <v>6</v>
      </c>
      <c r="C25" s="14">
        <v>1</v>
      </c>
      <c r="D25" s="18">
        <v>7</v>
      </c>
    </row>
    <row r="26" spans="1:4" ht="18" customHeight="1" x14ac:dyDescent="0.15">
      <c r="A26" s="5">
        <v>17</v>
      </c>
      <c r="B26" s="22">
        <v>6</v>
      </c>
      <c r="C26" s="14">
        <v>3</v>
      </c>
      <c r="D26" s="18">
        <v>9</v>
      </c>
    </row>
    <row r="27" spans="1:4" ht="18" customHeight="1" x14ac:dyDescent="0.15">
      <c r="A27" s="5">
        <v>18</v>
      </c>
      <c r="B27" s="22">
        <v>3</v>
      </c>
      <c r="C27" s="14">
        <v>2</v>
      </c>
      <c r="D27" s="18">
        <v>5</v>
      </c>
    </row>
    <row r="28" spans="1:4" ht="18" customHeight="1" x14ac:dyDescent="0.15">
      <c r="A28" s="5">
        <v>19</v>
      </c>
      <c r="B28" s="22">
        <v>10</v>
      </c>
      <c r="C28" s="14">
        <v>2</v>
      </c>
      <c r="D28" s="18">
        <v>12</v>
      </c>
    </row>
    <row r="29" spans="1:4" ht="18" customHeight="1" x14ac:dyDescent="0.15">
      <c r="A29" s="5" t="s">
        <v>14</v>
      </c>
      <c r="B29" s="22">
        <v>34</v>
      </c>
      <c r="C29" s="14">
        <v>8</v>
      </c>
      <c r="D29" s="18">
        <v>42</v>
      </c>
    </row>
    <row r="30" spans="1:4" ht="18" customHeight="1" x14ac:dyDescent="0.15">
      <c r="A30" s="5">
        <v>20</v>
      </c>
      <c r="B30" s="22">
        <v>11</v>
      </c>
      <c r="C30" s="14">
        <v>6</v>
      </c>
      <c r="D30" s="18">
        <v>17</v>
      </c>
    </row>
    <row r="31" spans="1:4" ht="18" customHeight="1" x14ac:dyDescent="0.15">
      <c r="A31" s="5">
        <v>21</v>
      </c>
      <c r="B31" s="22">
        <v>5</v>
      </c>
      <c r="C31" s="14">
        <v>3</v>
      </c>
      <c r="D31" s="18">
        <v>8</v>
      </c>
    </row>
    <row r="32" spans="1:4" ht="18" customHeight="1" x14ac:dyDescent="0.15">
      <c r="A32" s="5">
        <v>22</v>
      </c>
      <c r="B32" s="22">
        <v>5</v>
      </c>
      <c r="C32" s="14">
        <v>9</v>
      </c>
      <c r="D32" s="18">
        <v>14</v>
      </c>
    </row>
    <row r="33" spans="1:4" ht="18" customHeight="1" x14ac:dyDescent="0.15">
      <c r="A33" s="5">
        <v>23</v>
      </c>
      <c r="B33" s="22">
        <v>2</v>
      </c>
      <c r="C33" s="14">
        <v>2</v>
      </c>
      <c r="D33" s="18">
        <v>4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24</v>
      </c>
      <c r="C35" s="14">
        <v>23</v>
      </c>
      <c r="D35" s="18">
        <v>47</v>
      </c>
    </row>
    <row r="36" spans="1:4" ht="18" customHeight="1" x14ac:dyDescent="0.15">
      <c r="A36" s="5">
        <v>25</v>
      </c>
      <c r="B36" s="22">
        <v>3</v>
      </c>
      <c r="C36" s="14">
        <v>5</v>
      </c>
      <c r="D36" s="18">
        <v>8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3</v>
      </c>
      <c r="C38" s="14">
        <v>1</v>
      </c>
      <c r="D38" s="18">
        <v>4</v>
      </c>
    </row>
    <row r="39" spans="1:4" ht="18" customHeight="1" x14ac:dyDescent="0.15">
      <c r="A39" s="5">
        <v>28</v>
      </c>
      <c r="B39" s="22">
        <v>5</v>
      </c>
      <c r="C39" s="14">
        <v>3</v>
      </c>
      <c r="D39" s="18">
        <v>8</v>
      </c>
    </row>
    <row r="40" spans="1:4" ht="18" customHeight="1" x14ac:dyDescent="0.15">
      <c r="A40" s="5">
        <v>29</v>
      </c>
      <c r="B40" s="22">
        <v>4</v>
      </c>
      <c r="C40" s="14">
        <v>3</v>
      </c>
      <c r="D40" s="18">
        <v>7</v>
      </c>
    </row>
    <row r="41" spans="1:4" ht="18" customHeight="1" x14ac:dyDescent="0.15">
      <c r="A41" s="5" t="s">
        <v>2</v>
      </c>
      <c r="B41" s="22">
        <v>18</v>
      </c>
      <c r="C41" s="14">
        <v>13</v>
      </c>
      <c r="D41" s="18">
        <v>31</v>
      </c>
    </row>
    <row r="42" spans="1:4" ht="18" customHeight="1" x14ac:dyDescent="0.15">
      <c r="A42" s="5">
        <v>30</v>
      </c>
      <c r="B42" s="22">
        <v>2</v>
      </c>
      <c r="C42" s="14">
        <v>5</v>
      </c>
      <c r="D42" s="18">
        <v>7</v>
      </c>
    </row>
    <row r="43" spans="1:4" ht="18" customHeight="1" x14ac:dyDescent="0.15">
      <c r="A43" s="5">
        <v>31</v>
      </c>
      <c r="B43" s="22">
        <v>4</v>
      </c>
      <c r="C43" s="14">
        <v>3</v>
      </c>
      <c r="D43" s="18">
        <v>7</v>
      </c>
    </row>
    <row r="44" spans="1:4" ht="18" customHeight="1" x14ac:dyDescent="0.15">
      <c r="A44" s="5">
        <v>32</v>
      </c>
      <c r="B44" s="22">
        <v>2</v>
      </c>
      <c r="C44" s="14">
        <v>5</v>
      </c>
      <c r="D44" s="18">
        <v>7</v>
      </c>
    </row>
    <row r="45" spans="1:4" ht="18" customHeight="1" x14ac:dyDescent="0.15">
      <c r="A45" s="5">
        <v>33</v>
      </c>
      <c r="B45" s="22">
        <v>2</v>
      </c>
      <c r="C45" s="14">
        <v>3</v>
      </c>
      <c r="D45" s="18">
        <v>5</v>
      </c>
    </row>
    <row r="46" spans="1:4" ht="18" customHeight="1" x14ac:dyDescent="0.15">
      <c r="A46" s="5">
        <v>34</v>
      </c>
      <c r="B46" s="22">
        <v>3</v>
      </c>
      <c r="C46" s="14">
        <v>2</v>
      </c>
      <c r="D46" s="18">
        <v>5</v>
      </c>
    </row>
    <row r="47" spans="1:4" ht="18" customHeight="1" x14ac:dyDescent="0.15">
      <c r="A47" s="5" t="s">
        <v>15</v>
      </c>
      <c r="B47" s="22">
        <v>13</v>
      </c>
      <c r="C47" s="14">
        <v>18</v>
      </c>
      <c r="D47" s="18">
        <v>31</v>
      </c>
    </row>
    <row r="48" spans="1:4" ht="18" customHeight="1" x14ac:dyDescent="0.15">
      <c r="A48" s="5">
        <v>35</v>
      </c>
      <c r="B48" s="22">
        <v>8</v>
      </c>
      <c r="C48" s="14">
        <v>1</v>
      </c>
      <c r="D48" s="18">
        <v>9</v>
      </c>
    </row>
    <row r="49" spans="1:4" ht="18" customHeight="1" x14ac:dyDescent="0.15">
      <c r="A49" s="5">
        <v>36</v>
      </c>
      <c r="B49" s="22">
        <v>3</v>
      </c>
      <c r="C49" s="14">
        <v>2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3</v>
      </c>
      <c r="C51" s="14">
        <v>1</v>
      </c>
      <c r="D51" s="18">
        <v>4</v>
      </c>
    </row>
    <row r="52" spans="1:4" ht="18" customHeight="1" x14ac:dyDescent="0.15">
      <c r="A52" s="5">
        <v>39</v>
      </c>
      <c r="B52" s="22">
        <v>3</v>
      </c>
      <c r="C52" s="14">
        <v>4</v>
      </c>
      <c r="D52" s="18">
        <v>7</v>
      </c>
    </row>
    <row r="53" spans="1:4" ht="18" customHeight="1" x14ac:dyDescent="0.15">
      <c r="A53" s="5" t="s">
        <v>18</v>
      </c>
      <c r="B53" s="22">
        <v>20</v>
      </c>
      <c r="C53" s="14">
        <v>12</v>
      </c>
      <c r="D53" s="18">
        <v>32</v>
      </c>
    </row>
    <row r="54" spans="1:4" ht="18" customHeight="1" x14ac:dyDescent="0.15">
      <c r="A54" s="5">
        <v>40</v>
      </c>
      <c r="B54" s="22">
        <v>6</v>
      </c>
      <c r="C54" s="14">
        <v>3</v>
      </c>
      <c r="D54" s="18">
        <v>9</v>
      </c>
    </row>
    <row r="55" spans="1:4" ht="18" customHeight="1" x14ac:dyDescent="0.15">
      <c r="A55" s="5">
        <v>41</v>
      </c>
      <c r="B55" s="22">
        <v>3</v>
      </c>
      <c r="C55" s="14">
        <v>6</v>
      </c>
      <c r="D55" s="18">
        <v>9</v>
      </c>
    </row>
    <row r="56" spans="1:4" ht="18" customHeight="1" x14ac:dyDescent="0.15">
      <c r="A56" s="5">
        <v>42</v>
      </c>
      <c r="B56" s="22">
        <v>7</v>
      </c>
      <c r="C56" s="14">
        <v>3</v>
      </c>
      <c r="D56" s="18">
        <v>10</v>
      </c>
    </row>
    <row r="57" spans="1:4" ht="18" customHeight="1" x14ac:dyDescent="0.15">
      <c r="A57" s="5">
        <v>43</v>
      </c>
      <c r="B57" s="22">
        <v>8</v>
      </c>
      <c r="C57" s="14">
        <v>0</v>
      </c>
      <c r="D57" s="18">
        <v>8</v>
      </c>
    </row>
    <row r="58" spans="1:4" ht="18" customHeight="1" x14ac:dyDescent="0.15">
      <c r="A58" s="5">
        <v>44</v>
      </c>
      <c r="B58" s="22">
        <v>6</v>
      </c>
      <c r="C58" s="14">
        <v>2</v>
      </c>
      <c r="D58" s="18">
        <v>8</v>
      </c>
    </row>
    <row r="59" spans="1:4" ht="18" customHeight="1" x14ac:dyDescent="0.15">
      <c r="A59" s="5" t="s">
        <v>21</v>
      </c>
      <c r="B59" s="22">
        <v>30</v>
      </c>
      <c r="C59" s="14">
        <v>14</v>
      </c>
      <c r="D59" s="18">
        <v>44</v>
      </c>
    </row>
    <row r="60" spans="1:4" ht="18" customHeight="1" x14ac:dyDescent="0.15">
      <c r="A60" s="5">
        <v>45</v>
      </c>
      <c r="B60" s="22">
        <v>1</v>
      </c>
      <c r="C60" s="14">
        <v>5</v>
      </c>
      <c r="D60" s="18">
        <v>6</v>
      </c>
    </row>
    <row r="61" spans="1:4" ht="18" customHeight="1" x14ac:dyDescent="0.15">
      <c r="A61" s="5">
        <v>46</v>
      </c>
      <c r="B61" s="22">
        <v>6</v>
      </c>
      <c r="C61" s="14">
        <v>7</v>
      </c>
      <c r="D61" s="18">
        <v>13</v>
      </c>
    </row>
    <row r="62" spans="1:4" ht="18" customHeight="1" x14ac:dyDescent="0.15">
      <c r="A62" s="5">
        <v>47</v>
      </c>
      <c r="B62" s="22">
        <v>6</v>
      </c>
      <c r="C62" s="14">
        <v>7</v>
      </c>
      <c r="D62" s="18">
        <v>13</v>
      </c>
    </row>
    <row r="63" spans="1:4" ht="18" customHeight="1" x14ac:dyDescent="0.15">
      <c r="A63" s="5">
        <v>48</v>
      </c>
      <c r="B63" s="22">
        <v>6</v>
      </c>
      <c r="C63" s="14">
        <v>1</v>
      </c>
      <c r="D63" s="18">
        <v>7</v>
      </c>
    </row>
    <row r="64" spans="1:4" ht="18" customHeight="1" x14ac:dyDescent="0.15">
      <c r="A64" s="5">
        <v>49</v>
      </c>
      <c r="B64" s="22">
        <v>10</v>
      </c>
      <c r="C64" s="14">
        <v>4</v>
      </c>
      <c r="D64" s="18">
        <v>14</v>
      </c>
    </row>
    <row r="65" spans="1:4" ht="18" customHeight="1" x14ac:dyDescent="0.15">
      <c r="A65" s="5" t="s">
        <v>17</v>
      </c>
      <c r="B65" s="22">
        <v>29</v>
      </c>
      <c r="C65" s="14">
        <v>24</v>
      </c>
      <c r="D65" s="18">
        <v>53</v>
      </c>
    </row>
    <row r="66" spans="1:4" ht="18" customHeight="1" x14ac:dyDescent="0.15">
      <c r="A66" s="5">
        <v>50</v>
      </c>
      <c r="B66" s="22">
        <v>6</v>
      </c>
      <c r="C66" s="14">
        <v>7</v>
      </c>
      <c r="D66" s="18">
        <v>13</v>
      </c>
    </row>
    <row r="67" spans="1:4" ht="18" customHeight="1" x14ac:dyDescent="0.15">
      <c r="A67" s="5">
        <v>51</v>
      </c>
      <c r="B67" s="22">
        <v>12</v>
      </c>
      <c r="C67" s="14">
        <v>7</v>
      </c>
      <c r="D67" s="18">
        <v>19</v>
      </c>
    </row>
    <row r="68" spans="1:4" ht="18" customHeight="1" x14ac:dyDescent="0.15">
      <c r="A68" s="5">
        <v>52</v>
      </c>
      <c r="B68" s="22">
        <v>6</v>
      </c>
      <c r="C68" s="14">
        <v>11</v>
      </c>
      <c r="D68" s="18">
        <v>17</v>
      </c>
    </row>
    <row r="69" spans="1:4" ht="18" customHeight="1" x14ac:dyDescent="0.15">
      <c r="A69" s="5">
        <v>53</v>
      </c>
      <c r="B69" s="22">
        <v>10</v>
      </c>
      <c r="C69" s="14">
        <v>7</v>
      </c>
      <c r="D69" s="18">
        <v>17</v>
      </c>
    </row>
    <row r="70" spans="1:4" ht="18" customHeight="1" x14ac:dyDescent="0.15">
      <c r="A70" s="5">
        <v>54</v>
      </c>
      <c r="B70" s="22">
        <v>7</v>
      </c>
      <c r="C70" s="14">
        <v>7</v>
      </c>
      <c r="D70" s="18">
        <v>14</v>
      </c>
    </row>
    <row r="71" spans="1:4" ht="18" customHeight="1" x14ac:dyDescent="0.15">
      <c r="A71" s="5" t="s">
        <v>22</v>
      </c>
      <c r="B71" s="22">
        <v>41</v>
      </c>
      <c r="C71" s="14">
        <v>39</v>
      </c>
      <c r="D71" s="18">
        <v>80</v>
      </c>
    </row>
    <row r="72" spans="1:4" ht="18" customHeight="1" x14ac:dyDescent="0.15">
      <c r="A72" s="5">
        <v>55</v>
      </c>
      <c r="B72" s="22">
        <v>5</v>
      </c>
      <c r="C72" s="14">
        <v>12</v>
      </c>
      <c r="D72" s="18">
        <v>17</v>
      </c>
    </row>
    <row r="73" spans="1:4" ht="18" customHeight="1" x14ac:dyDescent="0.15">
      <c r="A73" s="5">
        <v>56</v>
      </c>
      <c r="B73" s="22">
        <v>9</v>
      </c>
      <c r="C73" s="14">
        <v>10</v>
      </c>
      <c r="D73" s="18">
        <v>19</v>
      </c>
    </row>
    <row r="74" spans="1:4" ht="18" customHeight="1" x14ac:dyDescent="0.15">
      <c r="A74" s="5">
        <v>57</v>
      </c>
      <c r="B74" s="22">
        <v>6</v>
      </c>
      <c r="C74" s="14">
        <v>8</v>
      </c>
      <c r="D74" s="18">
        <v>14</v>
      </c>
    </row>
    <row r="75" spans="1:4" ht="18" customHeight="1" x14ac:dyDescent="0.15">
      <c r="A75" s="5">
        <v>58</v>
      </c>
      <c r="B75" s="22">
        <v>7</v>
      </c>
      <c r="C75" s="14">
        <v>8</v>
      </c>
      <c r="D75" s="18">
        <v>15</v>
      </c>
    </row>
    <row r="76" spans="1:4" ht="18" customHeight="1" x14ac:dyDescent="0.15">
      <c r="A76" s="5">
        <v>59</v>
      </c>
      <c r="B76" s="22">
        <v>6</v>
      </c>
      <c r="C76" s="14">
        <v>7</v>
      </c>
      <c r="D76" s="18">
        <v>13</v>
      </c>
    </row>
    <row r="77" spans="1:4" ht="18" customHeight="1" x14ac:dyDescent="0.15">
      <c r="A77" s="5" t="s">
        <v>27</v>
      </c>
      <c r="B77" s="22">
        <v>33</v>
      </c>
      <c r="C77" s="14">
        <v>45</v>
      </c>
      <c r="D77" s="18">
        <v>78</v>
      </c>
    </row>
    <row r="78" spans="1:4" ht="18" customHeight="1" x14ac:dyDescent="0.15">
      <c r="A78" s="5">
        <v>60</v>
      </c>
      <c r="B78" s="22">
        <v>5</v>
      </c>
      <c r="C78" s="14">
        <v>6</v>
      </c>
      <c r="D78" s="18">
        <v>11</v>
      </c>
    </row>
    <row r="79" spans="1:4" ht="18" customHeight="1" x14ac:dyDescent="0.15">
      <c r="A79" s="5">
        <v>61</v>
      </c>
      <c r="B79" s="22">
        <v>2</v>
      </c>
      <c r="C79" s="14">
        <v>7</v>
      </c>
      <c r="D79" s="18">
        <v>9</v>
      </c>
    </row>
    <row r="80" spans="1:4" ht="18" customHeight="1" x14ac:dyDescent="0.15">
      <c r="A80" s="5">
        <v>62</v>
      </c>
      <c r="B80" s="22">
        <v>7</v>
      </c>
      <c r="C80" s="14">
        <v>9</v>
      </c>
      <c r="D80" s="18">
        <v>16</v>
      </c>
    </row>
    <row r="81" spans="1:4" ht="18" customHeight="1" x14ac:dyDescent="0.15">
      <c r="A81" s="5">
        <v>63</v>
      </c>
      <c r="B81" s="22">
        <v>8</v>
      </c>
      <c r="C81" s="14">
        <v>6</v>
      </c>
      <c r="D81" s="18">
        <v>14</v>
      </c>
    </row>
    <row r="82" spans="1:4" ht="18" customHeight="1" x14ac:dyDescent="0.15">
      <c r="A82" s="5">
        <v>64</v>
      </c>
      <c r="B82" s="22">
        <v>7</v>
      </c>
      <c r="C82" s="14">
        <v>2</v>
      </c>
      <c r="D82" s="18">
        <v>9</v>
      </c>
    </row>
    <row r="83" spans="1:4" ht="18" customHeight="1" x14ac:dyDescent="0.15">
      <c r="A83" s="5" t="s">
        <v>28</v>
      </c>
      <c r="B83" s="22">
        <v>29</v>
      </c>
      <c r="C83" s="14">
        <v>30</v>
      </c>
      <c r="D83" s="18">
        <v>59</v>
      </c>
    </row>
    <row r="84" spans="1:4" ht="18" customHeight="1" x14ac:dyDescent="0.15">
      <c r="A84" s="5" t="s">
        <v>31</v>
      </c>
      <c r="B84" s="22">
        <v>271</v>
      </c>
      <c r="C84" s="14">
        <v>226</v>
      </c>
      <c r="D84" s="18">
        <v>497</v>
      </c>
    </row>
    <row r="85" spans="1:4" ht="18" customHeight="1" x14ac:dyDescent="0.15">
      <c r="A85" s="5">
        <v>65</v>
      </c>
      <c r="B85" s="22">
        <v>9</v>
      </c>
      <c r="C85" s="14">
        <v>9</v>
      </c>
      <c r="D85" s="18">
        <v>18</v>
      </c>
    </row>
    <row r="86" spans="1:4" ht="18" customHeight="1" x14ac:dyDescent="0.15">
      <c r="A86" s="5">
        <v>66</v>
      </c>
      <c r="B86" s="22">
        <v>5</v>
      </c>
      <c r="C86" s="14">
        <v>9</v>
      </c>
      <c r="D86" s="18">
        <v>14</v>
      </c>
    </row>
    <row r="87" spans="1:4" ht="18" customHeight="1" x14ac:dyDescent="0.15">
      <c r="A87" s="5">
        <v>67</v>
      </c>
      <c r="B87" s="22">
        <v>7</v>
      </c>
      <c r="C87" s="14">
        <v>10</v>
      </c>
      <c r="D87" s="18">
        <v>17</v>
      </c>
    </row>
    <row r="88" spans="1:4" ht="18" customHeight="1" x14ac:dyDescent="0.15">
      <c r="A88" s="5">
        <v>68</v>
      </c>
      <c r="B88" s="22">
        <v>9</v>
      </c>
      <c r="C88" s="14">
        <v>8</v>
      </c>
      <c r="D88" s="18">
        <v>17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36</v>
      </c>
      <c r="C90" s="14">
        <v>42</v>
      </c>
      <c r="D90" s="18">
        <v>78</v>
      </c>
    </row>
    <row r="91" spans="1:4" ht="18" customHeight="1" x14ac:dyDescent="0.15">
      <c r="A91" s="5">
        <v>70</v>
      </c>
      <c r="B91" s="22">
        <v>7</v>
      </c>
      <c r="C91" s="14">
        <v>11</v>
      </c>
      <c r="D91" s="18">
        <v>18</v>
      </c>
    </row>
    <row r="92" spans="1:4" ht="18" customHeight="1" x14ac:dyDescent="0.15">
      <c r="A92" s="5">
        <v>71</v>
      </c>
      <c r="B92" s="22">
        <v>8</v>
      </c>
      <c r="C92" s="14">
        <v>10</v>
      </c>
      <c r="D92" s="18">
        <v>18</v>
      </c>
    </row>
    <row r="93" spans="1:4" ht="18" customHeight="1" x14ac:dyDescent="0.15">
      <c r="A93" s="5">
        <v>72</v>
      </c>
      <c r="B93" s="22">
        <v>18</v>
      </c>
      <c r="C93" s="14">
        <v>13</v>
      </c>
      <c r="D93" s="18">
        <v>31</v>
      </c>
    </row>
    <row r="94" spans="1:4" ht="18" customHeight="1" x14ac:dyDescent="0.15">
      <c r="A94" s="5">
        <v>73</v>
      </c>
      <c r="B94" s="22">
        <v>8</v>
      </c>
      <c r="C94" s="14">
        <v>6</v>
      </c>
      <c r="D94" s="18">
        <v>14</v>
      </c>
    </row>
    <row r="95" spans="1:4" ht="18" customHeight="1" x14ac:dyDescent="0.15">
      <c r="A95" s="5">
        <v>74</v>
      </c>
      <c r="B95" s="22">
        <v>11</v>
      </c>
      <c r="C95" s="14">
        <v>9</v>
      </c>
      <c r="D95" s="18">
        <v>20</v>
      </c>
    </row>
    <row r="96" spans="1:4" ht="18" customHeight="1" x14ac:dyDescent="0.15">
      <c r="A96" s="5" t="s">
        <v>33</v>
      </c>
      <c r="B96" s="22">
        <v>52</v>
      </c>
      <c r="C96" s="14">
        <v>49</v>
      </c>
      <c r="D96" s="18">
        <v>101</v>
      </c>
    </row>
    <row r="97" spans="1:4" ht="18" customHeight="1" x14ac:dyDescent="0.15">
      <c r="A97" s="5">
        <v>75</v>
      </c>
      <c r="B97" s="22">
        <v>12</v>
      </c>
      <c r="C97" s="14">
        <v>11</v>
      </c>
      <c r="D97" s="18">
        <v>23</v>
      </c>
    </row>
    <row r="98" spans="1:4" ht="18" customHeight="1" x14ac:dyDescent="0.15">
      <c r="A98" s="5">
        <v>76</v>
      </c>
      <c r="B98" s="22">
        <v>10</v>
      </c>
      <c r="C98" s="14">
        <v>13</v>
      </c>
      <c r="D98" s="18">
        <v>23</v>
      </c>
    </row>
    <row r="99" spans="1:4" ht="18" customHeight="1" x14ac:dyDescent="0.15">
      <c r="A99" s="5">
        <v>77</v>
      </c>
      <c r="B99" s="22">
        <v>11</v>
      </c>
      <c r="C99" s="14">
        <v>18</v>
      </c>
      <c r="D99" s="18">
        <v>29</v>
      </c>
    </row>
    <row r="100" spans="1:4" ht="18" customHeight="1" x14ac:dyDescent="0.15">
      <c r="A100" s="5">
        <v>78</v>
      </c>
      <c r="B100" s="22">
        <v>13</v>
      </c>
      <c r="C100" s="14">
        <v>14</v>
      </c>
      <c r="D100" s="18">
        <v>27</v>
      </c>
    </row>
    <row r="101" spans="1:4" ht="18" customHeight="1" x14ac:dyDescent="0.15">
      <c r="A101" s="5">
        <v>79</v>
      </c>
      <c r="B101" s="22">
        <v>9</v>
      </c>
      <c r="C101" s="14">
        <v>17</v>
      </c>
      <c r="D101" s="18">
        <v>26</v>
      </c>
    </row>
    <row r="102" spans="1:4" ht="18" customHeight="1" x14ac:dyDescent="0.15">
      <c r="A102" s="5" t="s">
        <v>0</v>
      </c>
      <c r="B102" s="22">
        <v>55</v>
      </c>
      <c r="C102" s="14">
        <v>73</v>
      </c>
      <c r="D102" s="18">
        <v>128</v>
      </c>
    </row>
    <row r="103" spans="1:4" ht="18" customHeight="1" x14ac:dyDescent="0.15">
      <c r="A103" s="5">
        <v>80</v>
      </c>
      <c r="B103" s="22">
        <v>9</v>
      </c>
      <c r="C103" s="14">
        <v>8</v>
      </c>
      <c r="D103" s="18">
        <v>17</v>
      </c>
    </row>
    <row r="104" spans="1:4" ht="18" customHeight="1" x14ac:dyDescent="0.15">
      <c r="A104" s="5">
        <v>81</v>
      </c>
      <c r="B104" s="22">
        <v>12</v>
      </c>
      <c r="C104" s="14">
        <v>7</v>
      </c>
      <c r="D104" s="18">
        <v>19</v>
      </c>
    </row>
    <row r="105" spans="1:4" ht="18" customHeight="1" x14ac:dyDescent="0.15">
      <c r="A105" s="5">
        <v>82</v>
      </c>
      <c r="B105" s="22">
        <v>7</v>
      </c>
      <c r="C105" s="14">
        <v>13</v>
      </c>
      <c r="D105" s="18">
        <v>20</v>
      </c>
    </row>
    <row r="106" spans="1:4" ht="18" customHeight="1" x14ac:dyDescent="0.15">
      <c r="A106" s="5">
        <v>83</v>
      </c>
      <c r="B106" s="22">
        <v>7</v>
      </c>
      <c r="C106" s="14">
        <v>8</v>
      </c>
      <c r="D106" s="18">
        <v>15</v>
      </c>
    </row>
    <row r="107" spans="1:4" ht="18" customHeight="1" x14ac:dyDescent="0.15">
      <c r="A107" s="5">
        <v>84</v>
      </c>
      <c r="B107" s="22">
        <v>5</v>
      </c>
      <c r="C107" s="14">
        <v>10</v>
      </c>
      <c r="D107" s="18">
        <v>15</v>
      </c>
    </row>
    <row r="108" spans="1:4" ht="18" customHeight="1" x14ac:dyDescent="0.15">
      <c r="A108" s="5" t="s">
        <v>35</v>
      </c>
      <c r="B108" s="22">
        <v>40</v>
      </c>
      <c r="C108" s="14">
        <v>46</v>
      </c>
      <c r="D108" s="18">
        <v>86</v>
      </c>
    </row>
    <row r="109" spans="1:4" ht="18" customHeight="1" x14ac:dyDescent="0.15">
      <c r="A109" s="5">
        <v>85</v>
      </c>
      <c r="B109" s="22">
        <v>5</v>
      </c>
      <c r="C109" s="14">
        <v>5</v>
      </c>
      <c r="D109" s="18">
        <v>10</v>
      </c>
    </row>
    <row r="110" spans="1:4" ht="18" customHeight="1" x14ac:dyDescent="0.15">
      <c r="A110" s="5">
        <v>86</v>
      </c>
      <c r="B110" s="22">
        <v>1</v>
      </c>
      <c r="C110" s="14">
        <v>8</v>
      </c>
      <c r="D110" s="18">
        <v>9</v>
      </c>
    </row>
    <row r="111" spans="1:4" ht="18" customHeight="1" x14ac:dyDescent="0.15">
      <c r="A111" s="5">
        <v>87</v>
      </c>
      <c r="B111" s="22">
        <v>4</v>
      </c>
      <c r="C111" s="14">
        <v>6</v>
      </c>
      <c r="D111" s="18">
        <v>10</v>
      </c>
    </row>
    <row r="112" spans="1:4" ht="18" customHeight="1" x14ac:dyDescent="0.15">
      <c r="A112" s="5">
        <v>88</v>
      </c>
      <c r="B112" s="22">
        <v>5</v>
      </c>
      <c r="C112" s="14">
        <v>12</v>
      </c>
      <c r="D112" s="18">
        <v>17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7</v>
      </c>
      <c r="C114" s="14">
        <v>33</v>
      </c>
      <c r="D114" s="18">
        <v>50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1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5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7</v>
      </c>
      <c r="D119" s="18">
        <v>8</v>
      </c>
    </row>
    <row r="120" spans="1:4" ht="18" customHeight="1" x14ac:dyDescent="0.15">
      <c r="A120" s="5" t="s">
        <v>39</v>
      </c>
      <c r="B120" s="22">
        <v>11</v>
      </c>
      <c r="C120" s="14">
        <v>26</v>
      </c>
      <c r="D120" s="18">
        <v>37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2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214</v>
      </c>
      <c r="C130" s="14">
        <v>282</v>
      </c>
      <c r="D130" s="18">
        <v>496</v>
      </c>
    </row>
    <row r="131" spans="1:4" ht="18" customHeight="1" x14ac:dyDescent="0.15">
      <c r="A131" s="7" t="s">
        <v>45</v>
      </c>
      <c r="B131" s="23">
        <v>512</v>
      </c>
      <c r="C131" s="15">
        <v>536</v>
      </c>
      <c r="D131" s="19">
        <v>10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6-01T06:57:10Z</dcterms:created>
  <dcterms:modified xsi:type="dcterms:W3CDTF">2026-06-01T07:11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6-01T06:57:10Z</vt:filetime>
  </property>
</Properties>
</file>